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73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803449\Desktop\Temp exports\Con dashboard data\"/>
    </mc:Choice>
  </mc:AlternateContent>
  <xr:revisionPtr revIDLastSave="0" documentId="8_{36002BF4-8F6D-4F2F-95AA-86F44C2BDD02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Sheet1" sheetId="1" r:id="rId1"/>
  </sheets>
  <definedNames>
    <definedName name="_xlnm._FilterDatabase" localSheetId="0" hidden="1">Sheet1!$A$1:$J$1730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24183" uniqueCount="137">
  <si>
    <t>Region</t>
  </si>
  <si>
    <t>Constistuency</t>
  </si>
  <si>
    <t>Subject</t>
  </si>
  <si>
    <t>Measure</t>
  </si>
  <si>
    <t>TimePeriod</t>
  </si>
  <si>
    <t>Year</t>
  </si>
  <si>
    <t>Sex</t>
  </si>
  <si>
    <t>Age</t>
  </si>
  <si>
    <t>CT Band</t>
  </si>
  <si>
    <t>Data</t>
  </si>
  <si>
    <t>North East Scotland</t>
  </si>
  <si>
    <t>Aberdeen Central</t>
  </si>
  <si>
    <t>Labour market</t>
  </si>
  <si>
    <t>Unemployment</t>
  </si>
  <si>
    <t>All</t>
  </si>
  <si>
    <t>N/A</t>
  </si>
  <si>
    <t>Aberdeen Donside</t>
  </si>
  <si>
    <t>Aberdeen South and North Kincardine</t>
  </si>
  <si>
    <t>Aberdeenshire East</t>
  </si>
  <si>
    <t>Aberdeenshire West</t>
  </si>
  <si>
    <t>Central Scotland</t>
  </si>
  <si>
    <t>Airdrie and Shotts</t>
  </si>
  <si>
    <t>Lothian</t>
  </si>
  <si>
    <t>Almond Valley</t>
  </si>
  <si>
    <t>Angus North and Mearns</t>
  </si>
  <si>
    <t>Angus South</t>
  </si>
  <si>
    <t>Highlands and Islands</t>
  </si>
  <si>
    <t>Argyll and Bute</t>
  </si>
  <si>
    <t>South Scotland</t>
  </si>
  <si>
    <t>Ayr</t>
  </si>
  <si>
    <t>Banffshire and Buchan Coast</t>
  </si>
  <si>
    <t>Caithness, Sutherland and Ross</t>
  </si>
  <si>
    <t>Carrick, Cumnock and Doon Valley</t>
  </si>
  <si>
    <t>Mid Scotland and Fife</t>
  </si>
  <si>
    <t>Clackmannanshire and Dunblane</t>
  </si>
  <si>
    <t>West Scotland</t>
  </si>
  <si>
    <t>Clydebank and Milngavie</t>
  </si>
  <si>
    <t>Clydesdale</t>
  </si>
  <si>
    <t>Coatbridge and Chryston</t>
  </si>
  <si>
    <t>Cowdenbeath</t>
  </si>
  <si>
    <t>Cumbernauld and Kilsyth</t>
  </si>
  <si>
    <t>Cunninghame North</t>
  </si>
  <si>
    <t>Cunninghame South</t>
  </si>
  <si>
    <t>Dumbarton</t>
  </si>
  <si>
    <t>Dumfriesshire</t>
  </si>
  <si>
    <t>Dundee City East</t>
  </si>
  <si>
    <t>Dundee City West</t>
  </si>
  <si>
    <t>Dunfermline</t>
  </si>
  <si>
    <t>East Kilbride</t>
  </si>
  <si>
    <t>East Lothian</t>
  </si>
  <si>
    <t>Eastwood</t>
  </si>
  <si>
    <t>Edinburgh Central</t>
  </si>
  <si>
    <t>Edinburgh Eastern</t>
  </si>
  <si>
    <t>Edinburgh Northern and Leith</t>
  </si>
  <si>
    <t>Edinburgh Pentlands</t>
  </si>
  <si>
    <t>Edinburgh Southern</t>
  </si>
  <si>
    <t>Edinburgh Western</t>
  </si>
  <si>
    <t>Na h-Eileanan an Iar</t>
  </si>
  <si>
    <t>Ettrick, Roxburgh and Berwickshire</t>
  </si>
  <si>
    <t>Falkirk East</t>
  </si>
  <si>
    <t>Falkirk West</t>
  </si>
  <si>
    <t>Galloway and West Dumfries</t>
  </si>
  <si>
    <t>Glasgow</t>
  </si>
  <si>
    <t>Glasgow Anniesland</t>
  </si>
  <si>
    <t>Glasgow Cathcart</t>
  </si>
  <si>
    <t>Glasgow Kelvin</t>
  </si>
  <si>
    <t>Glasgow Maryhill and Springburn</t>
  </si>
  <si>
    <t>Glasgow Pollok</t>
  </si>
  <si>
    <t>Glasgow Provan</t>
  </si>
  <si>
    <t>Glasgow Shettleston</t>
  </si>
  <si>
    <t>Glasgow Southside</t>
  </si>
  <si>
    <t>Greenock and Inverclyde</t>
  </si>
  <si>
    <t>Hamilton, Larkhall and Stonehouse</t>
  </si>
  <si>
    <t>Inverness and Nairn</t>
  </si>
  <si>
    <t>Kilmarnock and Irvine Valley</t>
  </si>
  <si>
    <t>Kirkcaldy</t>
  </si>
  <si>
    <t>Linlithgow</t>
  </si>
  <si>
    <t>Mid Fife and Glenrothes</t>
  </si>
  <si>
    <t>Midlothian North and Musselburgh</t>
  </si>
  <si>
    <t>Midlothian South, Tweeddale and Lauderdale</t>
  </si>
  <si>
    <t>Moray</t>
  </si>
  <si>
    <t>Motherwell and Wishaw</t>
  </si>
  <si>
    <t>North East Fife</t>
  </si>
  <si>
    <t>Orkney Islands</t>
  </si>
  <si>
    <t>Paisley</t>
  </si>
  <si>
    <t>Perthshire North</t>
  </si>
  <si>
    <t>Perthshire South and Kinross-shire</t>
  </si>
  <si>
    <t>Renfrewshire North and West</t>
  </si>
  <si>
    <t>Renfrewshire South</t>
  </si>
  <si>
    <t>Rutherglen</t>
  </si>
  <si>
    <t>Shetland Islands</t>
  </si>
  <si>
    <t>Skye, Lochaber and Badenoch</t>
  </si>
  <si>
    <t>Stirling</t>
  </si>
  <si>
    <t>Strathkelvin and Bearsden</t>
  </si>
  <si>
    <t>Uddingston and Bellshill</t>
  </si>
  <si>
    <t>Employment</t>
  </si>
  <si>
    <t>Inactivity</t>
  </si>
  <si>
    <t>Male</t>
  </si>
  <si>
    <t>Female</t>
  </si>
  <si>
    <t>Housing</t>
  </si>
  <si>
    <t>Dwellings by Council tax band</t>
  </si>
  <si>
    <t>Band A</t>
  </si>
  <si>
    <t>Band B</t>
  </si>
  <si>
    <t>Band C</t>
  </si>
  <si>
    <t>Band D</t>
  </si>
  <si>
    <t>Band E</t>
  </si>
  <si>
    <t>Band F</t>
  </si>
  <si>
    <t>Band G</t>
  </si>
  <si>
    <t>Band H</t>
  </si>
  <si>
    <t>Social Security</t>
  </si>
  <si>
    <t>Disability Living Allowance</t>
  </si>
  <si>
    <t>Carer's Allowance</t>
  </si>
  <si>
    <t>Attendance Allowance</t>
  </si>
  <si>
    <t>House prices</t>
  </si>
  <si>
    <t>Health</t>
  </si>
  <si>
    <t>Life Expectancy</t>
  </si>
  <si>
    <t>0 years</t>
  </si>
  <si>
    <t>Population</t>
  </si>
  <si>
    <t>Age groups</t>
  </si>
  <si>
    <t>Under 16</t>
  </si>
  <si>
    <t>16 to 24</t>
  </si>
  <si>
    <t>25 to 49</t>
  </si>
  <si>
    <t>50 to 64</t>
  </si>
  <si>
    <t>65 to 84</t>
  </si>
  <si>
    <t>85 and over</t>
  </si>
  <si>
    <t>Males</t>
  </si>
  <si>
    <t>Females</t>
  </si>
  <si>
    <t>2016-2018</t>
  </si>
  <si>
    <t>2014-2016</t>
  </si>
  <si>
    <t>2015-2017</t>
  </si>
  <si>
    <t>2017-2019</t>
  </si>
  <si>
    <t>2018-2020</t>
  </si>
  <si>
    <t>2019-2021</t>
  </si>
  <si>
    <t>Jul 2023-Jun 2024</t>
  </si>
  <si>
    <t>Bands A-C</t>
  </si>
  <si>
    <t>Bands D-E</t>
  </si>
  <si>
    <t>Bands F-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"/>
    <numFmt numFmtId="165" formatCode="#,##0.0"/>
  </numFmts>
  <fonts count="9" x14ac:knownFonts="1">
    <font>
      <sz val="12"/>
      <color theme="1"/>
      <name val="Arial"/>
      <family val="2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0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b/>
      <sz val="14"/>
      <name val="Arial"/>
      <family val="2"/>
    </font>
    <font>
      <sz val="9"/>
      <name val="Arial"/>
      <family val="2"/>
    </font>
    <font>
      <sz val="10"/>
      <name val="arial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20"/>
        <bgColor indexed="64"/>
      </patternFill>
    </fill>
    <fill>
      <patternFill patternType="solid">
        <fgColor rgb="FFFBFBFB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rgb="FFF1F1F1"/>
      </left>
      <right style="medium">
        <color rgb="FFF1F1F1"/>
      </right>
      <top style="medium">
        <color rgb="FFF1F1F1"/>
      </top>
      <bottom style="medium">
        <color rgb="FFF1F1F1"/>
      </bottom>
      <diagonal/>
    </border>
  </borders>
  <cellStyleXfs count="13">
    <xf numFmtId="0" fontId="0" fillId="0" borderId="0"/>
    <xf numFmtId="0" fontId="1" fillId="0" borderId="0"/>
    <xf numFmtId="0" fontId="3" fillId="2" borderId="0">
      <protection locked="0"/>
    </xf>
    <xf numFmtId="0" fontId="3" fillId="3" borderId="1">
      <alignment horizontal="center" vertical="center"/>
      <protection locked="0"/>
    </xf>
    <xf numFmtId="0" fontId="4" fillId="0" borderId="0">
      <protection locked="0"/>
    </xf>
    <xf numFmtId="0" fontId="2" fillId="2" borderId="0">
      <protection locked="0"/>
    </xf>
    <xf numFmtId="0" fontId="2" fillId="3" borderId="1">
      <alignment horizontal="center" vertical="center"/>
      <protection locked="0"/>
    </xf>
    <xf numFmtId="0" fontId="2" fillId="4" borderId="0">
      <protection locked="0"/>
    </xf>
    <xf numFmtId="0" fontId="5" fillId="3" borderId="0">
      <alignment vertical="center"/>
      <protection locked="0"/>
    </xf>
    <xf numFmtId="0" fontId="5" fillId="0" borderId="0">
      <protection locked="0"/>
    </xf>
    <xf numFmtId="0" fontId="6" fillId="0" borderId="0">
      <protection locked="0"/>
    </xf>
    <xf numFmtId="0" fontId="2" fillId="3" borderId="2">
      <alignment vertical="center"/>
      <protection locked="0"/>
    </xf>
    <xf numFmtId="0" fontId="2" fillId="2" borderId="0">
      <protection locked="0"/>
    </xf>
  </cellStyleXfs>
  <cellXfs count="15">
    <xf numFmtId="0" fontId="0" fillId="0" borderId="0" xfId="0"/>
    <xf numFmtId="0" fontId="1" fillId="0" borderId="0" xfId="1"/>
    <xf numFmtId="2" fontId="1" fillId="0" borderId="0" xfId="1" applyNumberFormat="1"/>
    <xf numFmtId="2" fontId="0" fillId="0" borderId="0" xfId="0" applyNumberFormat="1"/>
    <xf numFmtId="14" fontId="0" fillId="0" borderId="0" xfId="0" applyNumberFormat="1"/>
    <xf numFmtId="1" fontId="1" fillId="0" borderId="0" xfId="1" applyNumberFormat="1"/>
    <xf numFmtId="0" fontId="0" fillId="0" borderId="0" xfId="0" applyNumberFormat="1"/>
    <xf numFmtId="0" fontId="8" fillId="0" borderId="0" xfId="0" applyFont="1" applyAlignment="1">
      <alignment horizontal="left"/>
    </xf>
    <xf numFmtId="164" fontId="1" fillId="0" borderId="0" xfId="1" applyNumberFormat="1"/>
    <xf numFmtId="164" fontId="8" fillId="0" borderId="0" xfId="0" applyNumberFormat="1" applyFont="1" applyAlignment="1">
      <alignment horizontal="right"/>
    </xf>
    <xf numFmtId="164" fontId="0" fillId="0" borderId="0" xfId="0" applyNumberFormat="1"/>
    <xf numFmtId="164" fontId="7" fillId="5" borderId="3" xfId="5" applyNumberFormat="1" applyFont="1" applyFill="1" applyBorder="1" applyAlignment="1">
      <alignment horizontal="right"/>
      <protection locked="0"/>
    </xf>
    <xf numFmtId="0" fontId="1" fillId="0" borderId="0" xfId="1" applyNumberFormat="1"/>
    <xf numFmtId="165" fontId="2" fillId="0" borderId="0" xfId="0" applyNumberFormat="1" applyFont="1" applyAlignment="1">
      <alignment horizontal="right"/>
    </xf>
    <xf numFmtId="3" fontId="2" fillId="0" borderId="0" xfId="0" applyNumberFormat="1" applyFont="1" applyAlignment="1">
      <alignment horizontal="right"/>
    </xf>
  </cellXfs>
  <cellStyles count="13">
    <cellStyle name="cells" xfId="2" xr:uid="{00000000-0005-0000-0000-000007000000}"/>
    <cellStyle name="cells 2" xfId="5" xr:uid="{00000000-0005-0000-0000-000000000000}"/>
    <cellStyle name="column field" xfId="3" xr:uid="{00000000-0005-0000-0000-000008000000}"/>
    <cellStyle name="column field 2" xfId="6" xr:uid="{00000000-0005-0000-0000-000001000000}"/>
    <cellStyle name="field" xfId="7" xr:uid="{00000000-0005-0000-0000-000002000000}"/>
    <cellStyle name="field names" xfId="8" xr:uid="{00000000-0005-0000-0000-000003000000}"/>
    <cellStyle name="footer" xfId="9" xr:uid="{00000000-0005-0000-0000-000004000000}"/>
    <cellStyle name="heading" xfId="10" xr:uid="{00000000-0005-0000-0000-000005000000}"/>
    <cellStyle name="Normal" xfId="0" builtinId="0"/>
    <cellStyle name="Normal 2" xfId="1" xr:uid="{00000000-0005-0000-0000-000006000000}"/>
    <cellStyle name="Normal 3" xfId="4" xr:uid="{00000000-0005-0000-0000-000038000000}"/>
    <cellStyle name="rowfield" xfId="11" xr:uid="{00000000-0005-0000-0000-000007000000}"/>
    <cellStyle name="Test" xfId="12" xr:uid="{00000000-0005-0000-0000-000008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5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376835E-989E-4F24-A3DF-5BF78263908F}">
  <dimension ref="A1:L17521"/>
  <sheetViews>
    <sheetView tabSelected="1" zoomScale="50" zoomScaleNormal="50" workbookViewId="0">
      <selection activeCell="P17304" sqref="P17304"/>
    </sheetView>
  </sheetViews>
  <sheetFormatPr defaultRowHeight="15.5" x14ac:dyDescent="0.35"/>
  <cols>
    <col min="1" max="1" width="18.07421875" bestFit="1" customWidth="1"/>
    <col min="2" max="2" width="37.765625" bestFit="1" customWidth="1"/>
    <col min="4" max="4" width="11.4609375" customWidth="1"/>
    <col min="5" max="5" width="16" style="6" bestFit="1" customWidth="1"/>
    <col min="6" max="6" width="8.84375" style="3"/>
    <col min="10" max="10" width="9.4609375" style="10" bestFit="1" customWidth="1"/>
  </cols>
  <sheetData>
    <row r="1" spans="1:10" x14ac:dyDescent="0.35">
      <c r="A1" s="1" t="s">
        <v>0</v>
      </c>
      <c r="B1" s="1" t="s">
        <v>1</v>
      </c>
      <c r="C1" s="1" t="s">
        <v>2</v>
      </c>
      <c r="D1" s="1" t="s">
        <v>3</v>
      </c>
      <c r="E1" s="12" t="s">
        <v>4</v>
      </c>
      <c r="F1" s="2" t="s">
        <v>5</v>
      </c>
      <c r="G1" s="1" t="s">
        <v>6</v>
      </c>
      <c r="H1" s="1" t="s">
        <v>7</v>
      </c>
      <c r="I1" s="1" t="s">
        <v>8</v>
      </c>
      <c r="J1" s="8" t="s">
        <v>9</v>
      </c>
    </row>
    <row r="2" spans="1:10" x14ac:dyDescent="0.35">
      <c r="A2" s="1" t="s">
        <v>10</v>
      </c>
      <c r="B2" s="1" t="s">
        <v>11</v>
      </c>
      <c r="C2" s="1" t="s">
        <v>12</v>
      </c>
      <c r="D2" s="1" t="s">
        <v>13</v>
      </c>
      <c r="E2" s="7" t="s">
        <v>133</v>
      </c>
      <c r="F2" s="5">
        <v>2024</v>
      </c>
      <c r="G2" s="1" t="s">
        <v>14</v>
      </c>
      <c r="H2" s="1" t="s">
        <v>14</v>
      </c>
      <c r="I2" s="1" t="s">
        <v>15</v>
      </c>
      <c r="J2" s="13">
        <v>5</v>
      </c>
    </row>
    <row r="3" spans="1:10" x14ac:dyDescent="0.35">
      <c r="A3" s="1" t="s">
        <v>10</v>
      </c>
      <c r="B3" s="1" t="s">
        <v>16</v>
      </c>
      <c r="C3" s="1" t="s">
        <v>12</v>
      </c>
      <c r="D3" s="1" t="s">
        <v>13</v>
      </c>
      <c r="E3" s="7" t="s">
        <v>133</v>
      </c>
      <c r="F3" s="5">
        <v>2024</v>
      </c>
      <c r="G3" s="1" t="s">
        <v>14</v>
      </c>
      <c r="H3" s="1" t="s">
        <v>14</v>
      </c>
      <c r="I3" s="1" t="s">
        <v>15</v>
      </c>
      <c r="J3" s="13">
        <v>5.4</v>
      </c>
    </row>
    <row r="4" spans="1:10" x14ac:dyDescent="0.35">
      <c r="A4" s="1" t="s">
        <v>10</v>
      </c>
      <c r="B4" s="1" t="s">
        <v>17</v>
      </c>
      <c r="C4" s="1" t="s">
        <v>12</v>
      </c>
      <c r="D4" s="1" t="s">
        <v>13</v>
      </c>
      <c r="E4" s="7" t="s">
        <v>133</v>
      </c>
      <c r="F4" s="5">
        <v>2024</v>
      </c>
      <c r="G4" s="1" t="s">
        <v>14</v>
      </c>
      <c r="H4" s="1" t="s">
        <v>14</v>
      </c>
      <c r="I4" s="1" t="s">
        <v>15</v>
      </c>
      <c r="J4" s="13">
        <v>5</v>
      </c>
    </row>
    <row r="5" spans="1:10" x14ac:dyDescent="0.35">
      <c r="A5" s="1" t="s">
        <v>10</v>
      </c>
      <c r="B5" s="1" t="s">
        <v>18</v>
      </c>
      <c r="C5" s="1" t="s">
        <v>12</v>
      </c>
      <c r="D5" s="1" t="s">
        <v>13</v>
      </c>
      <c r="E5" s="7" t="s">
        <v>133</v>
      </c>
      <c r="F5" s="5">
        <v>2024</v>
      </c>
      <c r="G5" s="1" t="s">
        <v>14</v>
      </c>
      <c r="H5" s="1" t="s">
        <v>14</v>
      </c>
      <c r="I5" s="1" t="s">
        <v>15</v>
      </c>
      <c r="J5" s="14"/>
    </row>
    <row r="6" spans="1:10" x14ac:dyDescent="0.35">
      <c r="A6" s="1" t="s">
        <v>10</v>
      </c>
      <c r="B6" s="1" t="s">
        <v>19</v>
      </c>
      <c r="C6" s="1" t="s">
        <v>12</v>
      </c>
      <c r="D6" s="1" t="s">
        <v>13</v>
      </c>
      <c r="E6" s="7" t="s">
        <v>133</v>
      </c>
      <c r="F6" s="5">
        <v>2024</v>
      </c>
      <c r="G6" s="1" t="s">
        <v>14</v>
      </c>
      <c r="H6" s="1" t="s">
        <v>14</v>
      </c>
      <c r="I6" s="1" t="s">
        <v>15</v>
      </c>
      <c r="J6" s="14"/>
    </row>
    <row r="7" spans="1:10" x14ac:dyDescent="0.35">
      <c r="A7" s="1" t="s">
        <v>20</v>
      </c>
      <c r="B7" s="1" t="s">
        <v>21</v>
      </c>
      <c r="C7" s="1" t="s">
        <v>12</v>
      </c>
      <c r="D7" s="1" t="s">
        <v>13</v>
      </c>
      <c r="E7" s="7" t="s">
        <v>133</v>
      </c>
      <c r="F7" s="5">
        <v>2024</v>
      </c>
      <c r="G7" s="1" t="s">
        <v>14</v>
      </c>
      <c r="H7" s="1" t="s">
        <v>14</v>
      </c>
      <c r="I7" s="1" t="s">
        <v>15</v>
      </c>
      <c r="J7" s="14"/>
    </row>
    <row r="8" spans="1:10" x14ac:dyDescent="0.35">
      <c r="A8" s="1" t="s">
        <v>22</v>
      </c>
      <c r="B8" s="1" t="s">
        <v>23</v>
      </c>
      <c r="C8" s="1" t="s">
        <v>12</v>
      </c>
      <c r="D8" s="1" t="s">
        <v>13</v>
      </c>
      <c r="E8" s="7" t="s">
        <v>133</v>
      </c>
      <c r="F8" s="5">
        <v>2024</v>
      </c>
      <c r="G8" s="1" t="s">
        <v>14</v>
      </c>
      <c r="H8" s="1" t="s">
        <v>14</v>
      </c>
      <c r="I8" s="1" t="s">
        <v>15</v>
      </c>
      <c r="J8" s="13">
        <v>3.7</v>
      </c>
    </row>
    <row r="9" spans="1:10" x14ac:dyDescent="0.35">
      <c r="A9" s="1" t="s">
        <v>10</v>
      </c>
      <c r="B9" s="1" t="s">
        <v>24</v>
      </c>
      <c r="C9" s="1" t="s">
        <v>12</v>
      </c>
      <c r="D9" s="1" t="s">
        <v>13</v>
      </c>
      <c r="E9" s="7" t="s">
        <v>133</v>
      </c>
      <c r="F9" s="5">
        <v>2024</v>
      </c>
      <c r="G9" s="1" t="s">
        <v>14</v>
      </c>
      <c r="H9" s="1" t="s">
        <v>14</v>
      </c>
      <c r="I9" s="1" t="s">
        <v>15</v>
      </c>
      <c r="J9" s="14"/>
    </row>
    <row r="10" spans="1:10" x14ac:dyDescent="0.35">
      <c r="A10" s="1" t="s">
        <v>10</v>
      </c>
      <c r="B10" s="1" t="s">
        <v>25</v>
      </c>
      <c r="C10" s="1" t="s">
        <v>12</v>
      </c>
      <c r="D10" s="1" t="s">
        <v>13</v>
      </c>
      <c r="E10" s="7" t="s">
        <v>133</v>
      </c>
      <c r="F10" s="5">
        <v>2024</v>
      </c>
      <c r="G10" s="1" t="s">
        <v>14</v>
      </c>
      <c r="H10" s="1" t="s">
        <v>14</v>
      </c>
      <c r="I10" s="1" t="s">
        <v>15</v>
      </c>
      <c r="J10" s="13">
        <v>2.7</v>
      </c>
    </row>
    <row r="11" spans="1:10" x14ac:dyDescent="0.35">
      <c r="A11" s="1" t="s">
        <v>26</v>
      </c>
      <c r="B11" s="1" t="s">
        <v>27</v>
      </c>
      <c r="C11" s="1" t="s">
        <v>12</v>
      </c>
      <c r="D11" s="1" t="s">
        <v>13</v>
      </c>
      <c r="E11" s="7" t="s">
        <v>133</v>
      </c>
      <c r="F11" s="5">
        <v>2024</v>
      </c>
      <c r="G11" s="1" t="s">
        <v>14</v>
      </c>
      <c r="H11" s="1" t="s">
        <v>14</v>
      </c>
      <c r="I11" s="1" t="s">
        <v>15</v>
      </c>
      <c r="J11" s="14">
        <v>3.6</v>
      </c>
    </row>
    <row r="12" spans="1:10" x14ac:dyDescent="0.35">
      <c r="A12" s="1" t="s">
        <v>28</v>
      </c>
      <c r="B12" s="1" t="s">
        <v>29</v>
      </c>
      <c r="C12" s="1" t="s">
        <v>12</v>
      </c>
      <c r="D12" s="1" t="s">
        <v>13</v>
      </c>
      <c r="E12" s="7" t="s">
        <v>133</v>
      </c>
      <c r="F12" s="5">
        <v>2024</v>
      </c>
      <c r="G12" s="1" t="s">
        <v>14</v>
      </c>
      <c r="H12" s="1" t="s">
        <v>14</v>
      </c>
      <c r="I12" s="1" t="s">
        <v>15</v>
      </c>
      <c r="J12" s="13">
        <v>5.9</v>
      </c>
    </row>
    <row r="13" spans="1:10" x14ac:dyDescent="0.35">
      <c r="A13" s="1" t="s">
        <v>10</v>
      </c>
      <c r="B13" s="1" t="s">
        <v>30</v>
      </c>
      <c r="C13" s="1" t="s">
        <v>12</v>
      </c>
      <c r="D13" s="1" t="s">
        <v>13</v>
      </c>
      <c r="E13" s="7" t="s">
        <v>133</v>
      </c>
      <c r="F13" s="5">
        <v>2024</v>
      </c>
      <c r="G13" s="1" t="s">
        <v>14</v>
      </c>
      <c r="H13" s="1" t="s">
        <v>14</v>
      </c>
      <c r="I13" s="1" t="s">
        <v>15</v>
      </c>
      <c r="J13" s="14"/>
    </row>
    <row r="14" spans="1:10" x14ac:dyDescent="0.35">
      <c r="A14" s="1" t="s">
        <v>26</v>
      </c>
      <c r="B14" s="1" t="s">
        <v>31</v>
      </c>
      <c r="C14" s="1" t="s">
        <v>12</v>
      </c>
      <c r="D14" s="1" t="s">
        <v>13</v>
      </c>
      <c r="E14" s="7" t="s">
        <v>133</v>
      </c>
      <c r="F14" s="5">
        <v>2024</v>
      </c>
      <c r="G14" s="1" t="s">
        <v>14</v>
      </c>
      <c r="H14" s="1" t="s">
        <v>14</v>
      </c>
      <c r="I14" s="1" t="s">
        <v>15</v>
      </c>
      <c r="J14" s="14"/>
    </row>
    <row r="15" spans="1:10" x14ac:dyDescent="0.35">
      <c r="A15" s="1" t="s">
        <v>28</v>
      </c>
      <c r="B15" s="1" t="s">
        <v>32</v>
      </c>
      <c r="C15" s="1" t="s">
        <v>12</v>
      </c>
      <c r="D15" s="1" t="s">
        <v>13</v>
      </c>
      <c r="E15" s="7" t="s">
        <v>133</v>
      </c>
      <c r="F15" s="5">
        <v>2024</v>
      </c>
      <c r="G15" s="1" t="s">
        <v>14</v>
      </c>
      <c r="H15" s="1" t="s">
        <v>14</v>
      </c>
      <c r="I15" s="1" t="s">
        <v>15</v>
      </c>
      <c r="J15" s="13">
        <v>2.9</v>
      </c>
    </row>
    <row r="16" spans="1:10" x14ac:dyDescent="0.35">
      <c r="A16" s="1" t="s">
        <v>33</v>
      </c>
      <c r="B16" s="1" t="s">
        <v>34</v>
      </c>
      <c r="C16" s="1" t="s">
        <v>12</v>
      </c>
      <c r="D16" s="1" t="s">
        <v>13</v>
      </c>
      <c r="E16" s="7" t="s">
        <v>133</v>
      </c>
      <c r="F16" s="5">
        <v>2024</v>
      </c>
      <c r="G16" s="1" t="s">
        <v>14</v>
      </c>
      <c r="H16" s="1" t="s">
        <v>14</v>
      </c>
      <c r="I16" s="1" t="s">
        <v>15</v>
      </c>
      <c r="J16" s="13">
        <v>7.5</v>
      </c>
    </row>
    <row r="17" spans="1:10" x14ac:dyDescent="0.35">
      <c r="A17" s="1" t="s">
        <v>35</v>
      </c>
      <c r="B17" s="1" t="s">
        <v>36</v>
      </c>
      <c r="C17" s="1" t="s">
        <v>12</v>
      </c>
      <c r="D17" s="1" t="s">
        <v>13</v>
      </c>
      <c r="E17" s="7" t="s">
        <v>133</v>
      </c>
      <c r="F17" s="5">
        <v>2024</v>
      </c>
      <c r="G17" s="1" t="s">
        <v>14</v>
      </c>
      <c r="H17" s="1" t="s">
        <v>14</v>
      </c>
      <c r="I17" s="1" t="s">
        <v>15</v>
      </c>
      <c r="J17" s="13">
        <v>3.2</v>
      </c>
    </row>
    <row r="18" spans="1:10" x14ac:dyDescent="0.35">
      <c r="A18" s="1" t="s">
        <v>28</v>
      </c>
      <c r="B18" s="1" t="s">
        <v>37</v>
      </c>
      <c r="C18" s="1" t="s">
        <v>12</v>
      </c>
      <c r="D18" s="1" t="s">
        <v>13</v>
      </c>
      <c r="E18" s="7" t="s">
        <v>133</v>
      </c>
      <c r="F18" s="5">
        <v>2024</v>
      </c>
      <c r="G18" s="1" t="s">
        <v>14</v>
      </c>
      <c r="H18" s="1" t="s">
        <v>14</v>
      </c>
      <c r="I18" s="1" t="s">
        <v>15</v>
      </c>
      <c r="J18" s="14"/>
    </row>
    <row r="19" spans="1:10" x14ac:dyDescent="0.35">
      <c r="A19" s="1" t="s">
        <v>20</v>
      </c>
      <c r="B19" s="1" t="s">
        <v>38</v>
      </c>
      <c r="C19" s="1" t="s">
        <v>12</v>
      </c>
      <c r="D19" s="1" t="s">
        <v>13</v>
      </c>
      <c r="E19" s="7" t="s">
        <v>133</v>
      </c>
      <c r="F19" s="5">
        <v>2024</v>
      </c>
      <c r="G19" s="1" t="s">
        <v>14</v>
      </c>
      <c r="H19" s="1" t="s">
        <v>14</v>
      </c>
      <c r="I19" s="1" t="s">
        <v>15</v>
      </c>
      <c r="J19" s="13">
        <v>4.4000000000000004</v>
      </c>
    </row>
    <row r="20" spans="1:10" x14ac:dyDescent="0.35">
      <c r="A20" s="1" t="s">
        <v>33</v>
      </c>
      <c r="B20" s="1" t="s">
        <v>39</v>
      </c>
      <c r="C20" s="1" t="s">
        <v>12</v>
      </c>
      <c r="D20" s="1" t="s">
        <v>13</v>
      </c>
      <c r="E20" s="7" t="s">
        <v>133</v>
      </c>
      <c r="F20" s="5">
        <v>2024</v>
      </c>
      <c r="G20" s="1" t="s">
        <v>14</v>
      </c>
      <c r="H20" s="1" t="s">
        <v>14</v>
      </c>
      <c r="I20" s="1" t="s">
        <v>15</v>
      </c>
      <c r="J20" s="14">
        <v>3.2</v>
      </c>
    </row>
    <row r="21" spans="1:10" x14ac:dyDescent="0.35">
      <c r="A21" s="1" t="s">
        <v>20</v>
      </c>
      <c r="B21" s="1" t="s">
        <v>40</v>
      </c>
      <c r="C21" s="1" t="s">
        <v>12</v>
      </c>
      <c r="D21" s="1" t="s">
        <v>13</v>
      </c>
      <c r="E21" s="7" t="s">
        <v>133</v>
      </c>
      <c r="F21" s="5">
        <v>2024</v>
      </c>
      <c r="G21" s="1" t="s">
        <v>14</v>
      </c>
      <c r="H21" s="1" t="s">
        <v>14</v>
      </c>
      <c r="I21" s="1" t="s">
        <v>15</v>
      </c>
      <c r="J21" s="14"/>
    </row>
    <row r="22" spans="1:10" x14ac:dyDescent="0.35">
      <c r="A22" s="1" t="s">
        <v>35</v>
      </c>
      <c r="B22" s="1" t="s">
        <v>41</v>
      </c>
      <c r="C22" s="1" t="s">
        <v>12</v>
      </c>
      <c r="D22" s="1" t="s">
        <v>13</v>
      </c>
      <c r="E22" s="7" t="s">
        <v>133</v>
      </c>
      <c r="F22" s="5">
        <v>2024</v>
      </c>
      <c r="G22" s="1" t="s">
        <v>14</v>
      </c>
      <c r="H22" s="1" t="s">
        <v>14</v>
      </c>
      <c r="I22" s="1" t="s">
        <v>15</v>
      </c>
      <c r="J22" s="14"/>
    </row>
    <row r="23" spans="1:10" x14ac:dyDescent="0.35">
      <c r="A23" s="1" t="s">
        <v>35</v>
      </c>
      <c r="B23" s="1" t="s">
        <v>42</v>
      </c>
      <c r="C23" s="1" t="s">
        <v>12</v>
      </c>
      <c r="D23" s="1" t="s">
        <v>13</v>
      </c>
      <c r="E23" s="7" t="s">
        <v>133</v>
      </c>
      <c r="F23" s="5">
        <v>2024</v>
      </c>
      <c r="G23" s="1" t="s">
        <v>14</v>
      </c>
      <c r="H23" s="1" t="s">
        <v>14</v>
      </c>
      <c r="I23" s="1" t="s">
        <v>15</v>
      </c>
      <c r="J23" s="13">
        <v>8.9</v>
      </c>
    </row>
    <row r="24" spans="1:10" x14ac:dyDescent="0.35">
      <c r="A24" s="1" t="s">
        <v>35</v>
      </c>
      <c r="B24" s="1" t="s">
        <v>43</v>
      </c>
      <c r="C24" s="1" t="s">
        <v>12</v>
      </c>
      <c r="D24" s="1" t="s">
        <v>13</v>
      </c>
      <c r="E24" s="7" t="s">
        <v>133</v>
      </c>
      <c r="F24" s="5">
        <v>2024</v>
      </c>
      <c r="G24" s="1" t="s">
        <v>14</v>
      </c>
      <c r="H24" s="1" t="s">
        <v>14</v>
      </c>
      <c r="I24" s="1" t="s">
        <v>15</v>
      </c>
      <c r="J24" s="13">
        <v>1.6</v>
      </c>
    </row>
    <row r="25" spans="1:10" x14ac:dyDescent="0.35">
      <c r="A25" s="1" t="s">
        <v>28</v>
      </c>
      <c r="B25" s="1" t="s">
        <v>44</v>
      </c>
      <c r="C25" s="1" t="s">
        <v>12</v>
      </c>
      <c r="D25" s="1" t="s">
        <v>13</v>
      </c>
      <c r="E25" s="7" t="s">
        <v>133</v>
      </c>
      <c r="F25" s="5">
        <v>2024</v>
      </c>
      <c r="G25" s="1" t="s">
        <v>14</v>
      </c>
      <c r="H25" s="1" t="s">
        <v>14</v>
      </c>
      <c r="I25" s="1" t="s">
        <v>15</v>
      </c>
      <c r="J25" s="13"/>
    </row>
    <row r="26" spans="1:10" x14ac:dyDescent="0.35">
      <c r="A26" s="1" t="s">
        <v>10</v>
      </c>
      <c r="B26" s="1" t="s">
        <v>45</v>
      </c>
      <c r="C26" s="1" t="s">
        <v>12</v>
      </c>
      <c r="D26" s="1" t="s">
        <v>13</v>
      </c>
      <c r="E26" s="7" t="s">
        <v>133</v>
      </c>
      <c r="F26" s="5">
        <v>2024</v>
      </c>
      <c r="G26" s="1" t="s">
        <v>14</v>
      </c>
      <c r="H26" s="1" t="s">
        <v>14</v>
      </c>
      <c r="I26" s="1" t="s">
        <v>15</v>
      </c>
      <c r="J26" s="13">
        <v>8.1999999999999993</v>
      </c>
    </row>
    <row r="27" spans="1:10" x14ac:dyDescent="0.35">
      <c r="A27" s="1" t="s">
        <v>10</v>
      </c>
      <c r="B27" s="1" t="s">
        <v>46</v>
      </c>
      <c r="C27" s="1" t="s">
        <v>12</v>
      </c>
      <c r="D27" s="1" t="s">
        <v>13</v>
      </c>
      <c r="E27" s="7" t="s">
        <v>133</v>
      </c>
      <c r="F27" s="5">
        <v>2024</v>
      </c>
      <c r="G27" s="1" t="s">
        <v>14</v>
      </c>
      <c r="H27" s="1" t="s">
        <v>14</v>
      </c>
      <c r="I27" s="1" t="s">
        <v>15</v>
      </c>
      <c r="J27" s="13">
        <v>13.5</v>
      </c>
    </row>
    <row r="28" spans="1:10" x14ac:dyDescent="0.35">
      <c r="A28" s="1" t="s">
        <v>33</v>
      </c>
      <c r="B28" s="1" t="s">
        <v>47</v>
      </c>
      <c r="C28" s="1" t="s">
        <v>12</v>
      </c>
      <c r="D28" s="1" t="s">
        <v>13</v>
      </c>
      <c r="E28" s="7" t="s">
        <v>133</v>
      </c>
      <c r="F28" s="5">
        <v>2024</v>
      </c>
      <c r="G28" s="1" t="s">
        <v>14</v>
      </c>
      <c r="H28" s="1" t="s">
        <v>14</v>
      </c>
      <c r="I28" s="1" t="s">
        <v>15</v>
      </c>
      <c r="J28" s="13">
        <v>5.8</v>
      </c>
    </row>
    <row r="29" spans="1:10" x14ac:dyDescent="0.35">
      <c r="A29" s="1" t="s">
        <v>20</v>
      </c>
      <c r="B29" s="1" t="s">
        <v>48</v>
      </c>
      <c r="C29" s="1" t="s">
        <v>12</v>
      </c>
      <c r="D29" s="1" t="s">
        <v>13</v>
      </c>
      <c r="E29" s="7" t="s">
        <v>133</v>
      </c>
      <c r="F29" s="5">
        <v>2024</v>
      </c>
      <c r="G29" s="1" t="s">
        <v>14</v>
      </c>
      <c r="H29" s="1" t="s">
        <v>14</v>
      </c>
      <c r="I29" s="1" t="s">
        <v>15</v>
      </c>
      <c r="J29" s="13"/>
    </row>
    <row r="30" spans="1:10" x14ac:dyDescent="0.35">
      <c r="A30" s="1" t="s">
        <v>28</v>
      </c>
      <c r="B30" s="1" t="s">
        <v>49</v>
      </c>
      <c r="C30" s="1" t="s">
        <v>12</v>
      </c>
      <c r="D30" s="1" t="s">
        <v>13</v>
      </c>
      <c r="E30" s="7" t="s">
        <v>133</v>
      </c>
      <c r="F30" s="5">
        <v>2024</v>
      </c>
      <c r="G30" s="1" t="s">
        <v>14</v>
      </c>
      <c r="H30" s="1" t="s">
        <v>14</v>
      </c>
      <c r="I30" s="1" t="s">
        <v>15</v>
      </c>
      <c r="J30" s="13">
        <v>6.1</v>
      </c>
    </row>
    <row r="31" spans="1:10" x14ac:dyDescent="0.35">
      <c r="A31" s="1" t="s">
        <v>35</v>
      </c>
      <c r="B31" s="1" t="s">
        <v>50</v>
      </c>
      <c r="C31" s="1" t="s">
        <v>12</v>
      </c>
      <c r="D31" s="1" t="s">
        <v>13</v>
      </c>
      <c r="E31" s="7" t="s">
        <v>133</v>
      </c>
      <c r="F31" s="5">
        <v>2024</v>
      </c>
      <c r="G31" s="1" t="s">
        <v>14</v>
      </c>
      <c r="H31" s="1" t="s">
        <v>14</v>
      </c>
      <c r="I31" s="1" t="s">
        <v>15</v>
      </c>
      <c r="J31" s="14"/>
    </row>
    <row r="32" spans="1:10" x14ac:dyDescent="0.35">
      <c r="A32" s="1" t="s">
        <v>22</v>
      </c>
      <c r="B32" s="1" t="s">
        <v>51</v>
      </c>
      <c r="C32" s="1" t="s">
        <v>12</v>
      </c>
      <c r="D32" s="1" t="s">
        <v>13</v>
      </c>
      <c r="E32" s="7" t="s">
        <v>133</v>
      </c>
      <c r="F32" s="5">
        <v>2024</v>
      </c>
      <c r="G32" s="1" t="s">
        <v>14</v>
      </c>
      <c r="H32" s="1" t="s">
        <v>14</v>
      </c>
      <c r="I32" s="1" t="s">
        <v>15</v>
      </c>
      <c r="J32" s="14"/>
    </row>
    <row r="33" spans="1:10" x14ac:dyDescent="0.35">
      <c r="A33" s="1" t="s">
        <v>22</v>
      </c>
      <c r="B33" s="1" t="s">
        <v>52</v>
      </c>
      <c r="C33" s="1" t="s">
        <v>12</v>
      </c>
      <c r="D33" s="1" t="s">
        <v>13</v>
      </c>
      <c r="E33" s="7" t="s">
        <v>133</v>
      </c>
      <c r="F33" s="5">
        <v>2024</v>
      </c>
      <c r="G33" s="1" t="s">
        <v>14</v>
      </c>
      <c r="H33" s="1" t="s">
        <v>14</v>
      </c>
      <c r="I33" s="1" t="s">
        <v>15</v>
      </c>
      <c r="J33" s="14"/>
    </row>
    <row r="34" spans="1:10" x14ac:dyDescent="0.35">
      <c r="A34" s="1" t="s">
        <v>22</v>
      </c>
      <c r="B34" s="1" t="s">
        <v>53</v>
      </c>
      <c r="C34" s="1" t="s">
        <v>12</v>
      </c>
      <c r="D34" s="1" t="s">
        <v>13</v>
      </c>
      <c r="E34" s="7" t="s">
        <v>133</v>
      </c>
      <c r="F34" s="5">
        <v>2024</v>
      </c>
      <c r="G34" s="1" t="s">
        <v>14</v>
      </c>
      <c r="H34" s="1" t="s">
        <v>14</v>
      </c>
      <c r="I34" s="1" t="s">
        <v>15</v>
      </c>
      <c r="J34" s="13">
        <v>4.2</v>
      </c>
    </row>
    <row r="35" spans="1:10" x14ac:dyDescent="0.35">
      <c r="A35" s="1" t="s">
        <v>22</v>
      </c>
      <c r="B35" s="1" t="s">
        <v>54</v>
      </c>
      <c r="C35" s="1" t="s">
        <v>12</v>
      </c>
      <c r="D35" s="1" t="s">
        <v>13</v>
      </c>
      <c r="E35" s="7" t="s">
        <v>133</v>
      </c>
      <c r="F35" s="5">
        <v>2024</v>
      </c>
      <c r="G35" s="1" t="s">
        <v>14</v>
      </c>
      <c r="H35" s="1" t="s">
        <v>14</v>
      </c>
      <c r="I35" s="1" t="s">
        <v>15</v>
      </c>
      <c r="J35" s="13"/>
    </row>
    <row r="36" spans="1:10" x14ac:dyDescent="0.35">
      <c r="A36" s="1" t="s">
        <v>22</v>
      </c>
      <c r="B36" s="1" t="s">
        <v>55</v>
      </c>
      <c r="C36" s="1" t="s">
        <v>12</v>
      </c>
      <c r="D36" s="1" t="s">
        <v>13</v>
      </c>
      <c r="E36" s="7" t="s">
        <v>133</v>
      </c>
      <c r="F36" s="5">
        <v>2024</v>
      </c>
      <c r="G36" s="1" t="s">
        <v>14</v>
      </c>
      <c r="H36" s="1" t="s">
        <v>14</v>
      </c>
      <c r="I36" s="1" t="s">
        <v>15</v>
      </c>
      <c r="J36" s="13">
        <v>7.4</v>
      </c>
    </row>
    <row r="37" spans="1:10" x14ac:dyDescent="0.35">
      <c r="A37" s="1" t="s">
        <v>22</v>
      </c>
      <c r="B37" s="1" t="s">
        <v>56</v>
      </c>
      <c r="C37" s="1" t="s">
        <v>12</v>
      </c>
      <c r="D37" s="1" t="s">
        <v>13</v>
      </c>
      <c r="E37" s="7" t="s">
        <v>133</v>
      </c>
      <c r="F37" s="5">
        <v>2024</v>
      </c>
      <c r="G37" s="1" t="s">
        <v>14</v>
      </c>
      <c r="H37" s="1" t="s">
        <v>14</v>
      </c>
      <c r="I37" s="1" t="s">
        <v>15</v>
      </c>
      <c r="J37" s="13"/>
    </row>
    <row r="38" spans="1:10" x14ac:dyDescent="0.35">
      <c r="A38" s="1" t="s">
        <v>26</v>
      </c>
      <c r="B38" s="1" t="s">
        <v>57</v>
      </c>
      <c r="C38" s="1" t="s">
        <v>12</v>
      </c>
      <c r="D38" s="1" t="s">
        <v>13</v>
      </c>
      <c r="E38" s="7" t="s">
        <v>133</v>
      </c>
      <c r="F38" s="5">
        <v>2024</v>
      </c>
      <c r="G38" s="1" t="s">
        <v>14</v>
      </c>
      <c r="H38" s="1" t="s">
        <v>14</v>
      </c>
      <c r="I38" s="1" t="s">
        <v>15</v>
      </c>
      <c r="J38" s="14"/>
    </row>
    <row r="39" spans="1:10" x14ac:dyDescent="0.35">
      <c r="A39" s="1" t="s">
        <v>28</v>
      </c>
      <c r="B39" s="1" t="s">
        <v>58</v>
      </c>
      <c r="C39" s="1" t="s">
        <v>12</v>
      </c>
      <c r="D39" s="1" t="s">
        <v>13</v>
      </c>
      <c r="E39" s="7" t="s">
        <v>133</v>
      </c>
      <c r="F39" s="5">
        <v>2024</v>
      </c>
      <c r="G39" s="1" t="s">
        <v>14</v>
      </c>
      <c r="H39" s="1" t="s">
        <v>14</v>
      </c>
      <c r="I39" s="1" t="s">
        <v>15</v>
      </c>
      <c r="J39" s="13">
        <v>10.1</v>
      </c>
    </row>
    <row r="40" spans="1:10" x14ac:dyDescent="0.35">
      <c r="A40" s="1" t="s">
        <v>20</v>
      </c>
      <c r="B40" s="1" t="s">
        <v>59</v>
      </c>
      <c r="C40" s="1" t="s">
        <v>12</v>
      </c>
      <c r="D40" s="1" t="s">
        <v>13</v>
      </c>
      <c r="E40" s="7" t="s">
        <v>133</v>
      </c>
      <c r="F40" s="5">
        <v>2024</v>
      </c>
      <c r="G40" s="1" t="s">
        <v>14</v>
      </c>
      <c r="H40" s="1" t="s">
        <v>14</v>
      </c>
      <c r="I40" s="1" t="s">
        <v>15</v>
      </c>
      <c r="J40" s="13">
        <v>2.8</v>
      </c>
    </row>
    <row r="41" spans="1:10" x14ac:dyDescent="0.35">
      <c r="A41" s="1" t="s">
        <v>20</v>
      </c>
      <c r="B41" s="1" t="s">
        <v>60</v>
      </c>
      <c r="C41" s="1" t="s">
        <v>12</v>
      </c>
      <c r="D41" s="1" t="s">
        <v>13</v>
      </c>
      <c r="E41" s="7" t="s">
        <v>133</v>
      </c>
      <c r="F41" s="5">
        <v>2024</v>
      </c>
      <c r="G41" s="1" t="s">
        <v>14</v>
      </c>
      <c r="H41" s="1" t="s">
        <v>14</v>
      </c>
      <c r="I41" s="1" t="s">
        <v>15</v>
      </c>
      <c r="J41" s="13">
        <v>4.4000000000000004</v>
      </c>
    </row>
    <row r="42" spans="1:10" x14ac:dyDescent="0.35">
      <c r="A42" s="1" t="s">
        <v>28</v>
      </c>
      <c r="B42" s="1" t="s">
        <v>61</v>
      </c>
      <c r="C42" s="1" t="s">
        <v>12</v>
      </c>
      <c r="D42" s="1" t="s">
        <v>13</v>
      </c>
      <c r="E42" s="7" t="s">
        <v>133</v>
      </c>
      <c r="F42" s="5">
        <v>2024</v>
      </c>
      <c r="G42" s="1" t="s">
        <v>14</v>
      </c>
      <c r="H42" s="1" t="s">
        <v>14</v>
      </c>
      <c r="I42" s="1" t="s">
        <v>15</v>
      </c>
      <c r="J42" s="14"/>
    </row>
    <row r="43" spans="1:10" x14ac:dyDescent="0.35">
      <c r="A43" s="1" t="s">
        <v>62</v>
      </c>
      <c r="B43" s="1" t="s">
        <v>63</v>
      </c>
      <c r="C43" s="1" t="s">
        <v>12</v>
      </c>
      <c r="D43" s="1" t="s">
        <v>13</v>
      </c>
      <c r="E43" s="7" t="s">
        <v>133</v>
      </c>
      <c r="F43" s="5">
        <v>2024</v>
      </c>
      <c r="G43" s="1" t="s">
        <v>14</v>
      </c>
      <c r="H43" s="1" t="s">
        <v>14</v>
      </c>
      <c r="I43" s="1" t="s">
        <v>15</v>
      </c>
      <c r="J43" s="13">
        <v>13.8</v>
      </c>
    </row>
    <row r="44" spans="1:10" x14ac:dyDescent="0.35">
      <c r="A44" s="1" t="s">
        <v>62</v>
      </c>
      <c r="B44" s="1" t="s">
        <v>64</v>
      </c>
      <c r="C44" s="1" t="s">
        <v>12</v>
      </c>
      <c r="D44" s="1" t="s">
        <v>13</v>
      </c>
      <c r="E44" s="7" t="s">
        <v>133</v>
      </c>
      <c r="F44" s="5">
        <v>2024</v>
      </c>
      <c r="G44" s="1" t="s">
        <v>14</v>
      </c>
      <c r="H44" s="1" t="s">
        <v>14</v>
      </c>
      <c r="I44" s="1" t="s">
        <v>15</v>
      </c>
      <c r="J44" s="14"/>
    </row>
    <row r="45" spans="1:10" x14ac:dyDescent="0.35">
      <c r="A45" s="1" t="s">
        <v>62</v>
      </c>
      <c r="B45" s="1" t="s">
        <v>65</v>
      </c>
      <c r="C45" s="1" t="s">
        <v>12</v>
      </c>
      <c r="D45" s="1" t="s">
        <v>13</v>
      </c>
      <c r="E45" s="7" t="s">
        <v>133</v>
      </c>
      <c r="F45" s="5">
        <v>2024</v>
      </c>
      <c r="G45" s="1" t="s">
        <v>14</v>
      </c>
      <c r="H45" s="1" t="s">
        <v>14</v>
      </c>
      <c r="I45" s="1" t="s">
        <v>15</v>
      </c>
      <c r="J45" s="14"/>
    </row>
    <row r="46" spans="1:10" x14ac:dyDescent="0.35">
      <c r="A46" s="1" t="s">
        <v>62</v>
      </c>
      <c r="B46" s="1" t="s">
        <v>66</v>
      </c>
      <c r="C46" s="1" t="s">
        <v>12</v>
      </c>
      <c r="D46" s="1" t="s">
        <v>13</v>
      </c>
      <c r="E46" s="7" t="s">
        <v>133</v>
      </c>
      <c r="F46" s="5">
        <v>2024</v>
      </c>
      <c r="G46" s="1" t="s">
        <v>14</v>
      </c>
      <c r="H46" s="1" t="s">
        <v>14</v>
      </c>
      <c r="I46" s="1" t="s">
        <v>15</v>
      </c>
      <c r="J46" s="14"/>
    </row>
    <row r="47" spans="1:10" x14ac:dyDescent="0.35">
      <c r="A47" s="1" t="s">
        <v>62</v>
      </c>
      <c r="B47" s="1" t="s">
        <v>67</v>
      </c>
      <c r="C47" s="1" t="s">
        <v>12</v>
      </c>
      <c r="D47" s="1" t="s">
        <v>13</v>
      </c>
      <c r="E47" s="7" t="s">
        <v>133</v>
      </c>
      <c r="F47" s="5">
        <v>2024</v>
      </c>
      <c r="G47" s="1" t="s">
        <v>14</v>
      </c>
      <c r="H47" s="1" t="s">
        <v>14</v>
      </c>
      <c r="I47" s="1" t="s">
        <v>15</v>
      </c>
      <c r="J47" s="14">
        <v>4.5999999999999996</v>
      </c>
    </row>
    <row r="48" spans="1:10" x14ac:dyDescent="0.35">
      <c r="A48" s="1" t="s">
        <v>62</v>
      </c>
      <c r="B48" s="1" t="s">
        <v>68</v>
      </c>
      <c r="C48" s="1" t="s">
        <v>12</v>
      </c>
      <c r="D48" s="1" t="s">
        <v>13</v>
      </c>
      <c r="E48" s="7" t="s">
        <v>133</v>
      </c>
      <c r="F48" s="5">
        <v>2024</v>
      </c>
      <c r="G48" s="1" t="s">
        <v>14</v>
      </c>
      <c r="H48" s="1" t="s">
        <v>14</v>
      </c>
      <c r="I48" s="1" t="s">
        <v>15</v>
      </c>
      <c r="J48" s="14"/>
    </row>
    <row r="49" spans="1:10" x14ac:dyDescent="0.35">
      <c r="A49" s="1" t="s">
        <v>62</v>
      </c>
      <c r="B49" s="1" t="s">
        <v>69</v>
      </c>
      <c r="C49" s="1" t="s">
        <v>12</v>
      </c>
      <c r="D49" s="1" t="s">
        <v>13</v>
      </c>
      <c r="E49" s="7" t="s">
        <v>133</v>
      </c>
      <c r="F49" s="5">
        <v>2024</v>
      </c>
      <c r="G49" s="1" t="s">
        <v>14</v>
      </c>
      <c r="H49" s="1" t="s">
        <v>14</v>
      </c>
      <c r="I49" s="1" t="s">
        <v>15</v>
      </c>
      <c r="J49" s="13">
        <v>11.3</v>
      </c>
    </row>
    <row r="50" spans="1:10" x14ac:dyDescent="0.35">
      <c r="A50" s="1" t="s">
        <v>62</v>
      </c>
      <c r="B50" s="1" t="s">
        <v>70</v>
      </c>
      <c r="C50" s="1" t="s">
        <v>12</v>
      </c>
      <c r="D50" s="1" t="s">
        <v>13</v>
      </c>
      <c r="E50" s="7" t="s">
        <v>133</v>
      </c>
      <c r="F50" s="5">
        <v>2024</v>
      </c>
      <c r="G50" s="1" t="s">
        <v>14</v>
      </c>
      <c r="H50" s="1" t="s">
        <v>14</v>
      </c>
      <c r="I50" s="1" t="s">
        <v>15</v>
      </c>
      <c r="J50" s="14"/>
    </row>
    <row r="51" spans="1:10" x14ac:dyDescent="0.35">
      <c r="A51" s="1" t="s">
        <v>35</v>
      </c>
      <c r="B51" s="1" t="s">
        <v>71</v>
      </c>
      <c r="C51" s="1" t="s">
        <v>12</v>
      </c>
      <c r="D51" s="1" t="s">
        <v>13</v>
      </c>
      <c r="E51" s="7" t="s">
        <v>133</v>
      </c>
      <c r="F51" s="5">
        <v>2024</v>
      </c>
      <c r="G51" s="1" t="s">
        <v>14</v>
      </c>
      <c r="H51" s="1" t="s">
        <v>14</v>
      </c>
      <c r="I51" s="1" t="s">
        <v>15</v>
      </c>
      <c r="J51" s="13">
        <v>5.6</v>
      </c>
    </row>
    <row r="52" spans="1:10" x14ac:dyDescent="0.35">
      <c r="A52" s="1" t="s">
        <v>20</v>
      </c>
      <c r="B52" s="1" t="s">
        <v>72</v>
      </c>
      <c r="C52" s="1" t="s">
        <v>12</v>
      </c>
      <c r="D52" s="1" t="s">
        <v>13</v>
      </c>
      <c r="E52" s="7" t="s">
        <v>133</v>
      </c>
      <c r="F52" s="5">
        <v>2024</v>
      </c>
      <c r="G52" s="1" t="s">
        <v>14</v>
      </c>
      <c r="H52" s="1" t="s">
        <v>14</v>
      </c>
      <c r="I52" s="1" t="s">
        <v>15</v>
      </c>
      <c r="J52" s="14"/>
    </row>
    <row r="53" spans="1:10" x14ac:dyDescent="0.35">
      <c r="A53" s="1" t="s">
        <v>26</v>
      </c>
      <c r="B53" s="1" t="s">
        <v>73</v>
      </c>
      <c r="C53" s="1" t="s">
        <v>12</v>
      </c>
      <c r="D53" s="1" t="s">
        <v>13</v>
      </c>
      <c r="E53" s="7" t="s">
        <v>133</v>
      </c>
      <c r="F53" s="5">
        <v>2024</v>
      </c>
      <c r="G53" s="1" t="s">
        <v>14</v>
      </c>
      <c r="H53" s="1" t="s">
        <v>14</v>
      </c>
      <c r="I53" s="1" t="s">
        <v>15</v>
      </c>
      <c r="J53" s="14"/>
    </row>
    <row r="54" spans="1:10" x14ac:dyDescent="0.35">
      <c r="A54" s="1" t="s">
        <v>28</v>
      </c>
      <c r="B54" s="1" t="s">
        <v>74</v>
      </c>
      <c r="C54" s="1" t="s">
        <v>12</v>
      </c>
      <c r="D54" s="1" t="s">
        <v>13</v>
      </c>
      <c r="E54" s="7" t="s">
        <v>133</v>
      </c>
      <c r="F54" s="5">
        <v>2024</v>
      </c>
      <c r="G54" s="1" t="s">
        <v>14</v>
      </c>
      <c r="H54" s="1" t="s">
        <v>14</v>
      </c>
      <c r="I54" s="1" t="s">
        <v>15</v>
      </c>
      <c r="J54" s="14"/>
    </row>
    <row r="55" spans="1:10" x14ac:dyDescent="0.35">
      <c r="A55" s="1" t="s">
        <v>33</v>
      </c>
      <c r="B55" s="1" t="s">
        <v>75</v>
      </c>
      <c r="C55" s="1" t="s">
        <v>12</v>
      </c>
      <c r="D55" s="1" t="s">
        <v>13</v>
      </c>
      <c r="E55" s="7" t="s">
        <v>133</v>
      </c>
      <c r="F55" s="5">
        <v>2024</v>
      </c>
      <c r="G55" s="1" t="s">
        <v>14</v>
      </c>
      <c r="H55" s="1" t="s">
        <v>14</v>
      </c>
      <c r="I55" s="1" t="s">
        <v>15</v>
      </c>
      <c r="J55" s="14"/>
    </row>
    <row r="56" spans="1:10" x14ac:dyDescent="0.35">
      <c r="A56" s="1" t="s">
        <v>22</v>
      </c>
      <c r="B56" s="1" t="s">
        <v>76</v>
      </c>
      <c r="C56" s="1" t="s">
        <v>12</v>
      </c>
      <c r="D56" s="1" t="s">
        <v>13</v>
      </c>
      <c r="E56" s="7" t="s">
        <v>133</v>
      </c>
      <c r="F56" s="5">
        <v>2024</v>
      </c>
      <c r="G56" s="1" t="s">
        <v>14</v>
      </c>
      <c r="H56" s="1" t="s">
        <v>14</v>
      </c>
      <c r="I56" s="1" t="s">
        <v>15</v>
      </c>
      <c r="J56" s="13">
        <v>4.2</v>
      </c>
    </row>
    <row r="57" spans="1:10" x14ac:dyDescent="0.35">
      <c r="A57" s="1" t="s">
        <v>33</v>
      </c>
      <c r="B57" s="1" t="s">
        <v>77</v>
      </c>
      <c r="C57" s="1" t="s">
        <v>12</v>
      </c>
      <c r="D57" s="1" t="s">
        <v>13</v>
      </c>
      <c r="E57" s="7" t="s">
        <v>133</v>
      </c>
      <c r="F57" s="5">
        <v>2024</v>
      </c>
      <c r="G57" s="1" t="s">
        <v>14</v>
      </c>
      <c r="H57" s="1" t="s">
        <v>14</v>
      </c>
      <c r="I57" s="1" t="s">
        <v>15</v>
      </c>
      <c r="J57" s="13"/>
    </row>
    <row r="58" spans="1:10" x14ac:dyDescent="0.35">
      <c r="A58" s="1" t="s">
        <v>22</v>
      </c>
      <c r="B58" s="1" t="s">
        <v>78</v>
      </c>
      <c r="C58" s="1" t="s">
        <v>12</v>
      </c>
      <c r="D58" s="1" t="s">
        <v>13</v>
      </c>
      <c r="E58" s="7" t="s">
        <v>133</v>
      </c>
      <c r="F58" s="5">
        <v>2024</v>
      </c>
      <c r="G58" s="1" t="s">
        <v>14</v>
      </c>
      <c r="H58" s="1" t="s">
        <v>14</v>
      </c>
      <c r="I58" s="1" t="s">
        <v>15</v>
      </c>
      <c r="J58" s="14">
        <v>2.4</v>
      </c>
    </row>
    <row r="59" spans="1:10" x14ac:dyDescent="0.35">
      <c r="A59" s="1" t="s">
        <v>28</v>
      </c>
      <c r="B59" s="1" t="s">
        <v>79</v>
      </c>
      <c r="C59" s="1" t="s">
        <v>12</v>
      </c>
      <c r="D59" s="1" t="s">
        <v>13</v>
      </c>
      <c r="E59" s="7" t="s">
        <v>133</v>
      </c>
      <c r="F59" s="5">
        <v>2024</v>
      </c>
      <c r="G59" s="1" t="s">
        <v>14</v>
      </c>
      <c r="H59" s="1" t="s">
        <v>14</v>
      </c>
      <c r="I59" s="1" t="s">
        <v>15</v>
      </c>
      <c r="J59" s="14">
        <v>1.7</v>
      </c>
    </row>
    <row r="60" spans="1:10" x14ac:dyDescent="0.35">
      <c r="A60" s="1" t="s">
        <v>26</v>
      </c>
      <c r="B60" s="1" t="s">
        <v>80</v>
      </c>
      <c r="C60" s="1" t="s">
        <v>12</v>
      </c>
      <c r="D60" s="1" t="s">
        <v>13</v>
      </c>
      <c r="E60" s="7" t="s">
        <v>133</v>
      </c>
      <c r="F60" s="5">
        <v>2024</v>
      </c>
      <c r="G60" s="1" t="s">
        <v>14</v>
      </c>
      <c r="H60" s="1" t="s">
        <v>14</v>
      </c>
      <c r="I60" s="1" t="s">
        <v>15</v>
      </c>
      <c r="J60" s="13">
        <v>3.1</v>
      </c>
    </row>
    <row r="61" spans="1:10" x14ac:dyDescent="0.35">
      <c r="A61" s="1" t="s">
        <v>20</v>
      </c>
      <c r="B61" s="1" t="s">
        <v>81</v>
      </c>
      <c r="C61" s="1" t="s">
        <v>12</v>
      </c>
      <c r="D61" s="1" t="s">
        <v>13</v>
      </c>
      <c r="E61" s="7" t="s">
        <v>133</v>
      </c>
      <c r="F61" s="5">
        <v>2024</v>
      </c>
      <c r="G61" s="1" t="s">
        <v>14</v>
      </c>
      <c r="H61" s="1" t="s">
        <v>14</v>
      </c>
      <c r="I61" s="1" t="s">
        <v>15</v>
      </c>
      <c r="J61" s="14"/>
    </row>
    <row r="62" spans="1:10" x14ac:dyDescent="0.35">
      <c r="A62" s="1" t="s">
        <v>33</v>
      </c>
      <c r="B62" s="1" t="s">
        <v>82</v>
      </c>
      <c r="C62" s="1" t="s">
        <v>12</v>
      </c>
      <c r="D62" s="1" t="s">
        <v>13</v>
      </c>
      <c r="E62" s="7" t="s">
        <v>133</v>
      </c>
      <c r="F62" s="5">
        <v>2024</v>
      </c>
      <c r="G62" s="1" t="s">
        <v>14</v>
      </c>
      <c r="H62" s="1" t="s">
        <v>14</v>
      </c>
      <c r="I62" s="1" t="s">
        <v>15</v>
      </c>
      <c r="J62" s="14"/>
    </row>
    <row r="63" spans="1:10" x14ac:dyDescent="0.35">
      <c r="A63" s="1" t="s">
        <v>26</v>
      </c>
      <c r="B63" s="1" t="s">
        <v>83</v>
      </c>
      <c r="C63" s="1" t="s">
        <v>12</v>
      </c>
      <c r="D63" s="1" t="s">
        <v>13</v>
      </c>
      <c r="E63" s="7" t="s">
        <v>133</v>
      </c>
      <c r="F63" s="5">
        <v>2024</v>
      </c>
      <c r="G63" s="1" t="s">
        <v>14</v>
      </c>
      <c r="H63" s="1" t="s">
        <v>14</v>
      </c>
      <c r="I63" s="1" t="s">
        <v>15</v>
      </c>
      <c r="J63" s="14"/>
    </row>
    <row r="64" spans="1:10" x14ac:dyDescent="0.35">
      <c r="A64" s="1" t="s">
        <v>35</v>
      </c>
      <c r="B64" s="1" t="s">
        <v>84</v>
      </c>
      <c r="C64" s="1" t="s">
        <v>12</v>
      </c>
      <c r="D64" s="1" t="s">
        <v>13</v>
      </c>
      <c r="E64" s="7" t="s">
        <v>133</v>
      </c>
      <c r="F64" s="5">
        <v>2024</v>
      </c>
      <c r="G64" s="1" t="s">
        <v>14</v>
      </c>
      <c r="H64" s="1" t="s">
        <v>14</v>
      </c>
      <c r="I64" s="1" t="s">
        <v>15</v>
      </c>
      <c r="J64" s="14"/>
    </row>
    <row r="65" spans="1:12" x14ac:dyDescent="0.35">
      <c r="A65" s="1" t="s">
        <v>33</v>
      </c>
      <c r="B65" s="1" t="s">
        <v>85</v>
      </c>
      <c r="C65" s="1" t="s">
        <v>12</v>
      </c>
      <c r="D65" s="1" t="s">
        <v>13</v>
      </c>
      <c r="E65" s="7" t="s">
        <v>133</v>
      </c>
      <c r="F65" s="5">
        <v>2024</v>
      </c>
      <c r="G65" s="1" t="s">
        <v>14</v>
      </c>
      <c r="H65" s="1" t="s">
        <v>14</v>
      </c>
      <c r="I65" s="1" t="s">
        <v>15</v>
      </c>
      <c r="J65" s="13"/>
    </row>
    <row r="66" spans="1:12" x14ac:dyDescent="0.35">
      <c r="A66" s="1" t="s">
        <v>33</v>
      </c>
      <c r="B66" s="1" t="s">
        <v>86</v>
      </c>
      <c r="C66" s="1" t="s">
        <v>12</v>
      </c>
      <c r="D66" s="1" t="s">
        <v>13</v>
      </c>
      <c r="E66" s="7" t="s">
        <v>133</v>
      </c>
      <c r="F66" s="5">
        <v>2024</v>
      </c>
      <c r="G66" s="1" t="s">
        <v>14</v>
      </c>
      <c r="H66" s="1" t="s">
        <v>14</v>
      </c>
      <c r="I66" s="1" t="s">
        <v>15</v>
      </c>
      <c r="J66" s="14"/>
    </row>
    <row r="67" spans="1:12" x14ac:dyDescent="0.35">
      <c r="A67" s="1" t="s">
        <v>35</v>
      </c>
      <c r="B67" s="1" t="s">
        <v>87</v>
      </c>
      <c r="C67" s="1" t="s">
        <v>12</v>
      </c>
      <c r="D67" s="1" t="s">
        <v>13</v>
      </c>
      <c r="E67" s="7" t="s">
        <v>133</v>
      </c>
      <c r="F67" s="5">
        <v>2024</v>
      </c>
      <c r="G67" s="1" t="s">
        <v>14</v>
      </c>
      <c r="H67" s="1" t="s">
        <v>14</v>
      </c>
      <c r="I67" s="1" t="s">
        <v>15</v>
      </c>
      <c r="J67" s="14"/>
    </row>
    <row r="68" spans="1:12" x14ac:dyDescent="0.35">
      <c r="A68" s="1" t="s">
        <v>35</v>
      </c>
      <c r="B68" s="1" t="s">
        <v>88</v>
      </c>
      <c r="C68" s="1" t="s">
        <v>12</v>
      </c>
      <c r="D68" s="1" t="s">
        <v>13</v>
      </c>
      <c r="E68" s="7" t="s">
        <v>133</v>
      </c>
      <c r="F68" s="5">
        <v>2024</v>
      </c>
      <c r="G68" s="1" t="s">
        <v>14</v>
      </c>
      <c r="H68" s="1" t="s">
        <v>14</v>
      </c>
      <c r="I68" s="1" t="s">
        <v>15</v>
      </c>
      <c r="J68" s="13">
        <v>3.6</v>
      </c>
    </row>
    <row r="69" spans="1:12" x14ac:dyDescent="0.35">
      <c r="A69" s="1" t="s">
        <v>62</v>
      </c>
      <c r="B69" s="1" t="s">
        <v>89</v>
      </c>
      <c r="C69" s="1" t="s">
        <v>12</v>
      </c>
      <c r="D69" s="1" t="s">
        <v>13</v>
      </c>
      <c r="E69" s="7" t="s">
        <v>133</v>
      </c>
      <c r="F69" s="5">
        <v>2024</v>
      </c>
      <c r="G69" s="1" t="s">
        <v>14</v>
      </c>
      <c r="H69" s="1" t="s">
        <v>14</v>
      </c>
      <c r="I69" s="1" t="s">
        <v>15</v>
      </c>
      <c r="J69" s="14"/>
    </row>
    <row r="70" spans="1:12" x14ac:dyDescent="0.35">
      <c r="A70" s="1" t="s">
        <v>26</v>
      </c>
      <c r="B70" s="1" t="s">
        <v>90</v>
      </c>
      <c r="C70" s="1" t="s">
        <v>12</v>
      </c>
      <c r="D70" s="1" t="s">
        <v>13</v>
      </c>
      <c r="E70" s="7" t="s">
        <v>133</v>
      </c>
      <c r="F70" s="5">
        <v>2024</v>
      </c>
      <c r="G70" s="1" t="s">
        <v>14</v>
      </c>
      <c r="H70" s="1" t="s">
        <v>14</v>
      </c>
      <c r="I70" s="1" t="s">
        <v>15</v>
      </c>
      <c r="J70" s="14"/>
    </row>
    <row r="71" spans="1:12" x14ac:dyDescent="0.35">
      <c r="A71" s="1" t="s">
        <v>26</v>
      </c>
      <c r="B71" s="1" t="s">
        <v>91</v>
      </c>
      <c r="C71" s="1" t="s">
        <v>12</v>
      </c>
      <c r="D71" s="1" t="s">
        <v>13</v>
      </c>
      <c r="E71" s="7" t="s">
        <v>133</v>
      </c>
      <c r="F71" s="5">
        <v>2024</v>
      </c>
      <c r="G71" s="1" t="s">
        <v>14</v>
      </c>
      <c r="H71" s="1" t="s">
        <v>14</v>
      </c>
      <c r="I71" s="1" t="s">
        <v>15</v>
      </c>
      <c r="J71" s="14"/>
    </row>
    <row r="72" spans="1:12" x14ac:dyDescent="0.35">
      <c r="A72" s="1" t="s">
        <v>33</v>
      </c>
      <c r="B72" s="1" t="s">
        <v>92</v>
      </c>
      <c r="C72" s="1" t="s">
        <v>12</v>
      </c>
      <c r="D72" s="1" t="s">
        <v>13</v>
      </c>
      <c r="E72" s="7" t="s">
        <v>133</v>
      </c>
      <c r="F72" s="5">
        <v>2024</v>
      </c>
      <c r="G72" s="1" t="s">
        <v>14</v>
      </c>
      <c r="H72" s="1" t="s">
        <v>14</v>
      </c>
      <c r="I72" s="1" t="s">
        <v>15</v>
      </c>
      <c r="J72" s="13">
        <v>2.9</v>
      </c>
    </row>
    <row r="73" spans="1:12" x14ac:dyDescent="0.35">
      <c r="A73" s="1" t="s">
        <v>35</v>
      </c>
      <c r="B73" s="1" t="s">
        <v>93</v>
      </c>
      <c r="C73" s="1" t="s">
        <v>12</v>
      </c>
      <c r="D73" s="1" t="s">
        <v>13</v>
      </c>
      <c r="E73" s="7" t="s">
        <v>133</v>
      </c>
      <c r="F73" s="5">
        <v>2024</v>
      </c>
      <c r="G73" s="1" t="s">
        <v>14</v>
      </c>
      <c r="H73" s="1" t="s">
        <v>14</v>
      </c>
      <c r="I73" s="1" t="s">
        <v>15</v>
      </c>
      <c r="J73" s="13">
        <v>1.8</v>
      </c>
    </row>
    <row r="74" spans="1:12" x14ac:dyDescent="0.35">
      <c r="A74" s="1" t="s">
        <v>20</v>
      </c>
      <c r="B74" s="1" t="s">
        <v>94</v>
      </c>
      <c r="C74" s="1" t="s">
        <v>12</v>
      </c>
      <c r="D74" s="1" t="s">
        <v>13</v>
      </c>
      <c r="E74" s="7" t="s">
        <v>133</v>
      </c>
      <c r="F74" s="5">
        <v>2024</v>
      </c>
      <c r="G74" s="1" t="s">
        <v>14</v>
      </c>
      <c r="H74" s="1" t="s">
        <v>14</v>
      </c>
      <c r="I74" s="1" t="s">
        <v>15</v>
      </c>
      <c r="J74" s="14"/>
    </row>
    <row r="75" spans="1:12" x14ac:dyDescent="0.35">
      <c r="A75" s="1" t="s">
        <v>10</v>
      </c>
      <c r="B75" s="1" t="s">
        <v>11</v>
      </c>
      <c r="C75" s="1" t="s">
        <v>12</v>
      </c>
      <c r="D75" s="1" t="s">
        <v>95</v>
      </c>
      <c r="E75" s="7" t="s">
        <v>133</v>
      </c>
      <c r="F75" s="5">
        <v>2024</v>
      </c>
      <c r="G75" s="1" t="s">
        <v>14</v>
      </c>
      <c r="H75" s="1" t="s">
        <v>14</v>
      </c>
      <c r="I75" s="1" t="s">
        <v>15</v>
      </c>
      <c r="J75" s="9">
        <v>78.2</v>
      </c>
      <c r="L75" s="7"/>
    </row>
    <row r="76" spans="1:12" x14ac:dyDescent="0.35">
      <c r="A76" s="1" t="s">
        <v>10</v>
      </c>
      <c r="B76" s="1" t="s">
        <v>16</v>
      </c>
      <c r="C76" s="1" t="s">
        <v>12</v>
      </c>
      <c r="D76" s="1" t="s">
        <v>95</v>
      </c>
      <c r="E76" s="7" t="s">
        <v>133</v>
      </c>
      <c r="F76" s="5">
        <v>2024</v>
      </c>
      <c r="G76" s="1" t="s">
        <v>14</v>
      </c>
      <c r="H76" s="1" t="s">
        <v>14</v>
      </c>
      <c r="I76" s="1" t="s">
        <v>15</v>
      </c>
      <c r="J76" s="9">
        <v>74.3</v>
      </c>
      <c r="L76" s="7"/>
    </row>
    <row r="77" spans="1:12" x14ac:dyDescent="0.35">
      <c r="A77" s="1" t="s">
        <v>10</v>
      </c>
      <c r="B77" s="1" t="s">
        <v>17</v>
      </c>
      <c r="C77" s="1" t="s">
        <v>12</v>
      </c>
      <c r="D77" s="1" t="s">
        <v>95</v>
      </c>
      <c r="E77" s="7" t="s">
        <v>133</v>
      </c>
      <c r="F77" s="5">
        <v>2024</v>
      </c>
      <c r="G77" s="1" t="s">
        <v>14</v>
      </c>
      <c r="H77" s="1" t="s">
        <v>14</v>
      </c>
      <c r="I77" s="1" t="s">
        <v>15</v>
      </c>
      <c r="J77" s="9">
        <v>78.900000000000006</v>
      </c>
      <c r="L77" s="7"/>
    </row>
    <row r="78" spans="1:12" x14ac:dyDescent="0.35">
      <c r="A78" s="1" t="s">
        <v>10</v>
      </c>
      <c r="B78" s="1" t="s">
        <v>18</v>
      </c>
      <c r="C78" s="1" t="s">
        <v>12</v>
      </c>
      <c r="D78" s="1" t="s">
        <v>95</v>
      </c>
      <c r="E78" s="7" t="s">
        <v>133</v>
      </c>
      <c r="F78" s="5">
        <v>2024</v>
      </c>
      <c r="G78" s="1" t="s">
        <v>14</v>
      </c>
      <c r="H78" s="1" t="s">
        <v>14</v>
      </c>
      <c r="I78" s="1" t="s">
        <v>15</v>
      </c>
      <c r="J78" s="9">
        <v>85.8</v>
      </c>
      <c r="L78" s="7"/>
    </row>
    <row r="79" spans="1:12" x14ac:dyDescent="0.35">
      <c r="A79" s="1" t="s">
        <v>10</v>
      </c>
      <c r="B79" s="1" t="s">
        <v>19</v>
      </c>
      <c r="C79" s="1" t="s">
        <v>12</v>
      </c>
      <c r="D79" s="1" t="s">
        <v>95</v>
      </c>
      <c r="E79" s="7" t="s">
        <v>133</v>
      </c>
      <c r="F79" s="5">
        <v>2024</v>
      </c>
      <c r="G79" s="1" t="s">
        <v>14</v>
      </c>
      <c r="H79" s="1" t="s">
        <v>14</v>
      </c>
      <c r="I79" s="1" t="s">
        <v>15</v>
      </c>
      <c r="J79" s="9">
        <v>86.3</v>
      </c>
      <c r="L79" s="7"/>
    </row>
    <row r="80" spans="1:12" x14ac:dyDescent="0.35">
      <c r="A80" s="1" t="s">
        <v>20</v>
      </c>
      <c r="B80" s="1" t="s">
        <v>21</v>
      </c>
      <c r="C80" s="1" t="s">
        <v>12</v>
      </c>
      <c r="D80" s="1" t="s">
        <v>95</v>
      </c>
      <c r="E80" s="7" t="s">
        <v>133</v>
      </c>
      <c r="F80" s="5">
        <v>2024</v>
      </c>
      <c r="G80" s="1" t="s">
        <v>14</v>
      </c>
      <c r="H80" s="1" t="s">
        <v>14</v>
      </c>
      <c r="I80" s="1" t="s">
        <v>15</v>
      </c>
      <c r="J80" s="9">
        <v>77.7</v>
      </c>
      <c r="L80" s="7"/>
    </row>
    <row r="81" spans="1:12" x14ac:dyDescent="0.35">
      <c r="A81" s="1" t="s">
        <v>22</v>
      </c>
      <c r="B81" s="1" t="s">
        <v>23</v>
      </c>
      <c r="C81" s="1" t="s">
        <v>12</v>
      </c>
      <c r="D81" s="1" t="s">
        <v>95</v>
      </c>
      <c r="E81" s="7" t="s">
        <v>133</v>
      </c>
      <c r="F81" s="5">
        <v>2024</v>
      </c>
      <c r="G81" s="1" t="s">
        <v>14</v>
      </c>
      <c r="H81" s="1" t="s">
        <v>14</v>
      </c>
      <c r="I81" s="1" t="s">
        <v>15</v>
      </c>
      <c r="J81" s="9">
        <v>72.7</v>
      </c>
      <c r="L81" s="7"/>
    </row>
    <row r="82" spans="1:12" x14ac:dyDescent="0.35">
      <c r="A82" s="1" t="s">
        <v>10</v>
      </c>
      <c r="B82" s="1" t="s">
        <v>24</v>
      </c>
      <c r="C82" s="1" t="s">
        <v>12</v>
      </c>
      <c r="D82" s="1" t="s">
        <v>95</v>
      </c>
      <c r="E82" s="7" t="s">
        <v>133</v>
      </c>
      <c r="F82" s="5">
        <v>2024</v>
      </c>
      <c r="G82" s="1" t="s">
        <v>14</v>
      </c>
      <c r="H82" s="1" t="s">
        <v>14</v>
      </c>
      <c r="I82" s="1" t="s">
        <v>15</v>
      </c>
      <c r="J82" s="9">
        <v>74.2</v>
      </c>
      <c r="L82" s="7"/>
    </row>
    <row r="83" spans="1:12" x14ac:dyDescent="0.35">
      <c r="A83" s="1" t="s">
        <v>10</v>
      </c>
      <c r="B83" s="1" t="s">
        <v>25</v>
      </c>
      <c r="C83" s="1" t="s">
        <v>12</v>
      </c>
      <c r="D83" s="1" t="s">
        <v>95</v>
      </c>
      <c r="E83" s="7" t="s">
        <v>133</v>
      </c>
      <c r="F83" s="5">
        <v>2024</v>
      </c>
      <c r="G83" s="1" t="s">
        <v>14</v>
      </c>
      <c r="H83" s="1" t="s">
        <v>14</v>
      </c>
      <c r="I83" s="1" t="s">
        <v>15</v>
      </c>
      <c r="J83" s="9">
        <v>73.3</v>
      </c>
      <c r="L83" s="7"/>
    </row>
    <row r="84" spans="1:12" x14ac:dyDescent="0.35">
      <c r="A84" s="1" t="s">
        <v>26</v>
      </c>
      <c r="B84" s="1" t="s">
        <v>27</v>
      </c>
      <c r="C84" s="1" t="s">
        <v>12</v>
      </c>
      <c r="D84" s="1" t="s">
        <v>95</v>
      </c>
      <c r="E84" s="7" t="s">
        <v>133</v>
      </c>
      <c r="F84" s="5">
        <v>2024</v>
      </c>
      <c r="G84" s="1" t="s">
        <v>14</v>
      </c>
      <c r="H84" s="1" t="s">
        <v>14</v>
      </c>
      <c r="I84" s="1" t="s">
        <v>15</v>
      </c>
      <c r="J84" s="9">
        <v>68.599999999999994</v>
      </c>
      <c r="L84" s="7"/>
    </row>
    <row r="85" spans="1:12" x14ac:dyDescent="0.35">
      <c r="A85" s="1" t="s">
        <v>28</v>
      </c>
      <c r="B85" s="1" t="s">
        <v>29</v>
      </c>
      <c r="C85" s="1" t="s">
        <v>12</v>
      </c>
      <c r="D85" s="1" t="s">
        <v>95</v>
      </c>
      <c r="E85" s="7" t="s">
        <v>133</v>
      </c>
      <c r="F85" s="5">
        <v>2024</v>
      </c>
      <c r="G85" s="1" t="s">
        <v>14</v>
      </c>
      <c r="H85" s="1" t="s">
        <v>14</v>
      </c>
      <c r="I85" s="1" t="s">
        <v>15</v>
      </c>
      <c r="J85" s="9">
        <v>69.599999999999994</v>
      </c>
      <c r="L85" s="7"/>
    </row>
    <row r="86" spans="1:12" x14ac:dyDescent="0.35">
      <c r="A86" s="1" t="s">
        <v>10</v>
      </c>
      <c r="B86" s="1" t="s">
        <v>30</v>
      </c>
      <c r="C86" s="1" t="s">
        <v>12</v>
      </c>
      <c r="D86" s="1" t="s">
        <v>95</v>
      </c>
      <c r="E86" s="7" t="s">
        <v>133</v>
      </c>
      <c r="F86" s="5">
        <v>2024</v>
      </c>
      <c r="G86" s="1" t="s">
        <v>14</v>
      </c>
      <c r="H86" s="1" t="s">
        <v>14</v>
      </c>
      <c r="I86" s="1" t="s">
        <v>15</v>
      </c>
      <c r="J86" s="9">
        <v>76</v>
      </c>
      <c r="L86" s="7"/>
    </row>
    <row r="87" spans="1:12" x14ac:dyDescent="0.35">
      <c r="A87" s="1" t="s">
        <v>26</v>
      </c>
      <c r="B87" s="1" t="s">
        <v>31</v>
      </c>
      <c r="C87" s="1" t="s">
        <v>12</v>
      </c>
      <c r="D87" s="1" t="s">
        <v>95</v>
      </c>
      <c r="E87" s="7" t="s">
        <v>133</v>
      </c>
      <c r="F87" s="5">
        <v>2024</v>
      </c>
      <c r="G87" s="1" t="s">
        <v>14</v>
      </c>
      <c r="H87" s="1" t="s">
        <v>14</v>
      </c>
      <c r="I87" s="1" t="s">
        <v>15</v>
      </c>
      <c r="J87" s="9">
        <v>79.099999999999994</v>
      </c>
      <c r="L87" s="7"/>
    </row>
    <row r="88" spans="1:12" x14ac:dyDescent="0.35">
      <c r="A88" s="1" t="s">
        <v>28</v>
      </c>
      <c r="B88" s="1" t="s">
        <v>32</v>
      </c>
      <c r="C88" s="1" t="s">
        <v>12</v>
      </c>
      <c r="D88" s="1" t="s">
        <v>95</v>
      </c>
      <c r="E88" s="7" t="s">
        <v>133</v>
      </c>
      <c r="F88" s="5">
        <v>2024</v>
      </c>
      <c r="G88" s="1" t="s">
        <v>14</v>
      </c>
      <c r="H88" s="1" t="s">
        <v>14</v>
      </c>
      <c r="I88" s="1" t="s">
        <v>15</v>
      </c>
      <c r="J88" s="9">
        <v>73.3</v>
      </c>
      <c r="L88" s="7"/>
    </row>
    <row r="89" spans="1:12" x14ac:dyDescent="0.35">
      <c r="A89" s="1" t="s">
        <v>33</v>
      </c>
      <c r="B89" s="1" t="s">
        <v>34</v>
      </c>
      <c r="C89" s="1" t="s">
        <v>12</v>
      </c>
      <c r="D89" s="1" t="s">
        <v>95</v>
      </c>
      <c r="E89" s="7" t="s">
        <v>133</v>
      </c>
      <c r="F89" s="5">
        <v>2024</v>
      </c>
      <c r="G89" s="1" t="s">
        <v>14</v>
      </c>
      <c r="H89" s="1" t="s">
        <v>14</v>
      </c>
      <c r="I89" s="1" t="s">
        <v>15</v>
      </c>
      <c r="J89" s="9">
        <v>67.599999999999994</v>
      </c>
      <c r="L89" s="7"/>
    </row>
    <row r="90" spans="1:12" x14ac:dyDescent="0.35">
      <c r="A90" s="1" t="s">
        <v>35</v>
      </c>
      <c r="B90" s="1" t="s">
        <v>36</v>
      </c>
      <c r="C90" s="1" t="s">
        <v>12</v>
      </c>
      <c r="D90" s="1" t="s">
        <v>95</v>
      </c>
      <c r="E90" s="7" t="s">
        <v>133</v>
      </c>
      <c r="F90" s="5">
        <v>2024</v>
      </c>
      <c r="G90" s="1" t="s">
        <v>14</v>
      </c>
      <c r="H90" s="1" t="s">
        <v>14</v>
      </c>
      <c r="I90" s="1" t="s">
        <v>15</v>
      </c>
      <c r="J90" s="9">
        <v>73.400000000000006</v>
      </c>
      <c r="L90" s="7"/>
    </row>
    <row r="91" spans="1:12" x14ac:dyDescent="0.35">
      <c r="A91" s="1" t="s">
        <v>28</v>
      </c>
      <c r="B91" s="1" t="s">
        <v>37</v>
      </c>
      <c r="C91" s="1" t="s">
        <v>12</v>
      </c>
      <c r="D91" s="1" t="s">
        <v>95</v>
      </c>
      <c r="E91" s="7" t="s">
        <v>133</v>
      </c>
      <c r="F91" s="5">
        <v>2024</v>
      </c>
      <c r="G91" s="1" t="s">
        <v>14</v>
      </c>
      <c r="H91" s="1" t="s">
        <v>14</v>
      </c>
      <c r="I91" s="1" t="s">
        <v>15</v>
      </c>
      <c r="J91" s="9">
        <v>75.099999999999994</v>
      </c>
      <c r="L91" s="7"/>
    </row>
    <row r="92" spans="1:12" x14ac:dyDescent="0.35">
      <c r="A92" s="1" t="s">
        <v>20</v>
      </c>
      <c r="B92" s="1" t="s">
        <v>38</v>
      </c>
      <c r="C92" s="1" t="s">
        <v>12</v>
      </c>
      <c r="D92" s="1" t="s">
        <v>95</v>
      </c>
      <c r="E92" s="7" t="s">
        <v>133</v>
      </c>
      <c r="F92" s="5">
        <v>2024</v>
      </c>
      <c r="G92" s="1" t="s">
        <v>14</v>
      </c>
      <c r="H92" s="1" t="s">
        <v>14</v>
      </c>
      <c r="I92" s="1" t="s">
        <v>15</v>
      </c>
      <c r="J92" s="9">
        <v>77.599999999999994</v>
      </c>
      <c r="L92" s="7"/>
    </row>
    <row r="93" spans="1:12" x14ac:dyDescent="0.35">
      <c r="A93" s="1" t="s">
        <v>33</v>
      </c>
      <c r="B93" s="1" t="s">
        <v>39</v>
      </c>
      <c r="C93" s="1" t="s">
        <v>12</v>
      </c>
      <c r="D93" s="1" t="s">
        <v>95</v>
      </c>
      <c r="E93" s="7" t="s">
        <v>133</v>
      </c>
      <c r="F93" s="5">
        <v>2024</v>
      </c>
      <c r="G93" s="1" t="s">
        <v>14</v>
      </c>
      <c r="H93" s="1" t="s">
        <v>14</v>
      </c>
      <c r="I93" s="1" t="s">
        <v>15</v>
      </c>
      <c r="J93" s="9">
        <v>76.3</v>
      </c>
      <c r="L93" s="7"/>
    </row>
    <row r="94" spans="1:12" x14ac:dyDescent="0.35">
      <c r="A94" s="1" t="s">
        <v>20</v>
      </c>
      <c r="B94" s="1" t="s">
        <v>40</v>
      </c>
      <c r="C94" s="1" t="s">
        <v>12</v>
      </c>
      <c r="D94" s="1" t="s">
        <v>95</v>
      </c>
      <c r="E94" s="7" t="s">
        <v>133</v>
      </c>
      <c r="F94" s="5">
        <v>2024</v>
      </c>
      <c r="G94" s="1" t="s">
        <v>14</v>
      </c>
      <c r="H94" s="1" t="s">
        <v>14</v>
      </c>
      <c r="I94" s="1" t="s">
        <v>15</v>
      </c>
      <c r="J94" s="9">
        <v>65.900000000000006</v>
      </c>
      <c r="L94" s="7"/>
    </row>
    <row r="95" spans="1:12" x14ac:dyDescent="0.35">
      <c r="A95" s="1" t="s">
        <v>35</v>
      </c>
      <c r="B95" s="1" t="s">
        <v>41</v>
      </c>
      <c r="C95" s="1" t="s">
        <v>12</v>
      </c>
      <c r="D95" s="1" t="s">
        <v>95</v>
      </c>
      <c r="E95" s="7" t="s">
        <v>133</v>
      </c>
      <c r="F95" s="5">
        <v>2024</v>
      </c>
      <c r="G95" s="1" t="s">
        <v>14</v>
      </c>
      <c r="H95" s="1" t="s">
        <v>14</v>
      </c>
      <c r="I95" s="1" t="s">
        <v>15</v>
      </c>
      <c r="J95" s="9">
        <v>69</v>
      </c>
      <c r="L95" s="7"/>
    </row>
    <row r="96" spans="1:12" x14ac:dyDescent="0.35">
      <c r="A96" s="1" t="s">
        <v>35</v>
      </c>
      <c r="B96" s="1" t="s">
        <v>42</v>
      </c>
      <c r="C96" s="1" t="s">
        <v>12</v>
      </c>
      <c r="D96" s="1" t="s">
        <v>95</v>
      </c>
      <c r="E96" s="7" t="s">
        <v>133</v>
      </c>
      <c r="F96" s="5">
        <v>2024</v>
      </c>
      <c r="G96" s="1" t="s">
        <v>14</v>
      </c>
      <c r="H96" s="1" t="s">
        <v>14</v>
      </c>
      <c r="I96" s="1" t="s">
        <v>15</v>
      </c>
      <c r="J96" s="9">
        <v>60.3</v>
      </c>
      <c r="L96" s="7"/>
    </row>
    <row r="97" spans="1:12" x14ac:dyDescent="0.35">
      <c r="A97" s="1" t="s">
        <v>35</v>
      </c>
      <c r="B97" s="1" t="s">
        <v>43</v>
      </c>
      <c r="C97" s="1" t="s">
        <v>12</v>
      </c>
      <c r="D97" s="1" t="s">
        <v>95</v>
      </c>
      <c r="E97" s="7" t="s">
        <v>133</v>
      </c>
      <c r="F97" s="5">
        <v>2024</v>
      </c>
      <c r="G97" s="1" t="s">
        <v>14</v>
      </c>
      <c r="H97" s="1" t="s">
        <v>14</v>
      </c>
      <c r="I97" s="1" t="s">
        <v>15</v>
      </c>
      <c r="J97" s="9">
        <v>77.3</v>
      </c>
      <c r="L97" s="7"/>
    </row>
    <row r="98" spans="1:12" x14ac:dyDescent="0.35">
      <c r="A98" s="1" t="s">
        <v>28</v>
      </c>
      <c r="B98" s="1" t="s">
        <v>44</v>
      </c>
      <c r="C98" s="1" t="s">
        <v>12</v>
      </c>
      <c r="D98" s="1" t="s">
        <v>95</v>
      </c>
      <c r="E98" s="7" t="s">
        <v>133</v>
      </c>
      <c r="F98" s="5">
        <v>2024</v>
      </c>
      <c r="G98" s="1" t="s">
        <v>14</v>
      </c>
      <c r="H98" s="1" t="s">
        <v>14</v>
      </c>
      <c r="I98" s="1" t="s">
        <v>15</v>
      </c>
      <c r="J98" s="9">
        <v>77.599999999999994</v>
      </c>
      <c r="L98" s="7"/>
    </row>
    <row r="99" spans="1:12" x14ac:dyDescent="0.35">
      <c r="A99" s="1" t="s">
        <v>10</v>
      </c>
      <c r="B99" s="1" t="s">
        <v>45</v>
      </c>
      <c r="C99" s="1" t="s">
        <v>12</v>
      </c>
      <c r="D99" s="1" t="s">
        <v>95</v>
      </c>
      <c r="E99" s="7" t="s">
        <v>133</v>
      </c>
      <c r="F99" s="5">
        <v>2024</v>
      </c>
      <c r="G99" s="1" t="s">
        <v>14</v>
      </c>
      <c r="H99" s="1" t="s">
        <v>14</v>
      </c>
      <c r="I99" s="1" t="s">
        <v>15</v>
      </c>
      <c r="J99" s="9">
        <v>70</v>
      </c>
      <c r="L99" s="7"/>
    </row>
    <row r="100" spans="1:12" x14ac:dyDescent="0.35">
      <c r="A100" s="1" t="s">
        <v>10</v>
      </c>
      <c r="B100" s="1" t="s">
        <v>46</v>
      </c>
      <c r="C100" s="1" t="s">
        <v>12</v>
      </c>
      <c r="D100" s="1" t="s">
        <v>95</v>
      </c>
      <c r="E100" s="7" t="s">
        <v>133</v>
      </c>
      <c r="F100" s="5">
        <v>2024</v>
      </c>
      <c r="G100" s="1" t="s">
        <v>14</v>
      </c>
      <c r="H100" s="1" t="s">
        <v>14</v>
      </c>
      <c r="I100" s="1" t="s">
        <v>15</v>
      </c>
      <c r="J100" s="9">
        <v>63.1</v>
      </c>
      <c r="L100" s="7"/>
    </row>
    <row r="101" spans="1:12" x14ac:dyDescent="0.35">
      <c r="A101" s="1" t="s">
        <v>33</v>
      </c>
      <c r="B101" s="1" t="s">
        <v>47</v>
      </c>
      <c r="C101" s="1" t="s">
        <v>12</v>
      </c>
      <c r="D101" s="1" t="s">
        <v>95</v>
      </c>
      <c r="E101" s="7" t="s">
        <v>133</v>
      </c>
      <c r="F101" s="5">
        <v>2024</v>
      </c>
      <c r="G101" s="1" t="s">
        <v>14</v>
      </c>
      <c r="H101" s="1" t="s">
        <v>14</v>
      </c>
      <c r="I101" s="1" t="s">
        <v>15</v>
      </c>
      <c r="J101" s="9">
        <v>79.099999999999994</v>
      </c>
      <c r="L101" s="7"/>
    </row>
    <row r="102" spans="1:12" x14ac:dyDescent="0.35">
      <c r="A102" s="1" t="s">
        <v>20</v>
      </c>
      <c r="B102" s="1" t="s">
        <v>48</v>
      </c>
      <c r="C102" s="1" t="s">
        <v>12</v>
      </c>
      <c r="D102" s="1" t="s">
        <v>95</v>
      </c>
      <c r="E102" s="7" t="s">
        <v>133</v>
      </c>
      <c r="F102" s="5">
        <v>2024</v>
      </c>
      <c r="G102" s="1" t="s">
        <v>14</v>
      </c>
      <c r="H102" s="1" t="s">
        <v>14</v>
      </c>
      <c r="I102" s="1" t="s">
        <v>15</v>
      </c>
      <c r="J102" s="9">
        <v>77.099999999999994</v>
      </c>
      <c r="L102" s="7"/>
    </row>
    <row r="103" spans="1:12" x14ac:dyDescent="0.35">
      <c r="A103" s="1" t="s">
        <v>28</v>
      </c>
      <c r="B103" s="1" t="s">
        <v>49</v>
      </c>
      <c r="C103" s="1" t="s">
        <v>12</v>
      </c>
      <c r="D103" s="1" t="s">
        <v>95</v>
      </c>
      <c r="E103" s="7" t="s">
        <v>133</v>
      </c>
      <c r="F103" s="5">
        <v>2024</v>
      </c>
      <c r="G103" s="1" t="s">
        <v>14</v>
      </c>
      <c r="H103" s="1" t="s">
        <v>14</v>
      </c>
      <c r="I103" s="1" t="s">
        <v>15</v>
      </c>
      <c r="J103" s="9">
        <v>77.7</v>
      </c>
      <c r="L103" s="7"/>
    </row>
    <row r="104" spans="1:12" x14ac:dyDescent="0.35">
      <c r="A104" s="1" t="s">
        <v>35</v>
      </c>
      <c r="B104" s="1" t="s">
        <v>50</v>
      </c>
      <c r="C104" s="1" t="s">
        <v>12</v>
      </c>
      <c r="D104" s="1" t="s">
        <v>95</v>
      </c>
      <c r="E104" s="7" t="s">
        <v>133</v>
      </c>
      <c r="F104" s="5">
        <v>2024</v>
      </c>
      <c r="G104" s="1" t="s">
        <v>14</v>
      </c>
      <c r="H104" s="1" t="s">
        <v>14</v>
      </c>
      <c r="I104" s="1" t="s">
        <v>15</v>
      </c>
      <c r="J104" s="9">
        <v>79.5</v>
      </c>
      <c r="L104" s="7"/>
    </row>
    <row r="105" spans="1:12" x14ac:dyDescent="0.35">
      <c r="A105" s="1" t="s">
        <v>22</v>
      </c>
      <c r="B105" s="1" t="s">
        <v>51</v>
      </c>
      <c r="C105" s="1" t="s">
        <v>12</v>
      </c>
      <c r="D105" s="1" t="s">
        <v>95</v>
      </c>
      <c r="E105" s="7" t="s">
        <v>133</v>
      </c>
      <c r="F105" s="5">
        <v>2024</v>
      </c>
      <c r="G105" s="1" t="s">
        <v>14</v>
      </c>
      <c r="H105" s="1" t="s">
        <v>14</v>
      </c>
      <c r="I105" s="1" t="s">
        <v>15</v>
      </c>
      <c r="J105" s="9">
        <v>80.7</v>
      </c>
      <c r="L105" s="7"/>
    </row>
    <row r="106" spans="1:12" x14ac:dyDescent="0.35">
      <c r="A106" s="1" t="s">
        <v>22</v>
      </c>
      <c r="B106" s="1" t="s">
        <v>52</v>
      </c>
      <c r="C106" s="1" t="s">
        <v>12</v>
      </c>
      <c r="D106" s="1" t="s">
        <v>95</v>
      </c>
      <c r="E106" s="7" t="s">
        <v>133</v>
      </c>
      <c r="F106" s="5">
        <v>2024</v>
      </c>
      <c r="G106" s="1" t="s">
        <v>14</v>
      </c>
      <c r="H106" s="1" t="s">
        <v>14</v>
      </c>
      <c r="I106" s="1" t="s">
        <v>15</v>
      </c>
      <c r="J106" s="9">
        <v>66.900000000000006</v>
      </c>
      <c r="L106" s="7"/>
    </row>
    <row r="107" spans="1:12" x14ac:dyDescent="0.35">
      <c r="A107" s="1" t="s">
        <v>22</v>
      </c>
      <c r="B107" s="1" t="s">
        <v>53</v>
      </c>
      <c r="C107" s="1" t="s">
        <v>12</v>
      </c>
      <c r="D107" s="1" t="s">
        <v>95</v>
      </c>
      <c r="E107" s="7" t="s">
        <v>133</v>
      </c>
      <c r="F107" s="5">
        <v>2024</v>
      </c>
      <c r="G107" s="1" t="s">
        <v>14</v>
      </c>
      <c r="H107" s="1" t="s">
        <v>14</v>
      </c>
      <c r="I107" s="1" t="s">
        <v>15</v>
      </c>
      <c r="J107" s="9">
        <v>78.8</v>
      </c>
      <c r="L107" s="7"/>
    </row>
    <row r="108" spans="1:12" x14ac:dyDescent="0.35">
      <c r="A108" s="1" t="s">
        <v>22</v>
      </c>
      <c r="B108" s="1" t="s">
        <v>54</v>
      </c>
      <c r="C108" s="1" t="s">
        <v>12</v>
      </c>
      <c r="D108" s="1" t="s">
        <v>95</v>
      </c>
      <c r="E108" s="7" t="s">
        <v>133</v>
      </c>
      <c r="F108" s="5">
        <v>2024</v>
      </c>
      <c r="G108" s="1" t="s">
        <v>14</v>
      </c>
      <c r="H108" s="1" t="s">
        <v>14</v>
      </c>
      <c r="I108" s="1" t="s">
        <v>15</v>
      </c>
      <c r="J108" s="9">
        <v>77.7</v>
      </c>
      <c r="L108" s="7"/>
    </row>
    <row r="109" spans="1:12" x14ac:dyDescent="0.35">
      <c r="A109" s="1" t="s">
        <v>22</v>
      </c>
      <c r="B109" s="1" t="s">
        <v>55</v>
      </c>
      <c r="C109" s="1" t="s">
        <v>12</v>
      </c>
      <c r="D109" s="1" t="s">
        <v>95</v>
      </c>
      <c r="E109" s="7" t="s">
        <v>133</v>
      </c>
      <c r="F109" s="5">
        <v>2024</v>
      </c>
      <c r="G109" s="1" t="s">
        <v>14</v>
      </c>
      <c r="H109" s="1" t="s">
        <v>14</v>
      </c>
      <c r="I109" s="1" t="s">
        <v>15</v>
      </c>
      <c r="J109" s="9">
        <v>83.2</v>
      </c>
      <c r="L109" s="7"/>
    </row>
    <row r="110" spans="1:12" x14ac:dyDescent="0.35">
      <c r="A110" s="1" t="s">
        <v>22</v>
      </c>
      <c r="B110" s="1" t="s">
        <v>56</v>
      </c>
      <c r="C110" s="1" t="s">
        <v>12</v>
      </c>
      <c r="D110" s="1" t="s">
        <v>95</v>
      </c>
      <c r="E110" s="7" t="s">
        <v>133</v>
      </c>
      <c r="F110" s="5">
        <v>2024</v>
      </c>
      <c r="G110" s="1" t="s">
        <v>14</v>
      </c>
      <c r="H110" s="1" t="s">
        <v>14</v>
      </c>
      <c r="I110" s="1" t="s">
        <v>15</v>
      </c>
      <c r="J110" s="9">
        <v>86</v>
      </c>
      <c r="L110" s="7"/>
    </row>
    <row r="111" spans="1:12" x14ac:dyDescent="0.35">
      <c r="A111" s="1" t="s">
        <v>26</v>
      </c>
      <c r="B111" s="1" t="s">
        <v>57</v>
      </c>
      <c r="C111" s="1" t="s">
        <v>12</v>
      </c>
      <c r="D111" s="1" t="s">
        <v>95</v>
      </c>
      <c r="E111" s="7" t="s">
        <v>133</v>
      </c>
      <c r="F111" s="5">
        <v>2024</v>
      </c>
      <c r="G111" s="1" t="s">
        <v>14</v>
      </c>
      <c r="H111" s="1" t="s">
        <v>14</v>
      </c>
      <c r="I111" s="1" t="s">
        <v>15</v>
      </c>
      <c r="J111" s="9">
        <v>79.2</v>
      </c>
      <c r="L111" s="7"/>
    </row>
    <row r="112" spans="1:12" x14ac:dyDescent="0.35">
      <c r="A112" s="1" t="s">
        <v>28</v>
      </c>
      <c r="B112" s="1" t="s">
        <v>58</v>
      </c>
      <c r="C112" s="1" t="s">
        <v>12</v>
      </c>
      <c r="D112" s="1" t="s">
        <v>95</v>
      </c>
      <c r="E112" s="7" t="s">
        <v>133</v>
      </c>
      <c r="F112" s="5">
        <v>2024</v>
      </c>
      <c r="G112" s="1" t="s">
        <v>14</v>
      </c>
      <c r="H112" s="1" t="s">
        <v>14</v>
      </c>
      <c r="I112" s="1" t="s">
        <v>15</v>
      </c>
      <c r="J112" s="9">
        <v>69.3</v>
      </c>
      <c r="L112" s="7"/>
    </row>
    <row r="113" spans="1:12" x14ac:dyDescent="0.35">
      <c r="A113" s="1" t="s">
        <v>20</v>
      </c>
      <c r="B113" s="1" t="s">
        <v>59</v>
      </c>
      <c r="C113" s="1" t="s">
        <v>12</v>
      </c>
      <c r="D113" s="1" t="s">
        <v>95</v>
      </c>
      <c r="E113" s="7" t="s">
        <v>133</v>
      </c>
      <c r="F113" s="5">
        <v>2024</v>
      </c>
      <c r="G113" s="1" t="s">
        <v>14</v>
      </c>
      <c r="H113" s="1" t="s">
        <v>14</v>
      </c>
      <c r="I113" s="1" t="s">
        <v>15</v>
      </c>
      <c r="J113" s="9">
        <v>75.599999999999994</v>
      </c>
      <c r="L113" s="7"/>
    </row>
    <row r="114" spans="1:12" x14ac:dyDescent="0.35">
      <c r="A114" s="1" t="s">
        <v>20</v>
      </c>
      <c r="B114" s="1" t="s">
        <v>60</v>
      </c>
      <c r="C114" s="1" t="s">
        <v>12</v>
      </c>
      <c r="D114" s="1" t="s">
        <v>95</v>
      </c>
      <c r="E114" s="7" t="s">
        <v>133</v>
      </c>
      <c r="F114" s="5">
        <v>2024</v>
      </c>
      <c r="G114" s="1" t="s">
        <v>14</v>
      </c>
      <c r="H114" s="1" t="s">
        <v>14</v>
      </c>
      <c r="I114" s="1" t="s">
        <v>15</v>
      </c>
      <c r="J114" s="9">
        <v>70</v>
      </c>
      <c r="L114" s="7"/>
    </row>
    <row r="115" spans="1:12" x14ac:dyDescent="0.35">
      <c r="A115" s="1" t="s">
        <v>28</v>
      </c>
      <c r="B115" s="1" t="s">
        <v>61</v>
      </c>
      <c r="C115" s="1" t="s">
        <v>12</v>
      </c>
      <c r="D115" s="1" t="s">
        <v>95</v>
      </c>
      <c r="E115" s="7" t="s">
        <v>133</v>
      </c>
      <c r="F115" s="5">
        <v>2024</v>
      </c>
      <c r="G115" s="1" t="s">
        <v>14</v>
      </c>
      <c r="H115" s="1" t="s">
        <v>14</v>
      </c>
      <c r="I115" s="1" t="s">
        <v>15</v>
      </c>
      <c r="J115" s="9">
        <v>73.7</v>
      </c>
      <c r="L115" s="7"/>
    </row>
    <row r="116" spans="1:12" x14ac:dyDescent="0.35">
      <c r="A116" s="1" t="s">
        <v>62</v>
      </c>
      <c r="B116" s="1" t="s">
        <v>63</v>
      </c>
      <c r="C116" s="1" t="s">
        <v>12</v>
      </c>
      <c r="D116" s="1" t="s">
        <v>95</v>
      </c>
      <c r="E116" s="7" t="s">
        <v>133</v>
      </c>
      <c r="F116" s="5">
        <v>2024</v>
      </c>
      <c r="G116" s="1" t="s">
        <v>14</v>
      </c>
      <c r="H116" s="1" t="s">
        <v>14</v>
      </c>
      <c r="I116" s="1" t="s">
        <v>15</v>
      </c>
      <c r="J116" s="9">
        <v>64.400000000000006</v>
      </c>
      <c r="L116" s="7"/>
    </row>
    <row r="117" spans="1:12" x14ac:dyDescent="0.35">
      <c r="A117" s="1" t="s">
        <v>62</v>
      </c>
      <c r="B117" s="1" t="s">
        <v>64</v>
      </c>
      <c r="C117" s="1" t="s">
        <v>12</v>
      </c>
      <c r="D117" s="1" t="s">
        <v>95</v>
      </c>
      <c r="E117" s="7" t="s">
        <v>133</v>
      </c>
      <c r="F117" s="5">
        <v>2024</v>
      </c>
      <c r="G117" s="1" t="s">
        <v>14</v>
      </c>
      <c r="H117" s="1" t="s">
        <v>14</v>
      </c>
      <c r="I117" s="1" t="s">
        <v>15</v>
      </c>
      <c r="J117" s="9">
        <v>74.400000000000006</v>
      </c>
      <c r="L117" s="7"/>
    </row>
    <row r="118" spans="1:12" x14ac:dyDescent="0.35">
      <c r="A118" s="1" t="s">
        <v>62</v>
      </c>
      <c r="B118" s="1" t="s">
        <v>65</v>
      </c>
      <c r="C118" s="1" t="s">
        <v>12</v>
      </c>
      <c r="D118" s="1" t="s">
        <v>95</v>
      </c>
      <c r="E118" s="7" t="s">
        <v>133</v>
      </c>
      <c r="F118" s="5">
        <v>2024</v>
      </c>
      <c r="G118" s="1" t="s">
        <v>14</v>
      </c>
      <c r="H118" s="1" t="s">
        <v>14</v>
      </c>
      <c r="I118" s="1" t="s">
        <v>15</v>
      </c>
      <c r="J118" s="9">
        <v>76.8</v>
      </c>
      <c r="L118" s="7"/>
    </row>
    <row r="119" spans="1:12" x14ac:dyDescent="0.35">
      <c r="A119" s="1" t="s">
        <v>62</v>
      </c>
      <c r="B119" s="1" t="s">
        <v>66</v>
      </c>
      <c r="C119" s="1" t="s">
        <v>12</v>
      </c>
      <c r="D119" s="1" t="s">
        <v>95</v>
      </c>
      <c r="E119" s="7" t="s">
        <v>133</v>
      </c>
      <c r="F119" s="5">
        <v>2024</v>
      </c>
      <c r="G119" s="1" t="s">
        <v>14</v>
      </c>
      <c r="H119" s="1" t="s">
        <v>14</v>
      </c>
      <c r="I119" s="1" t="s">
        <v>15</v>
      </c>
      <c r="J119" s="9">
        <v>61.9</v>
      </c>
      <c r="L119" s="7"/>
    </row>
    <row r="120" spans="1:12" x14ac:dyDescent="0.35">
      <c r="A120" s="1" t="s">
        <v>62</v>
      </c>
      <c r="B120" s="1" t="s">
        <v>67</v>
      </c>
      <c r="C120" s="1" t="s">
        <v>12</v>
      </c>
      <c r="D120" s="1" t="s">
        <v>95</v>
      </c>
      <c r="E120" s="7" t="s">
        <v>133</v>
      </c>
      <c r="F120" s="5">
        <v>2024</v>
      </c>
      <c r="G120" s="1" t="s">
        <v>14</v>
      </c>
      <c r="H120" s="1" t="s">
        <v>14</v>
      </c>
      <c r="I120" s="1" t="s">
        <v>15</v>
      </c>
      <c r="J120" s="9">
        <v>67</v>
      </c>
      <c r="L120" s="7"/>
    </row>
    <row r="121" spans="1:12" x14ac:dyDescent="0.35">
      <c r="A121" s="1" t="s">
        <v>62</v>
      </c>
      <c r="B121" s="1" t="s">
        <v>68</v>
      </c>
      <c r="C121" s="1" t="s">
        <v>12</v>
      </c>
      <c r="D121" s="1" t="s">
        <v>95</v>
      </c>
      <c r="E121" s="7" t="s">
        <v>133</v>
      </c>
      <c r="F121" s="5">
        <v>2024</v>
      </c>
      <c r="G121" s="1" t="s">
        <v>14</v>
      </c>
      <c r="H121" s="1" t="s">
        <v>14</v>
      </c>
      <c r="I121" s="1" t="s">
        <v>15</v>
      </c>
      <c r="J121" s="9">
        <v>63.7</v>
      </c>
      <c r="L121" s="7"/>
    </row>
    <row r="122" spans="1:12" x14ac:dyDescent="0.35">
      <c r="A122" s="1" t="s">
        <v>62</v>
      </c>
      <c r="B122" s="1" t="s">
        <v>69</v>
      </c>
      <c r="C122" s="1" t="s">
        <v>12</v>
      </c>
      <c r="D122" s="1" t="s">
        <v>95</v>
      </c>
      <c r="E122" s="7" t="s">
        <v>133</v>
      </c>
      <c r="F122" s="5">
        <v>2024</v>
      </c>
      <c r="G122" s="1" t="s">
        <v>14</v>
      </c>
      <c r="H122" s="1" t="s">
        <v>14</v>
      </c>
      <c r="I122" s="1" t="s">
        <v>15</v>
      </c>
      <c r="J122" s="9">
        <v>63.7</v>
      </c>
      <c r="L122" s="7"/>
    </row>
    <row r="123" spans="1:12" x14ac:dyDescent="0.35">
      <c r="A123" s="1" t="s">
        <v>62</v>
      </c>
      <c r="B123" s="1" t="s">
        <v>70</v>
      </c>
      <c r="C123" s="1" t="s">
        <v>12</v>
      </c>
      <c r="D123" s="1" t="s">
        <v>95</v>
      </c>
      <c r="E123" s="7" t="s">
        <v>133</v>
      </c>
      <c r="F123" s="5">
        <v>2024</v>
      </c>
      <c r="G123" s="1" t="s">
        <v>14</v>
      </c>
      <c r="H123" s="1" t="s">
        <v>14</v>
      </c>
      <c r="I123" s="1" t="s">
        <v>15</v>
      </c>
      <c r="J123" s="9">
        <v>68.8</v>
      </c>
      <c r="L123" s="7"/>
    </row>
    <row r="124" spans="1:12" x14ac:dyDescent="0.35">
      <c r="A124" s="1" t="s">
        <v>35</v>
      </c>
      <c r="B124" s="1" t="s">
        <v>71</v>
      </c>
      <c r="C124" s="1" t="s">
        <v>12</v>
      </c>
      <c r="D124" s="1" t="s">
        <v>95</v>
      </c>
      <c r="E124" s="7" t="s">
        <v>133</v>
      </c>
      <c r="F124" s="5">
        <v>2024</v>
      </c>
      <c r="G124" s="1" t="s">
        <v>14</v>
      </c>
      <c r="H124" s="1" t="s">
        <v>14</v>
      </c>
      <c r="I124" s="1" t="s">
        <v>15</v>
      </c>
      <c r="J124" s="9">
        <v>67.7</v>
      </c>
      <c r="L124" s="7"/>
    </row>
    <row r="125" spans="1:12" x14ac:dyDescent="0.35">
      <c r="A125" s="1" t="s">
        <v>20</v>
      </c>
      <c r="B125" s="1" t="s">
        <v>72</v>
      </c>
      <c r="C125" s="1" t="s">
        <v>12</v>
      </c>
      <c r="D125" s="1" t="s">
        <v>95</v>
      </c>
      <c r="E125" s="7" t="s">
        <v>133</v>
      </c>
      <c r="F125" s="5">
        <v>2024</v>
      </c>
      <c r="G125" s="1" t="s">
        <v>14</v>
      </c>
      <c r="H125" s="1" t="s">
        <v>14</v>
      </c>
      <c r="I125" s="1" t="s">
        <v>15</v>
      </c>
      <c r="J125" s="9">
        <v>76.099999999999994</v>
      </c>
      <c r="L125" s="7"/>
    </row>
    <row r="126" spans="1:12" x14ac:dyDescent="0.35">
      <c r="A126" s="1" t="s">
        <v>26</v>
      </c>
      <c r="B126" s="1" t="s">
        <v>73</v>
      </c>
      <c r="C126" s="1" t="s">
        <v>12</v>
      </c>
      <c r="D126" s="1" t="s">
        <v>95</v>
      </c>
      <c r="E126" s="7" t="s">
        <v>133</v>
      </c>
      <c r="F126" s="5">
        <v>2024</v>
      </c>
      <c r="G126" s="1" t="s">
        <v>14</v>
      </c>
      <c r="H126" s="1" t="s">
        <v>14</v>
      </c>
      <c r="I126" s="1" t="s">
        <v>15</v>
      </c>
      <c r="J126" s="9">
        <v>79.8</v>
      </c>
      <c r="L126" s="7"/>
    </row>
    <row r="127" spans="1:12" x14ac:dyDescent="0.35">
      <c r="A127" s="1" t="s">
        <v>28</v>
      </c>
      <c r="B127" s="1" t="s">
        <v>74</v>
      </c>
      <c r="C127" s="1" t="s">
        <v>12</v>
      </c>
      <c r="D127" s="1" t="s">
        <v>95</v>
      </c>
      <c r="E127" s="7" t="s">
        <v>133</v>
      </c>
      <c r="F127" s="5">
        <v>2024</v>
      </c>
      <c r="G127" s="1" t="s">
        <v>14</v>
      </c>
      <c r="H127" s="1" t="s">
        <v>14</v>
      </c>
      <c r="I127" s="1" t="s">
        <v>15</v>
      </c>
      <c r="J127" s="9">
        <v>73.900000000000006</v>
      </c>
      <c r="L127" s="7"/>
    </row>
    <row r="128" spans="1:12" x14ac:dyDescent="0.35">
      <c r="A128" s="1" t="s">
        <v>33</v>
      </c>
      <c r="B128" s="1" t="s">
        <v>75</v>
      </c>
      <c r="C128" s="1" t="s">
        <v>12</v>
      </c>
      <c r="D128" s="1" t="s">
        <v>95</v>
      </c>
      <c r="E128" s="7" t="s">
        <v>133</v>
      </c>
      <c r="F128" s="5">
        <v>2024</v>
      </c>
      <c r="G128" s="1" t="s">
        <v>14</v>
      </c>
      <c r="H128" s="1" t="s">
        <v>14</v>
      </c>
      <c r="I128" s="1" t="s">
        <v>15</v>
      </c>
      <c r="J128" s="9">
        <v>72.5</v>
      </c>
      <c r="L128" s="7"/>
    </row>
    <row r="129" spans="1:12" x14ac:dyDescent="0.35">
      <c r="A129" s="1" t="s">
        <v>22</v>
      </c>
      <c r="B129" s="1" t="s">
        <v>76</v>
      </c>
      <c r="C129" s="1" t="s">
        <v>12</v>
      </c>
      <c r="D129" s="1" t="s">
        <v>95</v>
      </c>
      <c r="E129" s="7" t="s">
        <v>133</v>
      </c>
      <c r="F129" s="5">
        <v>2024</v>
      </c>
      <c r="G129" s="1" t="s">
        <v>14</v>
      </c>
      <c r="H129" s="1" t="s">
        <v>14</v>
      </c>
      <c r="I129" s="1" t="s">
        <v>15</v>
      </c>
      <c r="J129" s="9">
        <v>72.2</v>
      </c>
      <c r="L129" s="7"/>
    </row>
    <row r="130" spans="1:12" x14ac:dyDescent="0.35">
      <c r="A130" s="1" t="s">
        <v>33</v>
      </c>
      <c r="B130" s="1" t="s">
        <v>77</v>
      </c>
      <c r="C130" s="1" t="s">
        <v>12</v>
      </c>
      <c r="D130" s="1" t="s">
        <v>95</v>
      </c>
      <c r="E130" s="7" t="s">
        <v>133</v>
      </c>
      <c r="F130" s="5">
        <v>2024</v>
      </c>
      <c r="G130" s="1" t="s">
        <v>14</v>
      </c>
      <c r="H130" s="1" t="s">
        <v>14</v>
      </c>
      <c r="I130" s="1" t="s">
        <v>15</v>
      </c>
      <c r="J130" s="9">
        <v>80.3</v>
      </c>
      <c r="L130" s="7"/>
    </row>
    <row r="131" spans="1:12" x14ac:dyDescent="0.35">
      <c r="A131" s="1" t="s">
        <v>22</v>
      </c>
      <c r="B131" s="1" t="s">
        <v>78</v>
      </c>
      <c r="C131" s="1" t="s">
        <v>12</v>
      </c>
      <c r="D131" s="1" t="s">
        <v>95</v>
      </c>
      <c r="E131" s="7" t="s">
        <v>133</v>
      </c>
      <c r="F131" s="5">
        <v>2024</v>
      </c>
      <c r="G131" s="1" t="s">
        <v>14</v>
      </c>
      <c r="H131" s="1" t="s">
        <v>14</v>
      </c>
      <c r="I131" s="1" t="s">
        <v>15</v>
      </c>
      <c r="J131" s="9">
        <v>81.3</v>
      </c>
      <c r="L131" s="7"/>
    </row>
    <row r="132" spans="1:12" x14ac:dyDescent="0.35">
      <c r="A132" s="1" t="s">
        <v>28</v>
      </c>
      <c r="B132" s="1" t="s">
        <v>79</v>
      </c>
      <c r="C132" s="1" t="s">
        <v>12</v>
      </c>
      <c r="D132" s="1" t="s">
        <v>95</v>
      </c>
      <c r="E132" s="7" t="s">
        <v>133</v>
      </c>
      <c r="F132" s="5">
        <v>2024</v>
      </c>
      <c r="G132" s="1" t="s">
        <v>14</v>
      </c>
      <c r="H132" s="1" t="s">
        <v>14</v>
      </c>
      <c r="I132" s="1" t="s">
        <v>15</v>
      </c>
      <c r="J132" s="9">
        <v>83.7</v>
      </c>
      <c r="L132" s="7"/>
    </row>
    <row r="133" spans="1:12" x14ac:dyDescent="0.35">
      <c r="A133" s="1" t="s">
        <v>26</v>
      </c>
      <c r="B133" s="1" t="s">
        <v>80</v>
      </c>
      <c r="C133" s="1" t="s">
        <v>12</v>
      </c>
      <c r="D133" s="1" t="s">
        <v>95</v>
      </c>
      <c r="E133" s="7" t="s">
        <v>133</v>
      </c>
      <c r="F133" s="5">
        <v>2024</v>
      </c>
      <c r="G133" s="1" t="s">
        <v>14</v>
      </c>
      <c r="H133" s="1" t="s">
        <v>14</v>
      </c>
      <c r="I133" s="1" t="s">
        <v>15</v>
      </c>
      <c r="J133" s="9">
        <v>77.3</v>
      </c>
      <c r="L133" s="7"/>
    </row>
    <row r="134" spans="1:12" x14ac:dyDescent="0.35">
      <c r="A134" s="1" t="s">
        <v>20</v>
      </c>
      <c r="B134" s="1" t="s">
        <v>81</v>
      </c>
      <c r="C134" s="1" t="s">
        <v>12</v>
      </c>
      <c r="D134" s="1" t="s">
        <v>95</v>
      </c>
      <c r="E134" s="7" t="s">
        <v>133</v>
      </c>
      <c r="F134" s="5">
        <v>2024</v>
      </c>
      <c r="G134" s="1" t="s">
        <v>14</v>
      </c>
      <c r="H134" s="1" t="s">
        <v>14</v>
      </c>
      <c r="I134" s="1" t="s">
        <v>15</v>
      </c>
      <c r="J134" s="9">
        <v>70.8</v>
      </c>
      <c r="L134" s="7"/>
    </row>
    <row r="135" spans="1:12" x14ac:dyDescent="0.35">
      <c r="A135" s="1" t="s">
        <v>33</v>
      </c>
      <c r="B135" s="1" t="s">
        <v>82</v>
      </c>
      <c r="C135" s="1" t="s">
        <v>12</v>
      </c>
      <c r="D135" s="1" t="s">
        <v>95</v>
      </c>
      <c r="E135" s="7" t="s">
        <v>133</v>
      </c>
      <c r="F135" s="5">
        <v>2024</v>
      </c>
      <c r="G135" s="1" t="s">
        <v>14</v>
      </c>
      <c r="H135" s="1" t="s">
        <v>14</v>
      </c>
      <c r="I135" s="1" t="s">
        <v>15</v>
      </c>
      <c r="J135" s="9">
        <v>74.2</v>
      </c>
      <c r="L135" s="7"/>
    </row>
    <row r="136" spans="1:12" x14ac:dyDescent="0.35">
      <c r="A136" s="1" t="s">
        <v>26</v>
      </c>
      <c r="B136" s="1" t="s">
        <v>83</v>
      </c>
      <c r="C136" s="1" t="s">
        <v>12</v>
      </c>
      <c r="D136" s="1" t="s">
        <v>95</v>
      </c>
      <c r="E136" s="7" t="s">
        <v>133</v>
      </c>
      <c r="F136" s="5">
        <v>2024</v>
      </c>
      <c r="G136" s="1" t="s">
        <v>14</v>
      </c>
      <c r="H136" s="1" t="s">
        <v>14</v>
      </c>
      <c r="I136" s="1" t="s">
        <v>15</v>
      </c>
      <c r="J136" s="9">
        <v>86.3</v>
      </c>
      <c r="L136" s="7"/>
    </row>
    <row r="137" spans="1:12" x14ac:dyDescent="0.35">
      <c r="A137" s="1" t="s">
        <v>35</v>
      </c>
      <c r="B137" s="1" t="s">
        <v>84</v>
      </c>
      <c r="C137" s="1" t="s">
        <v>12</v>
      </c>
      <c r="D137" s="1" t="s">
        <v>95</v>
      </c>
      <c r="E137" s="7" t="s">
        <v>133</v>
      </c>
      <c r="F137" s="5">
        <v>2024</v>
      </c>
      <c r="G137" s="1" t="s">
        <v>14</v>
      </c>
      <c r="H137" s="1" t="s">
        <v>14</v>
      </c>
      <c r="I137" s="1" t="s">
        <v>15</v>
      </c>
      <c r="J137" s="9">
        <v>78.3</v>
      </c>
      <c r="L137" s="7"/>
    </row>
    <row r="138" spans="1:12" x14ac:dyDescent="0.35">
      <c r="A138" s="1" t="s">
        <v>33</v>
      </c>
      <c r="B138" s="1" t="s">
        <v>85</v>
      </c>
      <c r="C138" s="1" t="s">
        <v>12</v>
      </c>
      <c r="D138" s="1" t="s">
        <v>95</v>
      </c>
      <c r="E138" s="7" t="s">
        <v>133</v>
      </c>
      <c r="F138" s="5">
        <v>2024</v>
      </c>
      <c r="G138" s="1" t="s">
        <v>14</v>
      </c>
      <c r="H138" s="1" t="s">
        <v>14</v>
      </c>
      <c r="I138" s="1" t="s">
        <v>15</v>
      </c>
      <c r="J138" s="9">
        <v>72.599999999999994</v>
      </c>
      <c r="L138" s="7"/>
    </row>
    <row r="139" spans="1:12" x14ac:dyDescent="0.35">
      <c r="A139" s="1" t="s">
        <v>33</v>
      </c>
      <c r="B139" s="1" t="s">
        <v>86</v>
      </c>
      <c r="C139" s="1" t="s">
        <v>12</v>
      </c>
      <c r="D139" s="1" t="s">
        <v>95</v>
      </c>
      <c r="E139" s="7" t="s">
        <v>133</v>
      </c>
      <c r="F139" s="5">
        <v>2024</v>
      </c>
      <c r="G139" s="1" t="s">
        <v>14</v>
      </c>
      <c r="H139" s="1" t="s">
        <v>14</v>
      </c>
      <c r="I139" s="1" t="s">
        <v>15</v>
      </c>
      <c r="J139" s="9">
        <v>75.099999999999994</v>
      </c>
      <c r="L139" s="7"/>
    </row>
    <row r="140" spans="1:12" x14ac:dyDescent="0.35">
      <c r="A140" s="1" t="s">
        <v>35</v>
      </c>
      <c r="B140" s="1" t="s">
        <v>87</v>
      </c>
      <c r="C140" s="1" t="s">
        <v>12</v>
      </c>
      <c r="D140" s="1" t="s">
        <v>95</v>
      </c>
      <c r="E140" s="7" t="s">
        <v>133</v>
      </c>
      <c r="F140" s="5">
        <v>2024</v>
      </c>
      <c r="G140" s="1" t="s">
        <v>14</v>
      </c>
      <c r="H140" s="1" t="s">
        <v>14</v>
      </c>
      <c r="I140" s="1" t="s">
        <v>15</v>
      </c>
      <c r="J140" s="9">
        <v>67.3</v>
      </c>
      <c r="L140" s="7"/>
    </row>
    <row r="141" spans="1:12" x14ac:dyDescent="0.35">
      <c r="A141" s="1" t="s">
        <v>35</v>
      </c>
      <c r="B141" s="1" t="s">
        <v>88</v>
      </c>
      <c r="C141" s="1" t="s">
        <v>12</v>
      </c>
      <c r="D141" s="1" t="s">
        <v>95</v>
      </c>
      <c r="E141" s="7" t="s">
        <v>133</v>
      </c>
      <c r="F141" s="5">
        <v>2024</v>
      </c>
      <c r="G141" s="1" t="s">
        <v>14</v>
      </c>
      <c r="H141" s="1" t="s">
        <v>14</v>
      </c>
      <c r="I141" s="1" t="s">
        <v>15</v>
      </c>
      <c r="J141" s="9">
        <v>75.8</v>
      </c>
      <c r="L141" s="7"/>
    </row>
    <row r="142" spans="1:12" x14ac:dyDescent="0.35">
      <c r="A142" s="1" t="s">
        <v>62</v>
      </c>
      <c r="B142" s="1" t="s">
        <v>89</v>
      </c>
      <c r="C142" s="1" t="s">
        <v>12</v>
      </c>
      <c r="D142" s="1" t="s">
        <v>95</v>
      </c>
      <c r="E142" s="7" t="s">
        <v>133</v>
      </c>
      <c r="F142" s="5">
        <v>2024</v>
      </c>
      <c r="G142" s="1" t="s">
        <v>14</v>
      </c>
      <c r="H142" s="1" t="s">
        <v>14</v>
      </c>
      <c r="I142" s="1" t="s">
        <v>15</v>
      </c>
      <c r="J142" s="9">
        <v>74.5</v>
      </c>
      <c r="L142" s="7"/>
    </row>
    <row r="143" spans="1:12" x14ac:dyDescent="0.35">
      <c r="A143" s="1" t="s">
        <v>26</v>
      </c>
      <c r="B143" s="1" t="s">
        <v>90</v>
      </c>
      <c r="C143" s="1" t="s">
        <v>12</v>
      </c>
      <c r="D143" s="1" t="s">
        <v>95</v>
      </c>
      <c r="E143" s="7" t="s">
        <v>133</v>
      </c>
      <c r="F143" s="5">
        <v>2024</v>
      </c>
      <c r="G143" s="1" t="s">
        <v>14</v>
      </c>
      <c r="H143" s="1" t="s">
        <v>14</v>
      </c>
      <c r="I143" s="1" t="s">
        <v>15</v>
      </c>
      <c r="J143" s="9">
        <v>83.1</v>
      </c>
      <c r="L143" s="7"/>
    </row>
    <row r="144" spans="1:12" x14ac:dyDescent="0.35">
      <c r="A144" s="1" t="s">
        <v>26</v>
      </c>
      <c r="B144" s="1" t="s">
        <v>91</v>
      </c>
      <c r="C144" s="1" t="s">
        <v>12</v>
      </c>
      <c r="D144" s="1" t="s">
        <v>95</v>
      </c>
      <c r="E144" s="7" t="s">
        <v>133</v>
      </c>
      <c r="F144" s="5">
        <v>2024</v>
      </c>
      <c r="G144" s="1" t="s">
        <v>14</v>
      </c>
      <c r="H144" s="1" t="s">
        <v>14</v>
      </c>
      <c r="I144" s="1" t="s">
        <v>15</v>
      </c>
      <c r="J144" s="9">
        <v>74.5</v>
      </c>
      <c r="L144" s="7"/>
    </row>
    <row r="145" spans="1:12" x14ac:dyDescent="0.35">
      <c r="A145" s="1" t="s">
        <v>33</v>
      </c>
      <c r="B145" s="1" t="s">
        <v>92</v>
      </c>
      <c r="C145" s="1" t="s">
        <v>12</v>
      </c>
      <c r="D145" s="1" t="s">
        <v>95</v>
      </c>
      <c r="E145" s="7" t="s">
        <v>133</v>
      </c>
      <c r="F145" s="5">
        <v>2024</v>
      </c>
      <c r="G145" s="1" t="s">
        <v>14</v>
      </c>
      <c r="H145" s="1" t="s">
        <v>14</v>
      </c>
      <c r="I145" s="1" t="s">
        <v>15</v>
      </c>
      <c r="J145" s="9">
        <v>78.5</v>
      </c>
      <c r="L145" s="7"/>
    </row>
    <row r="146" spans="1:12" x14ac:dyDescent="0.35">
      <c r="A146" s="1" t="s">
        <v>35</v>
      </c>
      <c r="B146" s="1" t="s">
        <v>93</v>
      </c>
      <c r="C146" s="1" t="s">
        <v>12</v>
      </c>
      <c r="D146" s="1" t="s">
        <v>95</v>
      </c>
      <c r="E146" s="7" t="s">
        <v>133</v>
      </c>
      <c r="F146" s="5">
        <v>2024</v>
      </c>
      <c r="G146" s="1" t="s">
        <v>14</v>
      </c>
      <c r="H146" s="1" t="s">
        <v>14</v>
      </c>
      <c r="I146" s="1" t="s">
        <v>15</v>
      </c>
      <c r="J146" s="9">
        <v>78</v>
      </c>
      <c r="L146" s="7"/>
    </row>
    <row r="147" spans="1:12" x14ac:dyDescent="0.35">
      <c r="A147" s="1" t="s">
        <v>20</v>
      </c>
      <c r="B147" s="1" t="s">
        <v>94</v>
      </c>
      <c r="C147" s="1" t="s">
        <v>12</v>
      </c>
      <c r="D147" s="1" t="s">
        <v>95</v>
      </c>
      <c r="E147" s="7" t="s">
        <v>133</v>
      </c>
      <c r="F147" s="5">
        <v>2024</v>
      </c>
      <c r="G147" s="1" t="s">
        <v>14</v>
      </c>
      <c r="H147" s="1" t="s">
        <v>14</v>
      </c>
      <c r="I147" s="1" t="s">
        <v>15</v>
      </c>
      <c r="J147" s="9">
        <v>71</v>
      </c>
      <c r="L147" s="7"/>
    </row>
    <row r="148" spans="1:12" x14ac:dyDescent="0.35">
      <c r="A148" s="1" t="s">
        <v>10</v>
      </c>
      <c r="B148" s="1" t="s">
        <v>11</v>
      </c>
      <c r="C148" s="1" t="s">
        <v>12</v>
      </c>
      <c r="D148" s="1" t="s">
        <v>96</v>
      </c>
      <c r="E148" s="7" t="s">
        <v>133</v>
      </c>
      <c r="F148" s="5">
        <v>2024</v>
      </c>
      <c r="G148" s="1" t="s">
        <v>14</v>
      </c>
      <c r="H148" s="1" t="s">
        <v>14</v>
      </c>
      <c r="I148" s="1" t="s">
        <v>15</v>
      </c>
      <c r="J148" s="9">
        <v>17.899999999999999</v>
      </c>
    </row>
    <row r="149" spans="1:12" x14ac:dyDescent="0.35">
      <c r="A149" s="1" t="s">
        <v>10</v>
      </c>
      <c r="B149" s="1" t="s">
        <v>16</v>
      </c>
      <c r="C149" s="1" t="s">
        <v>12</v>
      </c>
      <c r="D149" s="1" t="s">
        <v>96</v>
      </c>
      <c r="E149" s="7" t="s">
        <v>133</v>
      </c>
      <c r="F149" s="5">
        <v>2024</v>
      </c>
      <c r="G149" s="1" t="s">
        <v>14</v>
      </c>
      <c r="H149" s="1" t="s">
        <v>14</v>
      </c>
      <c r="I149" s="1" t="s">
        <v>15</v>
      </c>
      <c r="J149" s="9">
        <v>21.3</v>
      </c>
    </row>
    <row r="150" spans="1:12" x14ac:dyDescent="0.35">
      <c r="A150" s="1" t="s">
        <v>10</v>
      </c>
      <c r="B150" s="1" t="s">
        <v>17</v>
      </c>
      <c r="C150" s="1" t="s">
        <v>12</v>
      </c>
      <c r="D150" s="1" t="s">
        <v>96</v>
      </c>
      <c r="E150" s="7" t="s">
        <v>133</v>
      </c>
      <c r="F150" s="5">
        <v>2024</v>
      </c>
      <c r="G150" s="1" t="s">
        <v>14</v>
      </c>
      <c r="H150" s="1" t="s">
        <v>14</v>
      </c>
      <c r="I150" s="1" t="s">
        <v>15</v>
      </c>
      <c r="J150" s="9">
        <v>17.2</v>
      </c>
    </row>
    <row r="151" spans="1:12" x14ac:dyDescent="0.35">
      <c r="A151" s="1" t="s">
        <v>10</v>
      </c>
      <c r="B151" s="1" t="s">
        <v>18</v>
      </c>
      <c r="C151" s="1" t="s">
        <v>12</v>
      </c>
      <c r="D151" s="1" t="s">
        <v>96</v>
      </c>
      <c r="E151" s="7" t="s">
        <v>133</v>
      </c>
      <c r="F151" s="5">
        <v>2024</v>
      </c>
      <c r="G151" s="1" t="s">
        <v>14</v>
      </c>
      <c r="H151" s="1" t="s">
        <v>14</v>
      </c>
      <c r="I151" s="1" t="s">
        <v>15</v>
      </c>
      <c r="J151" s="9">
        <v>12.6</v>
      </c>
    </row>
    <row r="152" spans="1:12" x14ac:dyDescent="0.35">
      <c r="A152" s="1" t="s">
        <v>10</v>
      </c>
      <c r="B152" s="1" t="s">
        <v>19</v>
      </c>
      <c r="C152" s="1" t="s">
        <v>12</v>
      </c>
      <c r="D152" s="1" t="s">
        <v>96</v>
      </c>
      <c r="E152" s="7" t="s">
        <v>133</v>
      </c>
      <c r="F152" s="5">
        <v>2024</v>
      </c>
      <c r="G152" s="1" t="s">
        <v>14</v>
      </c>
      <c r="H152" s="1" t="s">
        <v>14</v>
      </c>
      <c r="I152" s="1" t="s">
        <v>15</v>
      </c>
      <c r="J152" s="9">
        <v>13.7</v>
      </c>
    </row>
    <row r="153" spans="1:12" x14ac:dyDescent="0.35">
      <c r="A153" s="1" t="s">
        <v>20</v>
      </c>
      <c r="B153" s="1" t="s">
        <v>21</v>
      </c>
      <c r="C153" s="1" t="s">
        <v>12</v>
      </c>
      <c r="D153" s="1" t="s">
        <v>96</v>
      </c>
      <c r="E153" s="7" t="s">
        <v>133</v>
      </c>
      <c r="F153" s="5">
        <v>2024</v>
      </c>
      <c r="G153" s="1" t="s">
        <v>14</v>
      </c>
      <c r="H153" s="1" t="s">
        <v>14</v>
      </c>
      <c r="I153" s="1" t="s">
        <v>15</v>
      </c>
      <c r="J153" s="9">
        <v>21.1</v>
      </c>
    </row>
    <row r="154" spans="1:12" x14ac:dyDescent="0.35">
      <c r="A154" s="1" t="s">
        <v>22</v>
      </c>
      <c r="B154" s="1" t="s">
        <v>23</v>
      </c>
      <c r="C154" s="1" t="s">
        <v>12</v>
      </c>
      <c r="D154" s="1" t="s">
        <v>96</v>
      </c>
      <c r="E154" s="7" t="s">
        <v>133</v>
      </c>
      <c r="F154" s="5">
        <v>2024</v>
      </c>
      <c r="G154" s="1" t="s">
        <v>14</v>
      </c>
      <c r="H154" s="1" t="s">
        <v>14</v>
      </c>
      <c r="I154" s="1" t="s">
        <v>15</v>
      </c>
      <c r="J154" s="9">
        <v>24.4</v>
      </c>
    </row>
    <row r="155" spans="1:12" x14ac:dyDescent="0.35">
      <c r="A155" s="1" t="s">
        <v>10</v>
      </c>
      <c r="B155" s="1" t="s">
        <v>24</v>
      </c>
      <c r="C155" s="1" t="s">
        <v>12</v>
      </c>
      <c r="D155" s="1" t="s">
        <v>96</v>
      </c>
      <c r="E155" s="7" t="s">
        <v>133</v>
      </c>
      <c r="F155" s="5">
        <v>2024</v>
      </c>
      <c r="G155" s="1" t="s">
        <v>14</v>
      </c>
      <c r="H155" s="1" t="s">
        <v>14</v>
      </c>
      <c r="I155" s="1" t="s">
        <v>15</v>
      </c>
      <c r="J155" s="9">
        <v>24.4</v>
      </c>
    </row>
    <row r="156" spans="1:12" x14ac:dyDescent="0.35">
      <c r="A156" s="1" t="s">
        <v>10</v>
      </c>
      <c r="B156" s="1" t="s">
        <v>25</v>
      </c>
      <c r="C156" s="1" t="s">
        <v>12</v>
      </c>
      <c r="D156" s="1" t="s">
        <v>96</v>
      </c>
      <c r="E156" s="7" t="s">
        <v>133</v>
      </c>
      <c r="F156" s="5">
        <v>2024</v>
      </c>
      <c r="G156" s="1" t="s">
        <v>14</v>
      </c>
      <c r="H156" s="1" t="s">
        <v>14</v>
      </c>
      <c r="I156" s="1" t="s">
        <v>15</v>
      </c>
      <c r="J156" s="9">
        <v>25.1</v>
      </c>
    </row>
    <row r="157" spans="1:12" x14ac:dyDescent="0.35">
      <c r="A157" s="1" t="s">
        <v>26</v>
      </c>
      <c r="B157" s="1" t="s">
        <v>27</v>
      </c>
      <c r="C157" s="1" t="s">
        <v>12</v>
      </c>
      <c r="D157" s="1" t="s">
        <v>96</v>
      </c>
      <c r="E157" s="7" t="s">
        <v>133</v>
      </c>
      <c r="F157" s="5">
        <v>2024</v>
      </c>
      <c r="G157" s="1" t="s">
        <v>14</v>
      </c>
      <c r="H157" s="1" t="s">
        <v>14</v>
      </c>
      <c r="I157" s="1" t="s">
        <v>15</v>
      </c>
      <c r="J157" s="9">
        <v>28.5</v>
      </c>
    </row>
    <row r="158" spans="1:12" x14ac:dyDescent="0.35">
      <c r="A158" s="1" t="s">
        <v>28</v>
      </c>
      <c r="B158" s="1" t="s">
        <v>29</v>
      </c>
      <c r="C158" s="1" t="s">
        <v>12</v>
      </c>
      <c r="D158" s="1" t="s">
        <v>96</v>
      </c>
      <c r="E158" s="7" t="s">
        <v>133</v>
      </c>
      <c r="F158" s="5">
        <v>2024</v>
      </c>
      <c r="G158" s="1" t="s">
        <v>14</v>
      </c>
      <c r="H158" s="1" t="s">
        <v>14</v>
      </c>
      <c r="I158" s="1" t="s">
        <v>15</v>
      </c>
      <c r="J158" s="9">
        <v>25.9</v>
      </c>
    </row>
    <row r="159" spans="1:12" x14ac:dyDescent="0.35">
      <c r="A159" s="1" t="s">
        <v>10</v>
      </c>
      <c r="B159" s="1" t="s">
        <v>30</v>
      </c>
      <c r="C159" s="1" t="s">
        <v>12</v>
      </c>
      <c r="D159" s="1" t="s">
        <v>96</v>
      </c>
      <c r="E159" s="7" t="s">
        <v>133</v>
      </c>
      <c r="F159" s="5">
        <v>2024</v>
      </c>
      <c r="G159" s="1" t="s">
        <v>14</v>
      </c>
      <c r="H159" s="1" t="s">
        <v>14</v>
      </c>
      <c r="I159" s="1" t="s">
        <v>15</v>
      </c>
      <c r="J159" s="9">
        <v>22</v>
      </c>
    </row>
    <row r="160" spans="1:12" x14ac:dyDescent="0.35">
      <c r="A160" s="1" t="s">
        <v>26</v>
      </c>
      <c r="B160" s="1" t="s">
        <v>31</v>
      </c>
      <c r="C160" s="1" t="s">
        <v>12</v>
      </c>
      <c r="D160" s="1" t="s">
        <v>96</v>
      </c>
      <c r="E160" s="7" t="s">
        <v>133</v>
      </c>
      <c r="F160" s="5">
        <v>2024</v>
      </c>
      <c r="G160" s="1" t="s">
        <v>14</v>
      </c>
      <c r="H160" s="1" t="s">
        <v>14</v>
      </c>
      <c r="I160" s="1" t="s">
        <v>15</v>
      </c>
      <c r="J160" s="9">
        <v>20.9</v>
      </c>
    </row>
    <row r="161" spans="1:10" x14ac:dyDescent="0.35">
      <c r="A161" s="1" t="s">
        <v>28</v>
      </c>
      <c r="B161" s="1" t="s">
        <v>32</v>
      </c>
      <c r="C161" s="1" t="s">
        <v>12</v>
      </c>
      <c r="D161" s="1" t="s">
        <v>96</v>
      </c>
      <c r="E161" s="7" t="s">
        <v>133</v>
      </c>
      <c r="F161" s="5">
        <v>2024</v>
      </c>
      <c r="G161" s="1" t="s">
        <v>14</v>
      </c>
      <c r="H161" s="1" t="s">
        <v>14</v>
      </c>
      <c r="I161" s="1" t="s">
        <v>15</v>
      </c>
      <c r="J161" s="9">
        <v>24.6</v>
      </c>
    </row>
    <row r="162" spans="1:10" x14ac:dyDescent="0.35">
      <c r="A162" s="1" t="s">
        <v>33</v>
      </c>
      <c r="B162" s="1" t="s">
        <v>34</v>
      </c>
      <c r="C162" s="1" t="s">
        <v>12</v>
      </c>
      <c r="D162" s="1" t="s">
        <v>96</v>
      </c>
      <c r="E162" s="7" t="s">
        <v>133</v>
      </c>
      <c r="F162" s="5">
        <v>2024</v>
      </c>
      <c r="G162" s="1" t="s">
        <v>14</v>
      </c>
      <c r="H162" s="1" t="s">
        <v>14</v>
      </c>
      <c r="I162" s="1" t="s">
        <v>15</v>
      </c>
      <c r="J162" s="9">
        <v>26.8</v>
      </c>
    </row>
    <row r="163" spans="1:10" x14ac:dyDescent="0.35">
      <c r="A163" s="1" t="s">
        <v>35</v>
      </c>
      <c r="B163" s="1" t="s">
        <v>36</v>
      </c>
      <c r="C163" s="1" t="s">
        <v>12</v>
      </c>
      <c r="D163" s="1" t="s">
        <v>96</v>
      </c>
      <c r="E163" s="7" t="s">
        <v>133</v>
      </c>
      <c r="F163" s="5">
        <v>2024</v>
      </c>
      <c r="G163" s="1" t="s">
        <v>14</v>
      </c>
      <c r="H163" s="1" t="s">
        <v>14</v>
      </c>
      <c r="I163" s="1" t="s">
        <v>15</v>
      </c>
      <c r="J163" s="9">
        <v>24.1</v>
      </c>
    </row>
    <row r="164" spans="1:10" x14ac:dyDescent="0.35">
      <c r="A164" s="1" t="s">
        <v>28</v>
      </c>
      <c r="B164" s="1" t="s">
        <v>37</v>
      </c>
      <c r="C164" s="1" t="s">
        <v>12</v>
      </c>
      <c r="D164" s="1" t="s">
        <v>96</v>
      </c>
      <c r="E164" s="7" t="s">
        <v>133</v>
      </c>
      <c r="F164" s="5">
        <v>2024</v>
      </c>
      <c r="G164" s="1" t="s">
        <v>14</v>
      </c>
      <c r="H164" s="1" t="s">
        <v>14</v>
      </c>
      <c r="I164" s="1" t="s">
        <v>15</v>
      </c>
      <c r="J164" s="9">
        <v>21.1</v>
      </c>
    </row>
    <row r="165" spans="1:10" x14ac:dyDescent="0.35">
      <c r="A165" s="1" t="s">
        <v>20</v>
      </c>
      <c r="B165" s="1" t="s">
        <v>38</v>
      </c>
      <c r="C165" s="1" t="s">
        <v>12</v>
      </c>
      <c r="D165" s="1" t="s">
        <v>96</v>
      </c>
      <c r="E165" s="7" t="s">
        <v>133</v>
      </c>
      <c r="F165" s="5">
        <v>2024</v>
      </c>
      <c r="G165" s="1" t="s">
        <v>14</v>
      </c>
      <c r="H165" s="1" t="s">
        <v>14</v>
      </c>
      <c r="I165" s="1" t="s">
        <v>15</v>
      </c>
      <c r="J165" s="9">
        <v>18.8</v>
      </c>
    </row>
    <row r="166" spans="1:10" x14ac:dyDescent="0.35">
      <c r="A166" s="1" t="s">
        <v>33</v>
      </c>
      <c r="B166" s="1" t="s">
        <v>39</v>
      </c>
      <c r="C166" s="1" t="s">
        <v>12</v>
      </c>
      <c r="D166" s="1" t="s">
        <v>96</v>
      </c>
      <c r="E166" s="7" t="s">
        <v>133</v>
      </c>
      <c r="F166" s="5">
        <v>2024</v>
      </c>
      <c r="G166" s="1" t="s">
        <v>14</v>
      </c>
      <c r="H166" s="1" t="s">
        <v>14</v>
      </c>
      <c r="I166" s="1" t="s">
        <v>15</v>
      </c>
      <c r="J166" s="9">
        <v>21.1</v>
      </c>
    </row>
    <row r="167" spans="1:10" x14ac:dyDescent="0.35">
      <c r="A167" s="1" t="s">
        <v>20</v>
      </c>
      <c r="B167" s="1" t="s">
        <v>40</v>
      </c>
      <c r="C167" s="1" t="s">
        <v>12</v>
      </c>
      <c r="D167" s="1" t="s">
        <v>96</v>
      </c>
      <c r="E167" s="7" t="s">
        <v>133</v>
      </c>
      <c r="F167" s="5">
        <v>2024</v>
      </c>
      <c r="G167" s="1" t="s">
        <v>14</v>
      </c>
      <c r="H167" s="1" t="s">
        <v>14</v>
      </c>
      <c r="I167" s="1" t="s">
        <v>15</v>
      </c>
      <c r="J167" s="9">
        <v>34.1</v>
      </c>
    </row>
    <row r="168" spans="1:10" x14ac:dyDescent="0.35">
      <c r="A168" s="1" t="s">
        <v>35</v>
      </c>
      <c r="B168" s="1" t="s">
        <v>41</v>
      </c>
      <c r="C168" s="1" t="s">
        <v>12</v>
      </c>
      <c r="D168" s="1" t="s">
        <v>96</v>
      </c>
      <c r="E168" s="7" t="s">
        <v>133</v>
      </c>
      <c r="F168" s="5">
        <v>2024</v>
      </c>
      <c r="G168" s="1" t="s">
        <v>14</v>
      </c>
      <c r="H168" s="1" t="s">
        <v>14</v>
      </c>
      <c r="I168" s="1" t="s">
        <v>15</v>
      </c>
      <c r="J168" s="9">
        <v>30</v>
      </c>
    </row>
    <row r="169" spans="1:10" x14ac:dyDescent="0.35">
      <c r="A169" s="1" t="s">
        <v>35</v>
      </c>
      <c r="B169" s="1" t="s">
        <v>42</v>
      </c>
      <c r="C169" s="1" t="s">
        <v>12</v>
      </c>
      <c r="D169" s="1" t="s">
        <v>96</v>
      </c>
      <c r="E169" s="7" t="s">
        <v>133</v>
      </c>
      <c r="F169" s="5">
        <v>2024</v>
      </c>
      <c r="G169" s="1" t="s">
        <v>14</v>
      </c>
      <c r="H169" s="1" t="s">
        <v>14</v>
      </c>
      <c r="I169" s="1" t="s">
        <v>15</v>
      </c>
      <c r="J169" s="9">
        <v>33.5</v>
      </c>
    </row>
    <row r="170" spans="1:10" x14ac:dyDescent="0.35">
      <c r="A170" s="1" t="s">
        <v>35</v>
      </c>
      <c r="B170" s="1" t="s">
        <v>43</v>
      </c>
      <c r="C170" s="1" t="s">
        <v>12</v>
      </c>
      <c r="D170" s="1" t="s">
        <v>96</v>
      </c>
      <c r="E170" s="7" t="s">
        <v>133</v>
      </c>
      <c r="F170" s="5">
        <v>2024</v>
      </c>
      <c r="G170" s="1" t="s">
        <v>14</v>
      </c>
      <c r="H170" s="1" t="s">
        <v>14</v>
      </c>
      <c r="I170" s="1" t="s">
        <v>15</v>
      </c>
      <c r="J170" s="9">
        <v>21.4</v>
      </c>
    </row>
    <row r="171" spans="1:10" x14ac:dyDescent="0.35">
      <c r="A171" s="1" t="s">
        <v>28</v>
      </c>
      <c r="B171" s="1" t="s">
        <v>44</v>
      </c>
      <c r="C171" s="1" t="s">
        <v>12</v>
      </c>
      <c r="D171" s="1" t="s">
        <v>96</v>
      </c>
      <c r="E171" s="7" t="s">
        <v>133</v>
      </c>
      <c r="F171" s="5">
        <v>2024</v>
      </c>
      <c r="G171" s="1" t="s">
        <v>14</v>
      </c>
      <c r="H171" s="1" t="s">
        <v>14</v>
      </c>
      <c r="I171" s="1" t="s">
        <v>15</v>
      </c>
      <c r="J171" s="9">
        <v>20.8</v>
      </c>
    </row>
    <row r="172" spans="1:10" x14ac:dyDescent="0.35">
      <c r="A172" s="1" t="s">
        <v>10</v>
      </c>
      <c r="B172" s="1" t="s">
        <v>45</v>
      </c>
      <c r="C172" s="1" t="s">
        <v>12</v>
      </c>
      <c r="D172" s="1" t="s">
        <v>96</v>
      </c>
      <c r="E172" s="7" t="s">
        <v>133</v>
      </c>
      <c r="F172" s="5">
        <v>2024</v>
      </c>
      <c r="G172" s="1" t="s">
        <v>14</v>
      </c>
      <c r="H172" s="1" t="s">
        <v>14</v>
      </c>
      <c r="I172" s="1" t="s">
        <v>15</v>
      </c>
      <c r="J172" s="9">
        <v>23.8</v>
      </c>
    </row>
    <row r="173" spans="1:10" x14ac:dyDescent="0.35">
      <c r="A173" s="1" t="s">
        <v>10</v>
      </c>
      <c r="B173" s="1" t="s">
        <v>46</v>
      </c>
      <c r="C173" s="1" t="s">
        <v>12</v>
      </c>
      <c r="D173" s="1" t="s">
        <v>96</v>
      </c>
      <c r="E173" s="7" t="s">
        <v>133</v>
      </c>
      <c r="F173" s="5">
        <v>2024</v>
      </c>
      <c r="G173" s="1" t="s">
        <v>14</v>
      </c>
      <c r="H173" s="1" t="s">
        <v>14</v>
      </c>
      <c r="I173" s="1" t="s">
        <v>15</v>
      </c>
      <c r="J173" s="9">
        <v>26.8</v>
      </c>
    </row>
    <row r="174" spans="1:10" x14ac:dyDescent="0.35">
      <c r="A174" s="1" t="s">
        <v>33</v>
      </c>
      <c r="B174" s="1" t="s">
        <v>47</v>
      </c>
      <c r="C174" s="1" t="s">
        <v>12</v>
      </c>
      <c r="D174" s="1" t="s">
        <v>96</v>
      </c>
      <c r="E174" s="7" t="s">
        <v>133</v>
      </c>
      <c r="F174" s="5">
        <v>2024</v>
      </c>
      <c r="G174" s="1" t="s">
        <v>14</v>
      </c>
      <c r="H174" s="1" t="s">
        <v>14</v>
      </c>
      <c r="I174" s="1" t="s">
        <v>15</v>
      </c>
      <c r="J174" s="9">
        <v>15.8</v>
      </c>
    </row>
    <row r="175" spans="1:10" x14ac:dyDescent="0.35">
      <c r="A175" s="1" t="s">
        <v>20</v>
      </c>
      <c r="B175" s="1" t="s">
        <v>48</v>
      </c>
      <c r="C175" s="1" t="s">
        <v>12</v>
      </c>
      <c r="D175" s="1" t="s">
        <v>96</v>
      </c>
      <c r="E175" s="7" t="s">
        <v>133</v>
      </c>
      <c r="F175" s="5">
        <v>2024</v>
      </c>
      <c r="G175" s="1" t="s">
        <v>14</v>
      </c>
      <c r="H175" s="1" t="s">
        <v>14</v>
      </c>
      <c r="I175" s="1" t="s">
        <v>15</v>
      </c>
      <c r="J175" s="9">
        <v>20.3</v>
      </c>
    </row>
    <row r="176" spans="1:10" x14ac:dyDescent="0.35">
      <c r="A176" s="1" t="s">
        <v>28</v>
      </c>
      <c r="B176" s="1" t="s">
        <v>49</v>
      </c>
      <c r="C176" s="1" t="s">
        <v>12</v>
      </c>
      <c r="D176" s="1" t="s">
        <v>96</v>
      </c>
      <c r="E176" s="7" t="s">
        <v>133</v>
      </c>
      <c r="F176" s="5">
        <v>2024</v>
      </c>
      <c r="G176" s="1" t="s">
        <v>14</v>
      </c>
      <c r="H176" s="1" t="s">
        <v>14</v>
      </c>
      <c r="I176" s="1" t="s">
        <v>15</v>
      </c>
      <c r="J176" s="9">
        <v>17</v>
      </c>
    </row>
    <row r="177" spans="1:10" x14ac:dyDescent="0.35">
      <c r="A177" s="1" t="s">
        <v>35</v>
      </c>
      <c r="B177" s="1" t="s">
        <v>50</v>
      </c>
      <c r="C177" s="1" t="s">
        <v>12</v>
      </c>
      <c r="D177" s="1" t="s">
        <v>96</v>
      </c>
      <c r="E177" s="7" t="s">
        <v>133</v>
      </c>
      <c r="F177" s="5">
        <v>2024</v>
      </c>
      <c r="G177" s="1" t="s">
        <v>14</v>
      </c>
      <c r="H177" s="1" t="s">
        <v>14</v>
      </c>
      <c r="I177" s="1" t="s">
        <v>15</v>
      </c>
      <c r="J177" s="9">
        <v>19</v>
      </c>
    </row>
    <row r="178" spans="1:10" x14ac:dyDescent="0.35">
      <c r="A178" s="1" t="s">
        <v>22</v>
      </c>
      <c r="B178" s="1" t="s">
        <v>51</v>
      </c>
      <c r="C178" s="1" t="s">
        <v>12</v>
      </c>
      <c r="D178" s="1" t="s">
        <v>96</v>
      </c>
      <c r="E178" s="7" t="s">
        <v>133</v>
      </c>
      <c r="F178" s="5">
        <v>2024</v>
      </c>
      <c r="G178" s="1" t="s">
        <v>14</v>
      </c>
      <c r="H178" s="1" t="s">
        <v>14</v>
      </c>
      <c r="I178" s="1" t="s">
        <v>15</v>
      </c>
      <c r="J178" s="9">
        <v>19.3</v>
      </c>
    </row>
    <row r="179" spans="1:10" x14ac:dyDescent="0.35">
      <c r="A179" s="1" t="s">
        <v>22</v>
      </c>
      <c r="B179" s="1" t="s">
        <v>52</v>
      </c>
      <c r="C179" s="1" t="s">
        <v>12</v>
      </c>
      <c r="D179" s="1" t="s">
        <v>96</v>
      </c>
      <c r="E179" s="7" t="s">
        <v>133</v>
      </c>
      <c r="F179" s="5">
        <v>2024</v>
      </c>
      <c r="G179" s="1" t="s">
        <v>14</v>
      </c>
      <c r="H179" s="1" t="s">
        <v>14</v>
      </c>
      <c r="I179" s="1" t="s">
        <v>15</v>
      </c>
      <c r="J179" s="9">
        <v>30.7</v>
      </c>
    </row>
    <row r="180" spans="1:10" x14ac:dyDescent="0.35">
      <c r="A180" s="1" t="s">
        <v>22</v>
      </c>
      <c r="B180" s="1" t="s">
        <v>53</v>
      </c>
      <c r="C180" s="1" t="s">
        <v>12</v>
      </c>
      <c r="D180" s="1" t="s">
        <v>96</v>
      </c>
      <c r="E180" s="7" t="s">
        <v>133</v>
      </c>
      <c r="F180" s="5">
        <v>2024</v>
      </c>
      <c r="G180" s="1" t="s">
        <v>14</v>
      </c>
      <c r="H180" s="1" t="s">
        <v>14</v>
      </c>
      <c r="I180" s="1" t="s">
        <v>15</v>
      </c>
      <c r="J180" s="9">
        <v>17.5</v>
      </c>
    </row>
    <row r="181" spans="1:10" x14ac:dyDescent="0.35">
      <c r="A181" s="1" t="s">
        <v>22</v>
      </c>
      <c r="B181" s="1" t="s">
        <v>54</v>
      </c>
      <c r="C181" s="1" t="s">
        <v>12</v>
      </c>
      <c r="D181" s="1" t="s">
        <v>96</v>
      </c>
      <c r="E181" s="7" t="s">
        <v>133</v>
      </c>
      <c r="F181" s="5">
        <v>2024</v>
      </c>
      <c r="G181" s="1" t="s">
        <v>14</v>
      </c>
      <c r="H181" s="1" t="s">
        <v>14</v>
      </c>
      <c r="I181" s="1" t="s">
        <v>15</v>
      </c>
      <c r="J181" s="9">
        <v>17.8</v>
      </c>
    </row>
    <row r="182" spans="1:10" x14ac:dyDescent="0.35">
      <c r="A182" s="1" t="s">
        <v>22</v>
      </c>
      <c r="B182" s="1" t="s">
        <v>55</v>
      </c>
      <c r="C182" s="1" t="s">
        <v>12</v>
      </c>
      <c r="D182" s="1" t="s">
        <v>96</v>
      </c>
      <c r="E182" s="7" t="s">
        <v>133</v>
      </c>
      <c r="F182" s="5">
        <v>2024</v>
      </c>
      <c r="G182" s="1" t="s">
        <v>14</v>
      </c>
      <c r="H182" s="1" t="s">
        <v>14</v>
      </c>
      <c r="I182" s="1" t="s">
        <v>15</v>
      </c>
      <c r="J182" s="9">
        <v>10</v>
      </c>
    </row>
    <row r="183" spans="1:10" x14ac:dyDescent="0.35">
      <c r="A183" s="1" t="s">
        <v>22</v>
      </c>
      <c r="B183" s="1" t="s">
        <v>56</v>
      </c>
      <c r="C183" s="1" t="s">
        <v>12</v>
      </c>
      <c r="D183" s="1" t="s">
        <v>96</v>
      </c>
      <c r="E183" s="7" t="s">
        <v>133</v>
      </c>
      <c r="F183" s="5">
        <v>2024</v>
      </c>
      <c r="G183" s="1" t="s">
        <v>14</v>
      </c>
      <c r="H183" s="1" t="s">
        <v>14</v>
      </c>
      <c r="I183" s="1" t="s">
        <v>15</v>
      </c>
      <c r="J183" s="9">
        <v>10</v>
      </c>
    </row>
    <row r="184" spans="1:10" x14ac:dyDescent="0.35">
      <c r="A184" s="1" t="s">
        <v>26</v>
      </c>
      <c r="B184" s="1" t="s">
        <v>57</v>
      </c>
      <c r="C184" s="1" t="s">
        <v>12</v>
      </c>
      <c r="D184" s="1" t="s">
        <v>96</v>
      </c>
      <c r="E184" s="7" t="s">
        <v>133</v>
      </c>
      <c r="F184" s="5">
        <v>2024</v>
      </c>
      <c r="G184" s="1" t="s">
        <v>14</v>
      </c>
      <c r="H184" s="1" t="s">
        <v>14</v>
      </c>
      <c r="I184" s="1" t="s">
        <v>15</v>
      </c>
      <c r="J184" s="9">
        <v>19.3</v>
      </c>
    </row>
    <row r="185" spans="1:10" x14ac:dyDescent="0.35">
      <c r="A185" s="1" t="s">
        <v>28</v>
      </c>
      <c r="B185" s="1" t="s">
        <v>58</v>
      </c>
      <c r="C185" s="1" t="s">
        <v>12</v>
      </c>
      <c r="D185" s="1" t="s">
        <v>96</v>
      </c>
      <c r="E185" s="7" t="s">
        <v>133</v>
      </c>
      <c r="F185" s="5">
        <v>2024</v>
      </c>
      <c r="G185" s="1" t="s">
        <v>14</v>
      </c>
      <c r="H185" s="1" t="s">
        <v>14</v>
      </c>
      <c r="I185" s="1" t="s">
        <v>15</v>
      </c>
      <c r="J185" s="9">
        <v>22.5</v>
      </c>
    </row>
    <row r="186" spans="1:10" x14ac:dyDescent="0.35">
      <c r="A186" s="1" t="s">
        <v>20</v>
      </c>
      <c r="B186" s="1" t="s">
        <v>59</v>
      </c>
      <c r="C186" s="1" t="s">
        <v>12</v>
      </c>
      <c r="D186" s="1" t="s">
        <v>96</v>
      </c>
      <c r="E186" s="7" t="s">
        <v>133</v>
      </c>
      <c r="F186" s="5">
        <v>2024</v>
      </c>
      <c r="G186" s="1" t="s">
        <v>14</v>
      </c>
      <c r="H186" s="1" t="s">
        <v>14</v>
      </c>
      <c r="I186" s="1" t="s">
        <v>15</v>
      </c>
      <c r="J186" s="9">
        <v>22.1</v>
      </c>
    </row>
    <row r="187" spans="1:10" x14ac:dyDescent="0.35">
      <c r="A187" s="1" t="s">
        <v>20</v>
      </c>
      <c r="B187" s="1" t="s">
        <v>60</v>
      </c>
      <c r="C187" s="1" t="s">
        <v>12</v>
      </c>
      <c r="D187" s="1" t="s">
        <v>96</v>
      </c>
      <c r="E187" s="7" t="s">
        <v>133</v>
      </c>
      <c r="F187" s="5">
        <v>2024</v>
      </c>
      <c r="G187" s="1" t="s">
        <v>14</v>
      </c>
      <c r="H187" s="1" t="s">
        <v>14</v>
      </c>
      <c r="I187" s="1" t="s">
        <v>15</v>
      </c>
      <c r="J187" s="9">
        <v>26.7</v>
      </c>
    </row>
    <row r="188" spans="1:10" x14ac:dyDescent="0.35">
      <c r="A188" s="1" t="s">
        <v>28</v>
      </c>
      <c r="B188" s="1" t="s">
        <v>61</v>
      </c>
      <c r="C188" s="1" t="s">
        <v>12</v>
      </c>
      <c r="D188" s="1" t="s">
        <v>96</v>
      </c>
      <c r="E188" s="7" t="s">
        <v>133</v>
      </c>
      <c r="F188" s="5">
        <v>2024</v>
      </c>
      <c r="G188" s="1" t="s">
        <v>14</v>
      </c>
      <c r="H188" s="1" t="s">
        <v>14</v>
      </c>
      <c r="I188" s="1" t="s">
        <v>15</v>
      </c>
      <c r="J188" s="9">
        <v>22.5</v>
      </c>
    </row>
    <row r="189" spans="1:10" x14ac:dyDescent="0.35">
      <c r="A189" s="1" t="s">
        <v>62</v>
      </c>
      <c r="B189" s="1" t="s">
        <v>63</v>
      </c>
      <c r="C189" s="1" t="s">
        <v>12</v>
      </c>
      <c r="D189" s="1" t="s">
        <v>96</v>
      </c>
      <c r="E189" s="7" t="s">
        <v>133</v>
      </c>
      <c r="F189" s="5">
        <v>2024</v>
      </c>
      <c r="G189" s="1" t="s">
        <v>14</v>
      </c>
      <c r="H189" s="1" t="s">
        <v>14</v>
      </c>
      <c r="I189" s="1" t="s">
        <v>15</v>
      </c>
      <c r="J189" s="9">
        <v>25</v>
      </c>
    </row>
    <row r="190" spans="1:10" x14ac:dyDescent="0.35">
      <c r="A190" s="1" t="s">
        <v>62</v>
      </c>
      <c r="B190" s="1" t="s">
        <v>64</v>
      </c>
      <c r="C190" s="1" t="s">
        <v>12</v>
      </c>
      <c r="D190" s="1" t="s">
        <v>96</v>
      </c>
      <c r="E190" s="7" t="s">
        <v>133</v>
      </c>
      <c r="F190" s="5">
        <v>2024</v>
      </c>
      <c r="G190" s="1" t="s">
        <v>14</v>
      </c>
      <c r="H190" s="1" t="s">
        <v>14</v>
      </c>
      <c r="I190" s="1" t="s">
        <v>15</v>
      </c>
      <c r="J190" s="9">
        <v>24.3</v>
      </c>
    </row>
    <row r="191" spans="1:10" x14ac:dyDescent="0.35">
      <c r="A191" s="1" t="s">
        <v>62</v>
      </c>
      <c r="B191" s="1" t="s">
        <v>65</v>
      </c>
      <c r="C191" s="1" t="s">
        <v>12</v>
      </c>
      <c r="D191" s="1" t="s">
        <v>96</v>
      </c>
      <c r="E191" s="7" t="s">
        <v>133</v>
      </c>
      <c r="F191" s="5">
        <v>2024</v>
      </c>
      <c r="G191" s="1" t="s">
        <v>14</v>
      </c>
      <c r="H191" s="1" t="s">
        <v>14</v>
      </c>
      <c r="I191" s="1" t="s">
        <v>15</v>
      </c>
      <c r="J191" s="9">
        <v>20.2</v>
      </c>
    </row>
    <row r="192" spans="1:10" x14ac:dyDescent="0.35">
      <c r="A192" s="1" t="s">
        <v>62</v>
      </c>
      <c r="B192" s="1" t="s">
        <v>66</v>
      </c>
      <c r="C192" s="1" t="s">
        <v>12</v>
      </c>
      <c r="D192" s="1" t="s">
        <v>96</v>
      </c>
      <c r="E192" s="7" t="s">
        <v>133</v>
      </c>
      <c r="F192" s="5">
        <v>2024</v>
      </c>
      <c r="G192" s="1" t="s">
        <v>14</v>
      </c>
      <c r="H192" s="1" t="s">
        <v>14</v>
      </c>
      <c r="I192" s="1" t="s">
        <v>15</v>
      </c>
      <c r="J192" s="9">
        <v>37.200000000000003</v>
      </c>
    </row>
    <row r="193" spans="1:10" x14ac:dyDescent="0.35">
      <c r="A193" s="1" t="s">
        <v>62</v>
      </c>
      <c r="B193" s="1" t="s">
        <v>67</v>
      </c>
      <c r="C193" s="1" t="s">
        <v>12</v>
      </c>
      <c r="D193" s="1" t="s">
        <v>96</v>
      </c>
      <c r="E193" s="7" t="s">
        <v>133</v>
      </c>
      <c r="F193" s="5">
        <v>2024</v>
      </c>
      <c r="G193" s="1" t="s">
        <v>14</v>
      </c>
      <c r="H193" s="1" t="s">
        <v>14</v>
      </c>
      <c r="I193" s="1" t="s">
        <v>15</v>
      </c>
      <c r="J193" s="9">
        <v>29.8</v>
      </c>
    </row>
    <row r="194" spans="1:10" x14ac:dyDescent="0.35">
      <c r="A194" s="1" t="s">
        <v>62</v>
      </c>
      <c r="B194" s="1" t="s">
        <v>68</v>
      </c>
      <c r="C194" s="1" t="s">
        <v>12</v>
      </c>
      <c r="D194" s="1" t="s">
        <v>96</v>
      </c>
      <c r="E194" s="7" t="s">
        <v>133</v>
      </c>
      <c r="F194" s="5">
        <v>2024</v>
      </c>
      <c r="G194" s="1" t="s">
        <v>14</v>
      </c>
      <c r="H194" s="1" t="s">
        <v>14</v>
      </c>
      <c r="I194" s="1" t="s">
        <v>15</v>
      </c>
      <c r="J194" s="9">
        <v>36.299999999999997</v>
      </c>
    </row>
    <row r="195" spans="1:10" x14ac:dyDescent="0.35">
      <c r="A195" s="1" t="s">
        <v>62</v>
      </c>
      <c r="B195" s="1" t="s">
        <v>69</v>
      </c>
      <c r="C195" s="1" t="s">
        <v>12</v>
      </c>
      <c r="D195" s="1" t="s">
        <v>96</v>
      </c>
      <c r="E195" s="7" t="s">
        <v>133</v>
      </c>
      <c r="F195" s="5">
        <v>2024</v>
      </c>
      <c r="G195" s="1" t="s">
        <v>14</v>
      </c>
      <c r="H195" s="1" t="s">
        <v>14</v>
      </c>
      <c r="I195" s="1" t="s">
        <v>15</v>
      </c>
      <c r="J195" s="9">
        <v>28.8</v>
      </c>
    </row>
    <row r="196" spans="1:10" x14ac:dyDescent="0.35">
      <c r="A196" s="1" t="s">
        <v>62</v>
      </c>
      <c r="B196" s="1" t="s">
        <v>70</v>
      </c>
      <c r="C196" s="1" t="s">
        <v>12</v>
      </c>
      <c r="D196" s="1" t="s">
        <v>96</v>
      </c>
      <c r="E196" s="7" t="s">
        <v>133</v>
      </c>
      <c r="F196" s="5">
        <v>2024</v>
      </c>
      <c r="G196" s="1" t="s">
        <v>14</v>
      </c>
      <c r="H196" s="1" t="s">
        <v>14</v>
      </c>
      <c r="I196" s="1" t="s">
        <v>15</v>
      </c>
      <c r="J196" s="9">
        <v>27.1</v>
      </c>
    </row>
    <row r="197" spans="1:10" x14ac:dyDescent="0.35">
      <c r="A197" s="1" t="s">
        <v>35</v>
      </c>
      <c r="B197" s="1" t="s">
        <v>71</v>
      </c>
      <c r="C197" s="1" t="s">
        <v>12</v>
      </c>
      <c r="D197" s="1" t="s">
        <v>96</v>
      </c>
      <c r="E197" s="7" t="s">
        <v>133</v>
      </c>
      <c r="F197" s="5">
        <v>2024</v>
      </c>
      <c r="G197" s="1" t="s">
        <v>14</v>
      </c>
      <c r="H197" s="1" t="s">
        <v>14</v>
      </c>
      <c r="I197" s="1" t="s">
        <v>15</v>
      </c>
      <c r="J197" s="9">
        <v>28.2</v>
      </c>
    </row>
    <row r="198" spans="1:10" x14ac:dyDescent="0.35">
      <c r="A198" s="1" t="s">
        <v>20</v>
      </c>
      <c r="B198" s="1" t="s">
        <v>72</v>
      </c>
      <c r="C198" s="1" t="s">
        <v>12</v>
      </c>
      <c r="D198" s="1" t="s">
        <v>96</v>
      </c>
      <c r="E198" s="7" t="s">
        <v>133</v>
      </c>
      <c r="F198" s="5">
        <v>2024</v>
      </c>
      <c r="G198" s="1" t="s">
        <v>14</v>
      </c>
      <c r="H198" s="1" t="s">
        <v>14</v>
      </c>
      <c r="I198" s="1" t="s">
        <v>15</v>
      </c>
      <c r="J198" s="9">
        <v>23.9</v>
      </c>
    </row>
    <row r="199" spans="1:10" x14ac:dyDescent="0.35">
      <c r="A199" s="1" t="s">
        <v>26</v>
      </c>
      <c r="B199" s="1" t="s">
        <v>73</v>
      </c>
      <c r="C199" s="1" t="s">
        <v>12</v>
      </c>
      <c r="D199" s="1" t="s">
        <v>96</v>
      </c>
      <c r="E199" s="7" t="s">
        <v>133</v>
      </c>
      <c r="F199" s="5">
        <v>2024</v>
      </c>
      <c r="G199" s="1" t="s">
        <v>14</v>
      </c>
      <c r="H199" s="1" t="s">
        <v>14</v>
      </c>
      <c r="I199" s="1" t="s">
        <v>15</v>
      </c>
      <c r="J199" s="9">
        <v>20.2</v>
      </c>
    </row>
    <row r="200" spans="1:10" x14ac:dyDescent="0.35">
      <c r="A200" s="1" t="s">
        <v>28</v>
      </c>
      <c r="B200" s="1" t="s">
        <v>74</v>
      </c>
      <c r="C200" s="1" t="s">
        <v>12</v>
      </c>
      <c r="D200" s="1" t="s">
        <v>96</v>
      </c>
      <c r="E200" s="7" t="s">
        <v>133</v>
      </c>
      <c r="F200" s="5">
        <v>2024</v>
      </c>
      <c r="G200" s="1" t="s">
        <v>14</v>
      </c>
      <c r="H200" s="1" t="s">
        <v>14</v>
      </c>
      <c r="I200" s="1" t="s">
        <v>15</v>
      </c>
      <c r="J200" s="9">
        <v>24.4</v>
      </c>
    </row>
    <row r="201" spans="1:10" x14ac:dyDescent="0.35">
      <c r="A201" s="1" t="s">
        <v>33</v>
      </c>
      <c r="B201" s="1" t="s">
        <v>75</v>
      </c>
      <c r="C201" s="1" t="s">
        <v>12</v>
      </c>
      <c r="D201" s="1" t="s">
        <v>96</v>
      </c>
      <c r="E201" s="7" t="s">
        <v>133</v>
      </c>
      <c r="F201" s="5">
        <v>2024</v>
      </c>
      <c r="G201" s="1" t="s">
        <v>14</v>
      </c>
      <c r="H201" s="1" t="s">
        <v>14</v>
      </c>
      <c r="I201" s="1" t="s">
        <v>15</v>
      </c>
      <c r="J201" s="9">
        <v>26.7</v>
      </c>
    </row>
    <row r="202" spans="1:10" x14ac:dyDescent="0.35">
      <c r="A202" s="1" t="s">
        <v>22</v>
      </c>
      <c r="B202" s="1" t="s">
        <v>76</v>
      </c>
      <c r="C202" s="1" t="s">
        <v>12</v>
      </c>
      <c r="D202" s="1" t="s">
        <v>96</v>
      </c>
      <c r="E202" s="7" t="s">
        <v>133</v>
      </c>
      <c r="F202" s="5">
        <v>2024</v>
      </c>
      <c r="G202" s="1" t="s">
        <v>14</v>
      </c>
      <c r="H202" s="1" t="s">
        <v>14</v>
      </c>
      <c r="I202" s="1" t="s">
        <v>15</v>
      </c>
      <c r="J202" s="9">
        <v>24.5</v>
      </c>
    </row>
    <row r="203" spans="1:10" x14ac:dyDescent="0.35">
      <c r="A203" s="1" t="s">
        <v>33</v>
      </c>
      <c r="B203" s="1" t="s">
        <v>77</v>
      </c>
      <c r="C203" s="1" t="s">
        <v>12</v>
      </c>
      <c r="D203" s="1" t="s">
        <v>96</v>
      </c>
      <c r="E203" s="7" t="s">
        <v>133</v>
      </c>
      <c r="F203" s="5">
        <v>2024</v>
      </c>
      <c r="G203" s="1" t="s">
        <v>14</v>
      </c>
      <c r="H203" s="1" t="s">
        <v>14</v>
      </c>
      <c r="I203" s="1" t="s">
        <v>15</v>
      </c>
      <c r="J203" s="9">
        <v>17.899999999999999</v>
      </c>
    </row>
    <row r="204" spans="1:10" x14ac:dyDescent="0.35">
      <c r="A204" s="1" t="s">
        <v>22</v>
      </c>
      <c r="B204" s="1" t="s">
        <v>78</v>
      </c>
      <c r="C204" s="1" t="s">
        <v>12</v>
      </c>
      <c r="D204" s="1" t="s">
        <v>96</v>
      </c>
      <c r="E204" s="7" t="s">
        <v>133</v>
      </c>
      <c r="F204" s="5">
        <v>2024</v>
      </c>
      <c r="G204" s="1" t="s">
        <v>14</v>
      </c>
      <c r="H204" s="1" t="s">
        <v>14</v>
      </c>
      <c r="I204" s="1" t="s">
        <v>15</v>
      </c>
      <c r="J204" s="9">
        <v>16.7</v>
      </c>
    </row>
    <row r="205" spans="1:10" x14ac:dyDescent="0.35">
      <c r="A205" s="1" t="s">
        <v>28</v>
      </c>
      <c r="B205" s="1" t="s">
        <v>79</v>
      </c>
      <c r="C205" s="1" t="s">
        <v>12</v>
      </c>
      <c r="D205" s="1" t="s">
        <v>96</v>
      </c>
      <c r="E205" s="7" t="s">
        <v>133</v>
      </c>
      <c r="F205" s="5">
        <v>2024</v>
      </c>
      <c r="G205" s="1" t="s">
        <v>14</v>
      </c>
      <c r="H205" s="1" t="s">
        <v>14</v>
      </c>
      <c r="I205" s="1" t="s">
        <v>15</v>
      </c>
      <c r="J205" s="9">
        <v>14.9</v>
      </c>
    </row>
    <row r="206" spans="1:10" x14ac:dyDescent="0.35">
      <c r="A206" s="1" t="s">
        <v>26</v>
      </c>
      <c r="B206" s="1" t="s">
        <v>80</v>
      </c>
      <c r="C206" s="1" t="s">
        <v>12</v>
      </c>
      <c r="D206" s="1" t="s">
        <v>96</v>
      </c>
      <c r="E206" s="7" t="s">
        <v>133</v>
      </c>
      <c r="F206" s="5">
        <v>2024</v>
      </c>
      <c r="G206" s="1" t="s">
        <v>14</v>
      </c>
      <c r="H206" s="1" t="s">
        <v>14</v>
      </c>
      <c r="I206" s="1" t="s">
        <v>15</v>
      </c>
      <c r="J206" s="9">
        <v>20.2</v>
      </c>
    </row>
    <row r="207" spans="1:10" x14ac:dyDescent="0.35">
      <c r="A207" s="1" t="s">
        <v>20</v>
      </c>
      <c r="B207" s="1" t="s">
        <v>81</v>
      </c>
      <c r="C207" s="1" t="s">
        <v>12</v>
      </c>
      <c r="D207" s="1" t="s">
        <v>96</v>
      </c>
      <c r="E207" s="7" t="s">
        <v>133</v>
      </c>
      <c r="F207" s="5">
        <v>2024</v>
      </c>
      <c r="G207" s="1" t="s">
        <v>14</v>
      </c>
      <c r="H207" s="1" t="s">
        <v>14</v>
      </c>
      <c r="I207" s="1" t="s">
        <v>15</v>
      </c>
      <c r="J207" s="9">
        <v>29.2</v>
      </c>
    </row>
    <row r="208" spans="1:10" x14ac:dyDescent="0.35">
      <c r="A208" s="1" t="s">
        <v>33</v>
      </c>
      <c r="B208" s="1" t="s">
        <v>82</v>
      </c>
      <c r="C208" s="1" t="s">
        <v>12</v>
      </c>
      <c r="D208" s="1" t="s">
        <v>96</v>
      </c>
      <c r="E208" s="7" t="s">
        <v>133</v>
      </c>
      <c r="F208" s="5">
        <v>2024</v>
      </c>
      <c r="G208" s="1" t="s">
        <v>14</v>
      </c>
      <c r="H208" s="1" t="s">
        <v>14</v>
      </c>
      <c r="I208" s="1" t="s">
        <v>15</v>
      </c>
      <c r="J208" s="9">
        <v>24.9</v>
      </c>
    </row>
    <row r="209" spans="1:10" x14ac:dyDescent="0.35">
      <c r="A209" s="1" t="s">
        <v>26</v>
      </c>
      <c r="B209" s="1" t="s">
        <v>83</v>
      </c>
      <c r="C209" s="1" t="s">
        <v>12</v>
      </c>
      <c r="D209" s="1" t="s">
        <v>96</v>
      </c>
      <c r="E209" s="7" t="s">
        <v>133</v>
      </c>
      <c r="F209" s="5">
        <v>2024</v>
      </c>
      <c r="G209" s="1" t="s">
        <v>14</v>
      </c>
      <c r="H209" s="1" t="s">
        <v>14</v>
      </c>
      <c r="I209" s="1" t="s">
        <v>15</v>
      </c>
      <c r="J209" s="9">
        <v>13.7</v>
      </c>
    </row>
    <row r="210" spans="1:10" x14ac:dyDescent="0.35">
      <c r="A210" s="1" t="s">
        <v>35</v>
      </c>
      <c r="B210" s="1" t="s">
        <v>84</v>
      </c>
      <c r="C210" s="1" t="s">
        <v>12</v>
      </c>
      <c r="D210" s="1" t="s">
        <v>96</v>
      </c>
      <c r="E210" s="7" t="s">
        <v>133</v>
      </c>
      <c r="F210" s="5">
        <v>2024</v>
      </c>
      <c r="G210" s="1" t="s">
        <v>14</v>
      </c>
      <c r="H210" s="1" t="s">
        <v>14</v>
      </c>
      <c r="I210" s="1" t="s">
        <v>15</v>
      </c>
      <c r="J210" s="9">
        <v>20.100000000000001</v>
      </c>
    </row>
    <row r="211" spans="1:10" x14ac:dyDescent="0.35">
      <c r="A211" s="1" t="s">
        <v>33</v>
      </c>
      <c r="B211" s="1" t="s">
        <v>85</v>
      </c>
      <c r="C211" s="1" t="s">
        <v>12</v>
      </c>
      <c r="D211" s="1" t="s">
        <v>96</v>
      </c>
      <c r="E211" s="7" t="s">
        <v>133</v>
      </c>
      <c r="F211" s="5">
        <v>2024</v>
      </c>
      <c r="G211" s="1" t="s">
        <v>14</v>
      </c>
      <c r="H211" s="1" t="s">
        <v>14</v>
      </c>
      <c r="I211" s="1" t="s">
        <v>15</v>
      </c>
      <c r="J211" s="9">
        <v>26.7</v>
      </c>
    </row>
    <row r="212" spans="1:10" x14ac:dyDescent="0.35">
      <c r="A212" s="1" t="s">
        <v>33</v>
      </c>
      <c r="B212" s="1" t="s">
        <v>86</v>
      </c>
      <c r="C212" s="1" t="s">
        <v>12</v>
      </c>
      <c r="D212" s="1" t="s">
        <v>96</v>
      </c>
      <c r="E212" s="7" t="s">
        <v>133</v>
      </c>
      <c r="F212" s="5">
        <v>2024</v>
      </c>
      <c r="G212" s="1" t="s">
        <v>14</v>
      </c>
      <c r="H212" s="1" t="s">
        <v>14</v>
      </c>
      <c r="I212" s="1" t="s">
        <v>15</v>
      </c>
      <c r="J212" s="9">
        <v>23.6</v>
      </c>
    </row>
    <row r="213" spans="1:10" x14ac:dyDescent="0.35">
      <c r="A213" s="1" t="s">
        <v>35</v>
      </c>
      <c r="B213" s="1" t="s">
        <v>87</v>
      </c>
      <c r="C213" s="1" t="s">
        <v>12</v>
      </c>
      <c r="D213" s="1" t="s">
        <v>96</v>
      </c>
      <c r="E213" s="7" t="s">
        <v>133</v>
      </c>
      <c r="F213" s="5">
        <v>2024</v>
      </c>
      <c r="G213" s="1" t="s">
        <v>14</v>
      </c>
      <c r="H213" s="1" t="s">
        <v>14</v>
      </c>
      <c r="I213" s="1" t="s">
        <v>15</v>
      </c>
      <c r="J213" s="9">
        <v>31.6</v>
      </c>
    </row>
    <row r="214" spans="1:10" x14ac:dyDescent="0.35">
      <c r="A214" s="1" t="s">
        <v>35</v>
      </c>
      <c r="B214" s="1" t="s">
        <v>88</v>
      </c>
      <c r="C214" s="1" t="s">
        <v>12</v>
      </c>
      <c r="D214" s="1" t="s">
        <v>96</v>
      </c>
      <c r="E214" s="7" t="s">
        <v>133</v>
      </c>
      <c r="F214" s="5">
        <v>2024</v>
      </c>
      <c r="G214" s="1" t="s">
        <v>14</v>
      </c>
      <c r="H214" s="1" t="s">
        <v>14</v>
      </c>
      <c r="I214" s="1" t="s">
        <v>15</v>
      </c>
      <c r="J214" s="9">
        <v>21.3</v>
      </c>
    </row>
    <row r="215" spans="1:10" x14ac:dyDescent="0.35">
      <c r="A215" s="1" t="s">
        <v>62</v>
      </c>
      <c r="B215" s="1" t="s">
        <v>89</v>
      </c>
      <c r="C215" s="1" t="s">
        <v>12</v>
      </c>
      <c r="D215" s="1" t="s">
        <v>96</v>
      </c>
      <c r="E215" s="7" t="s">
        <v>133</v>
      </c>
      <c r="F215" s="5">
        <v>2024</v>
      </c>
      <c r="G215" s="1" t="s">
        <v>14</v>
      </c>
      <c r="H215" s="1" t="s">
        <v>14</v>
      </c>
      <c r="I215" s="1" t="s">
        <v>15</v>
      </c>
      <c r="J215" s="9">
        <v>25.5</v>
      </c>
    </row>
    <row r="216" spans="1:10" x14ac:dyDescent="0.35">
      <c r="A216" s="1" t="s">
        <v>26</v>
      </c>
      <c r="B216" s="1" t="s">
        <v>90</v>
      </c>
      <c r="C216" s="1" t="s">
        <v>12</v>
      </c>
      <c r="D216" s="1" t="s">
        <v>96</v>
      </c>
      <c r="E216" s="7" t="s">
        <v>133</v>
      </c>
      <c r="F216" s="5">
        <v>2024</v>
      </c>
      <c r="G216" s="1" t="s">
        <v>14</v>
      </c>
      <c r="H216" s="1" t="s">
        <v>14</v>
      </c>
      <c r="I216" s="1" t="s">
        <v>15</v>
      </c>
      <c r="J216" s="9">
        <v>16.899999999999999</v>
      </c>
    </row>
    <row r="217" spans="1:10" x14ac:dyDescent="0.35">
      <c r="A217" s="1" t="s">
        <v>26</v>
      </c>
      <c r="B217" s="1" t="s">
        <v>91</v>
      </c>
      <c r="C217" s="1" t="s">
        <v>12</v>
      </c>
      <c r="D217" s="1" t="s">
        <v>96</v>
      </c>
      <c r="E217" s="7" t="s">
        <v>133</v>
      </c>
      <c r="F217" s="5">
        <v>2024</v>
      </c>
      <c r="G217" s="1" t="s">
        <v>14</v>
      </c>
      <c r="H217" s="1" t="s">
        <v>14</v>
      </c>
      <c r="I217" s="1" t="s">
        <v>15</v>
      </c>
      <c r="J217" s="9">
        <v>25.5</v>
      </c>
    </row>
    <row r="218" spans="1:10" x14ac:dyDescent="0.35">
      <c r="A218" s="1" t="s">
        <v>33</v>
      </c>
      <c r="B218" s="1" t="s">
        <v>92</v>
      </c>
      <c r="C218" s="1" t="s">
        <v>12</v>
      </c>
      <c r="D218" s="1" t="s">
        <v>96</v>
      </c>
      <c r="E218" s="7" t="s">
        <v>133</v>
      </c>
      <c r="F218" s="5">
        <v>2024</v>
      </c>
      <c r="G218" s="1" t="s">
        <v>14</v>
      </c>
      <c r="H218" s="1" t="s">
        <v>14</v>
      </c>
      <c r="I218" s="1" t="s">
        <v>15</v>
      </c>
      <c r="J218" s="9">
        <v>19.2</v>
      </c>
    </row>
    <row r="219" spans="1:10" x14ac:dyDescent="0.35">
      <c r="A219" s="1" t="s">
        <v>35</v>
      </c>
      <c r="B219" s="1" t="s">
        <v>93</v>
      </c>
      <c r="C219" s="1" t="s">
        <v>12</v>
      </c>
      <c r="D219" s="1" t="s">
        <v>96</v>
      </c>
      <c r="E219" s="7" t="s">
        <v>133</v>
      </c>
      <c r="F219" s="5">
        <v>2024</v>
      </c>
      <c r="G219" s="1" t="s">
        <v>14</v>
      </c>
      <c r="H219" s="1" t="s">
        <v>14</v>
      </c>
      <c r="I219" s="1" t="s">
        <v>15</v>
      </c>
      <c r="J219" s="9">
        <v>20.5</v>
      </c>
    </row>
    <row r="220" spans="1:10" x14ac:dyDescent="0.35">
      <c r="A220" s="1" t="s">
        <v>20</v>
      </c>
      <c r="B220" s="1" t="s">
        <v>94</v>
      </c>
      <c r="C220" s="1" t="s">
        <v>12</v>
      </c>
      <c r="D220" s="1" t="s">
        <v>96</v>
      </c>
      <c r="E220" s="7" t="s">
        <v>133</v>
      </c>
      <c r="F220" s="5">
        <v>2024</v>
      </c>
      <c r="G220" s="1" t="s">
        <v>14</v>
      </c>
      <c r="H220" s="1" t="s">
        <v>14</v>
      </c>
      <c r="I220" s="1" t="s">
        <v>15</v>
      </c>
      <c r="J220" s="9">
        <v>27.8</v>
      </c>
    </row>
    <row r="221" spans="1:10" x14ac:dyDescent="0.35">
      <c r="A221" s="1" t="s">
        <v>10</v>
      </c>
      <c r="B221" s="1" t="s">
        <v>11</v>
      </c>
      <c r="C221" s="1" t="s">
        <v>12</v>
      </c>
      <c r="D221" s="1" t="s">
        <v>13</v>
      </c>
      <c r="E221" s="7" t="s">
        <v>133</v>
      </c>
      <c r="F221" s="5">
        <v>2024</v>
      </c>
      <c r="G221" s="1" t="s">
        <v>97</v>
      </c>
      <c r="H221" s="1" t="s">
        <v>14</v>
      </c>
      <c r="I221" s="1" t="s">
        <v>15</v>
      </c>
      <c r="J221" s="9"/>
    </row>
    <row r="222" spans="1:10" x14ac:dyDescent="0.35">
      <c r="A222" s="1" t="s">
        <v>10</v>
      </c>
      <c r="B222" s="1" t="s">
        <v>16</v>
      </c>
      <c r="C222" s="1" t="s">
        <v>12</v>
      </c>
      <c r="D222" s="1" t="s">
        <v>13</v>
      </c>
      <c r="E222" s="7" t="s">
        <v>133</v>
      </c>
      <c r="F222" s="5">
        <v>2024</v>
      </c>
      <c r="G222" s="1" t="s">
        <v>97</v>
      </c>
      <c r="H222" s="1" t="s">
        <v>14</v>
      </c>
      <c r="I222" s="1" t="s">
        <v>15</v>
      </c>
      <c r="J222" s="9"/>
    </row>
    <row r="223" spans="1:10" x14ac:dyDescent="0.35">
      <c r="A223" s="1" t="s">
        <v>10</v>
      </c>
      <c r="B223" s="1" t="s">
        <v>17</v>
      </c>
      <c r="C223" s="1" t="s">
        <v>12</v>
      </c>
      <c r="D223" s="1" t="s">
        <v>13</v>
      </c>
      <c r="E223" s="7" t="s">
        <v>133</v>
      </c>
      <c r="F223" s="5">
        <v>2024</v>
      </c>
      <c r="G223" s="1" t="s">
        <v>97</v>
      </c>
      <c r="H223" s="1" t="s">
        <v>14</v>
      </c>
      <c r="I223" s="1" t="s">
        <v>15</v>
      </c>
      <c r="J223" s="9">
        <v>9</v>
      </c>
    </row>
    <row r="224" spans="1:10" x14ac:dyDescent="0.35">
      <c r="A224" s="1" t="s">
        <v>10</v>
      </c>
      <c r="B224" s="1" t="s">
        <v>18</v>
      </c>
      <c r="C224" s="1" t="s">
        <v>12</v>
      </c>
      <c r="D224" s="1" t="s">
        <v>13</v>
      </c>
      <c r="E224" s="7" t="s">
        <v>133</v>
      </c>
      <c r="F224" s="5">
        <v>2024</v>
      </c>
      <c r="G224" s="1" t="s">
        <v>97</v>
      </c>
      <c r="H224" s="1" t="s">
        <v>14</v>
      </c>
      <c r="I224" s="1" t="s">
        <v>15</v>
      </c>
      <c r="J224" s="9"/>
    </row>
    <row r="225" spans="1:10" x14ac:dyDescent="0.35">
      <c r="A225" s="1" t="s">
        <v>10</v>
      </c>
      <c r="B225" s="1" t="s">
        <v>19</v>
      </c>
      <c r="C225" s="1" t="s">
        <v>12</v>
      </c>
      <c r="D225" s="1" t="s">
        <v>13</v>
      </c>
      <c r="E225" s="7" t="s">
        <v>133</v>
      </c>
      <c r="F225" s="5">
        <v>2024</v>
      </c>
      <c r="G225" s="1" t="s">
        <v>97</v>
      </c>
      <c r="H225" s="1" t="s">
        <v>14</v>
      </c>
      <c r="I225" s="1" t="s">
        <v>15</v>
      </c>
      <c r="J225" s="9"/>
    </row>
    <row r="226" spans="1:10" x14ac:dyDescent="0.35">
      <c r="A226" s="1" t="s">
        <v>20</v>
      </c>
      <c r="B226" s="1" t="s">
        <v>21</v>
      </c>
      <c r="C226" s="1" t="s">
        <v>12</v>
      </c>
      <c r="D226" s="1" t="s">
        <v>13</v>
      </c>
      <c r="E226" s="7" t="s">
        <v>133</v>
      </c>
      <c r="F226" s="5">
        <v>2024</v>
      </c>
      <c r="G226" s="1" t="s">
        <v>97</v>
      </c>
      <c r="H226" s="1" t="s">
        <v>14</v>
      </c>
      <c r="I226" s="1" t="s">
        <v>15</v>
      </c>
      <c r="J226" s="9"/>
    </row>
    <row r="227" spans="1:10" x14ac:dyDescent="0.35">
      <c r="A227" s="1" t="s">
        <v>22</v>
      </c>
      <c r="B227" s="1" t="s">
        <v>23</v>
      </c>
      <c r="C227" s="1" t="s">
        <v>12</v>
      </c>
      <c r="D227" s="1" t="s">
        <v>13</v>
      </c>
      <c r="E227" s="7" t="s">
        <v>133</v>
      </c>
      <c r="F227" s="5">
        <v>2024</v>
      </c>
      <c r="G227" s="1" t="s">
        <v>97</v>
      </c>
      <c r="H227" s="1" t="s">
        <v>14</v>
      </c>
      <c r="I227" s="1" t="s">
        <v>15</v>
      </c>
      <c r="J227" s="9"/>
    </row>
    <row r="228" spans="1:10" x14ac:dyDescent="0.35">
      <c r="A228" s="1" t="s">
        <v>10</v>
      </c>
      <c r="B228" s="1" t="s">
        <v>24</v>
      </c>
      <c r="C228" s="1" t="s">
        <v>12</v>
      </c>
      <c r="D228" s="1" t="s">
        <v>13</v>
      </c>
      <c r="E228" s="7" t="s">
        <v>133</v>
      </c>
      <c r="F228" s="5">
        <v>2024</v>
      </c>
      <c r="G228" s="1" t="s">
        <v>97</v>
      </c>
      <c r="H228" s="1" t="s">
        <v>14</v>
      </c>
      <c r="I228" s="1" t="s">
        <v>15</v>
      </c>
      <c r="J228" s="9"/>
    </row>
    <row r="229" spans="1:10" x14ac:dyDescent="0.35">
      <c r="A229" s="1" t="s">
        <v>10</v>
      </c>
      <c r="B229" s="1" t="s">
        <v>25</v>
      </c>
      <c r="C229" s="1" t="s">
        <v>12</v>
      </c>
      <c r="D229" s="1" t="s">
        <v>13</v>
      </c>
      <c r="E229" s="7" t="s">
        <v>133</v>
      </c>
      <c r="F229" s="5">
        <v>2024</v>
      </c>
      <c r="G229" s="1" t="s">
        <v>97</v>
      </c>
      <c r="H229" s="1" t="s">
        <v>14</v>
      </c>
      <c r="I229" s="1" t="s">
        <v>15</v>
      </c>
      <c r="J229" s="9"/>
    </row>
    <row r="230" spans="1:10" x14ac:dyDescent="0.35">
      <c r="A230" s="1" t="s">
        <v>26</v>
      </c>
      <c r="B230" s="1" t="s">
        <v>27</v>
      </c>
      <c r="C230" s="1" t="s">
        <v>12</v>
      </c>
      <c r="D230" s="1" t="s">
        <v>13</v>
      </c>
      <c r="E230" s="7" t="s">
        <v>133</v>
      </c>
      <c r="F230" s="5">
        <v>2024</v>
      </c>
      <c r="G230" s="1" t="s">
        <v>97</v>
      </c>
      <c r="H230" s="1" t="s">
        <v>14</v>
      </c>
      <c r="I230" s="1" t="s">
        <v>15</v>
      </c>
      <c r="J230" s="9">
        <v>5.4</v>
      </c>
    </row>
    <row r="231" spans="1:10" x14ac:dyDescent="0.35">
      <c r="A231" s="1" t="s">
        <v>28</v>
      </c>
      <c r="B231" s="1" t="s">
        <v>29</v>
      </c>
      <c r="C231" s="1" t="s">
        <v>12</v>
      </c>
      <c r="D231" s="1" t="s">
        <v>13</v>
      </c>
      <c r="E231" s="7" t="s">
        <v>133</v>
      </c>
      <c r="F231" s="5">
        <v>2024</v>
      </c>
      <c r="G231" s="1" t="s">
        <v>97</v>
      </c>
      <c r="H231" s="1" t="s">
        <v>14</v>
      </c>
      <c r="I231" s="1" t="s">
        <v>15</v>
      </c>
      <c r="J231" s="9">
        <v>9.5</v>
      </c>
    </row>
    <row r="232" spans="1:10" x14ac:dyDescent="0.35">
      <c r="A232" s="1" t="s">
        <v>10</v>
      </c>
      <c r="B232" s="1" t="s">
        <v>30</v>
      </c>
      <c r="C232" s="1" t="s">
        <v>12</v>
      </c>
      <c r="D232" s="1" t="s">
        <v>13</v>
      </c>
      <c r="E232" s="7" t="s">
        <v>133</v>
      </c>
      <c r="F232" s="5">
        <v>2024</v>
      </c>
      <c r="G232" s="1" t="s">
        <v>97</v>
      </c>
      <c r="H232" s="1" t="s">
        <v>14</v>
      </c>
      <c r="I232" s="1" t="s">
        <v>15</v>
      </c>
      <c r="J232" s="9"/>
    </row>
    <row r="233" spans="1:10" x14ac:dyDescent="0.35">
      <c r="A233" s="1" t="s">
        <v>26</v>
      </c>
      <c r="B233" s="1" t="s">
        <v>31</v>
      </c>
      <c r="C233" s="1" t="s">
        <v>12</v>
      </c>
      <c r="D233" s="1" t="s">
        <v>13</v>
      </c>
      <c r="E233" s="7" t="s">
        <v>133</v>
      </c>
      <c r="F233" s="5">
        <v>2024</v>
      </c>
      <c r="G233" s="1" t="s">
        <v>97</v>
      </c>
      <c r="H233" s="1" t="s">
        <v>14</v>
      </c>
      <c r="I233" s="1" t="s">
        <v>15</v>
      </c>
      <c r="J233" s="9"/>
    </row>
    <row r="234" spans="1:10" x14ac:dyDescent="0.35">
      <c r="A234" s="1" t="s">
        <v>28</v>
      </c>
      <c r="B234" s="1" t="s">
        <v>32</v>
      </c>
      <c r="C234" s="1" t="s">
        <v>12</v>
      </c>
      <c r="D234" s="1" t="s">
        <v>13</v>
      </c>
      <c r="E234" s="7" t="s">
        <v>133</v>
      </c>
      <c r="F234" s="5">
        <v>2024</v>
      </c>
      <c r="G234" s="1" t="s">
        <v>97</v>
      </c>
      <c r="H234" s="1" t="s">
        <v>14</v>
      </c>
      <c r="I234" s="1" t="s">
        <v>15</v>
      </c>
      <c r="J234" s="9">
        <v>5</v>
      </c>
    </row>
    <row r="235" spans="1:10" x14ac:dyDescent="0.35">
      <c r="A235" s="1" t="s">
        <v>33</v>
      </c>
      <c r="B235" s="1" t="s">
        <v>34</v>
      </c>
      <c r="C235" s="1" t="s">
        <v>12</v>
      </c>
      <c r="D235" s="1" t="s">
        <v>13</v>
      </c>
      <c r="E235" s="7" t="s">
        <v>133</v>
      </c>
      <c r="F235" s="5">
        <v>2024</v>
      </c>
      <c r="G235" s="1" t="s">
        <v>97</v>
      </c>
      <c r="H235" s="1" t="s">
        <v>14</v>
      </c>
      <c r="I235" s="1" t="s">
        <v>15</v>
      </c>
      <c r="J235" s="9">
        <v>12.3</v>
      </c>
    </row>
    <row r="236" spans="1:10" x14ac:dyDescent="0.35">
      <c r="A236" s="1" t="s">
        <v>35</v>
      </c>
      <c r="B236" s="1" t="s">
        <v>36</v>
      </c>
      <c r="C236" s="1" t="s">
        <v>12</v>
      </c>
      <c r="D236" s="1" t="s">
        <v>13</v>
      </c>
      <c r="E236" s="7" t="s">
        <v>133</v>
      </c>
      <c r="F236" s="5">
        <v>2024</v>
      </c>
      <c r="G236" s="1" t="s">
        <v>97</v>
      </c>
      <c r="H236" s="1" t="s">
        <v>14</v>
      </c>
      <c r="I236" s="1" t="s">
        <v>15</v>
      </c>
      <c r="J236" s="9">
        <v>5.7</v>
      </c>
    </row>
    <row r="237" spans="1:10" x14ac:dyDescent="0.35">
      <c r="A237" s="1" t="s">
        <v>28</v>
      </c>
      <c r="B237" s="1" t="s">
        <v>37</v>
      </c>
      <c r="C237" s="1" t="s">
        <v>12</v>
      </c>
      <c r="D237" s="1" t="s">
        <v>13</v>
      </c>
      <c r="E237" s="7" t="s">
        <v>133</v>
      </c>
      <c r="F237" s="5">
        <v>2024</v>
      </c>
      <c r="G237" s="1" t="s">
        <v>97</v>
      </c>
      <c r="H237" s="1" t="s">
        <v>14</v>
      </c>
      <c r="I237" s="1" t="s">
        <v>15</v>
      </c>
      <c r="J237" s="9"/>
    </row>
    <row r="238" spans="1:10" x14ac:dyDescent="0.35">
      <c r="A238" s="1" t="s">
        <v>20</v>
      </c>
      <c r="B238" s="1" t="s">
        <v>38</v>
      </c>
      <c r="C238" s="1" t="s">
        <v>12</v>
      </c>
      <c r="D238" s="1" t="s">
        <v>13</v>
      </c>
      <c r="E238" s="7" t="s">
        <v>133</v>
      </c>
      <c r="F238" s="5">
        <v>2024</v>
      </c>
      <c r="G238" s="1" t="s">
        <v>97</v>
      </c>
      <c r="H238" s="1" t="s">
        <v>14</v>
      </c>
      <c r="I238" s="1" t="s">
        <v>15</v>
      </c>
      <c r="J238" s="9"/>
    </row>
    <row r="239" spans="1:10" x14ac:dyDescent="0.35">
      <c r="A239" s="1" t="s">
        <v>33</v>
      </c>
      <c r="B239" s="1" t="s">
        <v>39</v>
      </c>
      <c r="C239" s="1" t="s">
        <v>12</v>
      </c>
      <c r="D239" s="1" t="s">
        <v>13</v>
      </c>
      <c r="E239" s="7" t="s">
        <v>133</v>
      </c>
      <c r="F239" s="5">
        <v>2024</v>
      </c>
      <c r="G239" s="1" t="s">
        <v>97</v>
      </c>
      <c r="H239" s="1" t="s">
        <v>14</v>
      </c>
      <c r="I239" s="1" t="s">
        <v>15</v>
      </c>
      <c r="J239" s="9"/>
    </row>
    <row r="240" spans="1:10" x14ac:dyDescent="0.35">
      <c r="A240" s="1" t="s">
        <v>20</v>
      </c>
      <c r="B240" s="1" t="s">
        <v>40</v>
      </c>
      <c r="C240" s="1" t="s">
        <v>12</v>
      </c>
      <c r="D240" s="1" t="s">
        <v>13</v>
      </c>
      <c r="E240" s="7" t="s">
        <v>133</v>
      </c>
      <c r="F240" s="5">
        <v>2024</v>
      </c>
      <c r="G240" s="1" t="s">
        <v>97</v>
      </c>
      <c r="H240" s="1" t="s">
        <v>14</v>
      </c>
      <c r="I240" s="1" t="s">
        <v>15</v>
      </c>
      <c r="J240" s="9"/>
    </row>
    <row r="241" spans="1:10" x14ac:dyDescent="0.35">
      <c r="A241" s="1" t="s">
        <v>35</v>
      </c>
      <c r="B241" s="1" t="s">
        <v>41</v>
      </c>
      <c r="C241" s="1" t="s">
        <v>12</v>
      </c>
      <c r="D241" s="1" t="s">
        <v>13</v>
      </c>
      <c r="E241" s="7" t="s">
        <v>133</v>
      </c>
      <c r="F241" s="5">
        <v>2024</v>
      </c>
      <c r="G241" s="1" t="s">
        <v>97</v>
      </c>
      <c r="H241" s="1" t="s">
        <v>14</v>
      </c>
      <c r="I241" s="1" t="s">
        <v>15</v>
      </c>
      <c r="J241" s="9"/>
    </row>
    <row r="242" spans="1:10" x14ac:dyDescent="0.35">
      <c r="A242" s="1" t="s">
        <v>35</v>
      </c>
      <c r="B242" s="1" t="s">
        <v>42</v>
      </c>
      <c r="C242" s="1" t="s">
        <v>12</v>
      </c>
      <c r="D242" s="1" t="s">
        <v>13</v>
      </c>
      <c r="E242" s="7" t="s">
        <v>133</v>
      </c>
      <c r="F242" s="5">
        <v>2024</v>
      </c>
      <c r="G242" s="1" t="s">
        <v>97</v>
      </c>
      <c r="H242" s="1" t="s">
        <v>14</v>
      </c>
      <c r="I242" s="1" t="s">
        <v>15</v>
      </c>
      <c r="J242" s="9">
        <v>14.5</v>
      </c>
    </row>
    <row r="243" spans="1:10" x14ac:dyDescent="0.35">
      <c r="A243" s="1" t="s">
        <v>35</v>
      </c>
      <c r="B243" s="1" t="s">
        <v>43</v>
      </c>
      <c r="C243" s="1" t="s">
        <v>12</v>
      </c>
      <c r="D243" s="1" t="s">
        <v>13</v>
      </c>
      <c r="E243" s="7" t="s">
        <v>133</v>
      </c>
      <c r="F243" s="5">
        <v>2024</v>
      </c>
      <c r="G243" s="1" t="s">
        <v>97</v>
      </c>
      <c r="H243" s="1" t="s">
        <v>14</v>
      </c>
      <c r="I243" s="1" t="s">
        <v>15</v>
      </c>
      <c r="J243" s="9">
        <v>2.4</v>
      </c>
    </row>
    <row r="244" spans="1:10" x14ac:dyDescent="0.35">
      <c r="A244" s="1" t="s">
        <v>28</v>
      </c>
      <c r="B244" s="1" t="s">
        <v>44</v>
      </c>
      <c r="C244" s="1" t="s">
        <v>12</v>
      </c>
      <c r="D244" s="1" t="s">
        <v>13</v>
      </c>
      <c r="E244" s="7" t="s">
        <v>133</v>
      </c>
      <c r="F244" s="5">
        <v>2024</v>
      </c>
      <c r="G244" s="1" t="s">
        <v>97</v>
      </c>
      <c r="H244" s="1" t="s">
        <v>14</v>
      </c>
      <c r="I244" s="1" t="s">
        <v>15</v>
      </c>
      <c r="J244" s="9"/>
    </row>
    <row r="245" spans="1:10" x14ac:dyDescent="0.35">
      <c r="A245" s="1" t="s">
        <v>10</v>
      </c>
      <c r="B245" s="1" t="s">
        <v>45</v>
      </c>
      <c r="C245" s="1" t="s">
        <v>12</v>
      </c>
      <c r="D245" s="1" t="s">
        <v>13</v>
      </c>
      <c r="E245" s="7" t="s">
        <v>133</v>
      </c>
      <c r="F245" s="5">
        <v>2024</v>
      </c>
      <c r="G245" s="1" t="s">
        <v>97</v>
      </c>
      <c r="H245" s="1" t="s">
        <v>14</v>
      </c>
      <c r="I245" s="1" t="s">
        <v>15</v>
      </c>
      <c r="J245" s="9">
        <v>4.0999999999999996</v>
      </c>
    </row>
    <row r="246" spans="1:10" x14ac:dyDescent="0.35">
      <c r="A246" s="1" t="s">
        <v>10</v>
      </c>
      <c r="B246" s="1" t="s">
        <v>46</v>
      </c>
      <c r="C246" s="1" t="s">
        <v>12</v>
      </c>
      <c r="D246" s="1" t="s">
        <v>13</v>
      </c>
      <c r="E246" s="7" t="s">
        <v>133</v>
      </c>
      <c r="F246" s="5">
        <v>2024</v>
      </c>
      <c r="G246" s="1" t="s">
        <v>97</v>
      </c>
      <c r="H246" s="1" t="s">
        <v>14</v>
      </c>
      <c r="I246" s="1" t="s">
        <v>15</v>
      </c>
      <c r="J246" s="9">
        <v>16.7</v>
      </c>
    </row>
    <row r="247" spans="1:10" x14ac:dyDescent="0.35">
      <c r="A247" s="1" t="s">
        <v>33</v>
      </c>
      <c r="B247" s="1" t="s">
        <v>47</v>
      </c>
      <c r="C247" s="1" t="s">
        <v>12</v>
      </c>
      <c r="D247" s="1" t="s">
        <v>13</v>
      </c>
      <c r="E247" s="7" t="s">
        <v>133</v>
      </c>
      <c r="F247" s="5">
        <v>2024</v>
      </c>
      <c r="G247" s="1" t="s">
        <v>97</v>
      </c>
      <c r="H247" s="1" t="s">
        <v>14</v>
      </c>
      <c r="I247" s="1" t="s">
        <v>15</v>
      </c>
      <c r="J247" s="9">
        <v>8.1999999999999993</v>
      </c>
    </row>
    <row r="248" spans="1:10" x14ac:dyDescent="0.35">
      <c r="A248" s="1" t="s">
        <v>20</v>
      </c>
      <c r="B248" s="1" t="s">
        <v>48</v>
      </c>
      <c r="C248" s="1" t="s">
        <v>12</v>
      </c>
      <c r="D248" s="1" t="s">
        <v>13</v>
      </c>
      <c r="E248" s="7" t="s">
        <v>133</v>
      </c>
      <c r="F248" s="5">
        <v>2024</v>
      </c>
      <c r="G248" s="1" t="s">
        <v>97</v>
      </c>
      <c r="H248" s="1" t="s">
        <v>14</v>
      </c>
      <c r="I248" s="1" t="s">
        <v>15</v>
      </c>
      <c r="J248" s="9"/>
    </row>
    <row r="249" spans="1:10" x14ac:dyDescent="0.35">
      <c r="A249" s="1" t="s">
        <v>28</v>
      </c>
      <c r="B249" s="1" t="s">
        <v>49</v>
      </c>
      <c r="C249" s="1" t="s">
        <v>12</v>
      </c>
      <c r="D249" s="1" t="s">
        <v>13</v>
      </c>
      <c r="E249" s="7" t="s">
        <v>133</v>
      </c>
      <c r="F249" s="5">
        <v>2024</v>
      </c>
      <c r="G249" s="1" t="s">
        <v>97</v>
      </c>
      <c r="H249" s="1" t="s">
        <v>14</v>
      </c>
      <c r="I249" s="1" t="s">
        <v>15</v>
      </c>
      <c r="J249" s="9">
        <v>8.3000000000000007</v>
      </c>
    </row>
    <row r="250" spans="1:10" x14ac:dyDescent="0.35">
      <c r="A250" s="1" t="s">
        <v>35</v>
      </c>
      <c r="B250" s="1" t="s">
        <v>50</v>
      </c>
      <c r="C250" s="1" t="s">
        <v>12</v>
      </c>
      <c r="D250" s="1" t="s">
        <v>13</v>
      </c>
      <c r="E250" s="7" t="s">
        <v>133</v>
      </c>
      <c r="F250" s="5">
        <v>2024</v>
      </c>
      <c r="G250" s="1" t="s">
        <v>97</v>
      </c>
      <c r="H250" s="1" t="s">
        <v>14</v>
      </c>
      <c r="I250" s="1" t="s">
        <v>15</v>
      </c>
      <c r="J250" s="9"/>
    </row>
    <row r="251" spans="1:10" x14ac:dyDescent="0.35">
      <c r="A251" s="1" t="s">
        <v>22</v>
      </c>
      <c r="B251" s="1" t="s">
        <v>51</v>
      </c>
      <c r="C251" s="1" t="s">
        <v>12</v>
      </c>
      <c r="D251" s="1" t="s">
        <v>13</v>
      </c>
      <c r="E251" s="7" t="s">
        <v>133</v>
      </c>
      <c r="F251" s="5">
        <v>2024</v>
      </c>
      <c r="G251" s="1" t="s">
        <v>97</v>
      </c>
      <c r="H251" s="1" t="s">
        <v>14</v>
      </c>
      <c r="I251" s="1" t="s">
        <v>15</v>
      </c>
      <c r="J251" s="9"/>
    </row>
    <row r="252" spans="1:10" x14ac:dyDescent="0.35">
      <c r="A252" s="1" t="s">
        <v>22</v>
      </c>
      <c r="B252" s="1" t="s">
        <v>52</v>
      </c>
      <c r="C252" s="1" t="s">
        <v>12</v>
      </c>
      <c r="D252" s="1" t="s">
        <v>13</v>
      </c>
      <c r="E252" s="7" t="s">
        <v>133</v>
      </c>
      <c r="F252" s="5">
        <v>2024</v>
      </c>
      <c r="G252" s="1" t="s">
        <v>97</v>
      </c>
      <c r="H252" s="1" t="s">
        <v>14</v>
      </c>
      <c r="I252" s="1" t="s">
        <v>15</v>
      </c>
      <c r="J252" s="9"/>
    </row>
    <row r="253" spans="1:10" x14ac:dyDescent="0.35">
      <c r="A253" s="1" t="s">
        <v>22</v>
      </c>
      <c r="B253" s="1" t="s">
        <v>53</v>
      </c>
      <c r="C253" s="1" t="s">
        <v>12</v>
      </c>
      <c r="D253" s="1" t="s">
        <v>13</v>
      </c>
      <c r="E253" s="7" t="s">
        <v>133</v>
      </c>
      <c r="F253" s="5">
        <v>2024</v>
      </c>
      <c r="G253" s="1" t="s">
        <v>97</v>
      </c>
      <c r="H253" s="1" t="s">
        <v>14</v>
      </c>
      <c r="I253" s="1" t="s">
        <v>15</v>
      </c>
      <c r="J253" s="9"/>
    </row>
    <row r="254" spans="1:10" x14ac:dyDescent="0.35">
      <c r="A254" s="1" t="s">
        <v>22</v>
      </c>
      <c r="B254" s="1" t="s">
        <v>54</v>
      </c>
      <c r="C254" s="1" t="s">
        <v>12</v>
      </c>
      <c r="D254" s="1" t="s">
        <v>13</v>
      </c>
      <c r="E254" s="7" t="s">
        <v>133</v>
      </c>
      <c r="F254" s="5">
        <v>2024</v>
      </c>
      <c r="G254" s="1" t="s">
        <v>97</v>
      </c>
      <c r="H254" s="1" t="s">
        <v>14</v>
      </c>
      <c r="I254" s="1" t="s">
        <v>15</v>
      </c>
      <c r="J254" s="9"/>
    </row>
    <row r="255" spans="1:10" x14ac:dyDescent="0.35">
      <c r="A255" s="1" t="s">
        <v>22</v>
      </c>
      <c r="B255" s="1" t="s">
        <v>55</v>
      </c>
      <c r="C255" s="1" t="s">
        <v>12</v>
      </c>
      <c r="D255" s="1" t="s">
        <v>13</v>
      </c>
      <c r="E255" s="7" t="s">
        <v>133</v>
      </c>
      <c r="F255" s="5">
        <v>2024</v>
      </c>
      <c r="G255" s="1" t="s">
        <v>97</v>
      </c>
      <c r="H255" s="1" t="s">
        <v>14</v>
      </c>
      <c r="I255" s="1" t="s">
        <v>15</v>
      </c>
      <c r="J255" s="9">
        <v>10.3</v>
      </c>
    </row>
    <row r="256" spans="1:10" x14ac:dyDescent="0.35">
      <c r="A256" s="1" t="s">
        <v>22</v>
      </c>
      <c r="B256" s="1" t="s">
        <v>56</v>
      </c>
      <c r="C256" s="1" t="s">
        <v>12</v>
      </c>
      <c r="D256" s="1" t="s">
        <v>13</v>
      </c>
      <c r="E256" s="7" t="s">
        <v>133</v>
      </c>
      <c r="F256" s="5">
        <v>2024</v>
      </c>
      <c r="G256" s="1" t="s">
        <v>97</v>
      </c>
      <c r="H256" s="1" t="s">
        <v>14</v>
      </c>
      <c r="I256" s="1" t="s">
        <v>15</v>
      </c>
      <c r="J256" s="9"/>
    </row>
    <row r="257" spans="1:10" x14ac:dyDescent="0.35">
      <c r="A257" s="1" t="s">
        <v>26</v>
      </c>
      <c r="B257" s="1" t="s">
        <v>57</v>
      </c>
      <c r="C257" s="1" t="s">
        <v>12</v>
      </c>
      <c r="D257" s="1" t="s">
        <v>13</v>
      </c>
      <c r="E257" s="7" t="s">
        <v>133</v>
      </c>
      <c r="F257" s="5">
        <v>2024</v>
      </c>
      <c r="G257" s="1" t="s">
        <v>97</v>
      </c>
      <c r="H257" s="1" t="s">
        <v>14</v>
      </c>
      <c r="I257" s="1" t="s">
        <v>15</v>
      </c>
      <c r="J257" s="9"/>
    </row>
    <row r="258" spans="1:10" x14ac:dyDescent="0.35">
      <c r="A258" s="1" t="s">
        <v>28</v>
      </c>
      <c r="B258" s="1" t="s">
        <v>58</v>
      </c>
      <c r="C258" s="1" t="s">
        <v>12</v>
      </c>
      <c r="D258" s="1" t="s">
        <v>13</v>
      </c>
      <c r="E258" s="7" t="s">
        <v>133</v>
      </c>
      <c r="F258" s="5">
        <v>2024</v>
      </c>
      <c r="G258" s="1" t="s">
        <v>97</v>
      </c>
      <c r="H258" s="1" t="s">
        <v>14</v>
      </c>
      <c r="I258" s="1" t="s">
        <v>15</v>
      </c>
      <c r="J258" s="9"/>
    </row>
    <row r="259" spans="1:10" x14ac:dyDescent="0.35">
      <c r="A259" s="1" t="s">
        <v>20</v>
      </c>
      <c r="B259" s="1" t="s">
        <v>59</v>
      </c>
      <c r="C259" s="1" t="s">
        <v>12</v>
      </c>
      <c r="D259" s="1" t="s">
        <v>13</v>
      </c>
      <c r="E259" s="7" t="s">
        <v>133</v>
      </c>
      <c r="F259" s="5">
        <v>2024</v>
      </c>
      <c r="G259" s="1" t="s">
        <v>97</v>
      </c>
      <c r="H259" s="1" t="s">
        <v>14</v>
      </c>
      <c r="I259" s="1" t="s">
        <v>15</v>
      </c>
      <c r="J259" s="9"/>
    </row>
    <row r="260" spans="1:10" x14ac:dyDescent="0.35">
      <c r="A260" s="1" t="s">
        <v>20</v>
      </c>
      <c r="B260" s="1" t="s">
        <v>60</v>
      </c>
      <c r="C260" s="1" t="s">
        <v>12</v>
      </c>
      <c r="D260" s="1" t="s">
        <v>13</v>
      </c>
      <c r="E260" s="7" t="s">
        <v>133</v>
      </c>
      <c r="F260" s="5">
        <v>2024</v>
      </c>
      <c r="G260" s="1" t="s">
        <v>97</v>
      </c>
      <c r="H260" s="1" t="s">
        <v>14</v>
      </c>
      <c r="I260" s="1" t="s">
        <v>15</v>
      </c>
      <c r="J260" s="9">
        <v>5.7</v>
      </c>
    </row>
    <row r="261" spans="1:10" x14ac:dyDescent="0.35">
      <c r="A261" s="1" t="s">
        <v>28</v>
      </c>
      <c r="B261" s="1" t="s">
        <v>61</v>
      </c>
      <c r="C261" s="1" t="s">
        <v>12</v>
      </c>
      <c r="D261" s="1" t="s">
        <v>13</v>
      </c>
      <c r="E261" s="7" t="s">
        <v>133</v>
      </c>
      <c r="F261" s="5">
        <v>2024</v>
      </c>
      <c r="G261" s="1" t="s">
        <v>97</v>
      </c>
      <c r="H261" s="1" t="s">
        <v>14</v>
      </c>
      <c r="I261" s="1" t="s">
        <v>15</v>
      </c>
      <c r="J261" s="9"/>
    </row>
    <row r="262" spans="1:10" x14ac:dyDescent="0.35">
      <c r="A262" s="1" t="s">
        <v>62</v>
      </c>
      <c r="B262" s="1" t="s">
        <v>63</v>
      </c>
      <c r="C262" s="1" t="s">
        <v>12</v>
      </c>
      <c r="D262" s="1" t="s">
        <v>13</v>
      </c>
      <c r="E262" s="7" t="s">
        <v>133</v>
      </c>
      <c r="F262" s="5">
        <v>2024</v>
      </c>
      <c r="G262" s="1" t="s">
        <v>97</v>
      </c>
      <c r="H262" s="1" t="s">
        <v>14</v>
      </c>
      <c r="I262" s="1" t="s">
        <v>15</v>
      </c>
      <c r="J262" s="9"/>
    </row>
    <row r="263" spans="1:10" x14ac:dyDescent="0.35">
      <c r="A263" s="1" t="s">
        <v>62</v>
      </c>
      <c r="B263" s="1" t="s">
        <v>64</v>
      </c>
      <c r="C263" s="1" t="s">
        <v>12</v>
      </c>
      <c r="D263" s="1" t="s">
        <v>13</v>
      </c>
      <c r="E263" s="7" t="s">
        <v>133</v>
      </c>
      <c r="F263" s="5">
        <v>2024</v>
      </c>
      <c r="G263" s="1" t="s">
        <v>97</v>
      </c>
      <c r="H263" s="1" t="s">
        <v>14</v>
      </c>
      <c r="I263" s="1" t="s">
        <v>15</v>
      </c>
      <c r="J263" s="9"/>
    </row>
    <row r="264" spans="1:10" x14ac:dyDescent="0.35">
      <c r="A264" s="1" t="s">
        <v>62</v>
      </c>
      <c r="B264" s="1" t="s">
        <v>65</v>
      </c>
      <c r="C264" s="1" t="s">
        <v>12</v>
      </c>
      <c r="D264" s="1" t="s">
        <v>13</v>
      </c>
      <c r="E264" s="7" t="s">
        <v>133</v>
      </c>
      <c r="F264" s="5">
        <v>2024</v>
      </c>
      <c r="G264" s="1" t="s">
        <v>97</v>
      </c>
      <c r="H264" s="1" t="s">
        <v>14</v>
      </c>
      <c r="I264" s="1" t="s">
        <v>15</v>
      </c>
      <c r="J264" s="9"/>
    </row>
    <row r="265" spans="1:10" x14ac:dyDescent="0.35">
      <c r="A265" s="1" t="s">
        <v>62</v>
      </c>
      <c r="B265" s="1" t="s">
        <v>66</v>
      </c>
      <c r="C265" s="1" t="s">
        <v>12</v>
      </c>
      <c r="D265" s="1" t="s">
        <v>13</v>
      </c>
      <c r="E265" s="7" t="s">
        <v>133</v>
      </c>
      <c r="F265" s="5">
        <v>2024</v>
      </c>
      <c r="G265" s="1" t="s">
        <v>97</v>
      </c>
      <c r="H265" s="1" t="s">
        <v>14</v>
      </c>
      <c r="I265" s="1" t="s">
        <v>15</v>
      </c>
      <c r="J265" s="9"/>
    </row>
    <row r="266" spans="1:10" x14ac:dyDescent="0.35">
      <c r="A266" s="1" t="s">
        <v>62</v>
      </c>
      <c r="B266" s="1" t="s">
        <v>67</v>
      </c>
      <c r="C266" s="1" t="s">
        <v>12</v>
      </c>
      <c r="D266" s="1" t="s">
        <v>13</v>
      </c>
      <c r="E266" s="7" t="s">
        <v>133</v>
      </c>
      <c r="F266" s="5">
        <v>2024</v>
      </c>
      <c r="G266" s="1" t="s">
        <v>97</v>
      </c>
      <c r="H266" s="1" t="s">
        <v>14</v>
      </c>
      <c r="I266" s="1" t="s">
        <v>15</v>
      </c>
      <c r="J266" s="9">
        <v>8.9</v>
      </c>
    </row>
    <row r="267" spans="1:10" x14ac:dyDescent="0.35">
      <c r="A267" s="1" t="s">
        <v>62</v>
      </c>
      <c r="B267" s="1" t="s">
        <v>68</v>
      </c>
      <c r="C267" s="1" t="s">
        <v>12</v>
      </c>
      <c r="D267" s="1" t="s">
        <v>13</v>
      </c>
      <c r="E267" s="7" t="s">
        <v>133</v>
      </c>
      <c r="F267" s="5">
        <v>2024</v>
      </c>
      <c r="G267" s="1" t="s">
        <v>97</v>
      </c>
      <c r="H267" s="1" t="s">
        <v>14</v>
      </c>
      <c r="I267" s="1" t="s">
        <v>15</v>
      </c>
      <c r="J267" s="9"/>
    </row>
    <row r="268" spans="1:10" x14ac:dyDescent="0.35">
      <c r="A268" s="1" t="s">
        <v>62</v>
      </c>
      <c r="B268" s="1" t="s">
        <v>69</v>
      </c>
      <c r="C268" s="1" t="s">
        <v>12</v>
      </c>
      <c r="D268" s="1" t="s">
        <v>13</v>
      </c>
      <c r="E268" s="7" t="s">
        <v>133</v>
      </c>
      <c r="F268" s="5">
        <v>2024</v>
      </c>
      <c r="G268" s="1" t="s">
        <v>97</v>
      </c>
      <c r="H268" s="1" t="s">
        <v>14</v>
      </c>
      <c r="I268" s="1" t="s">
        <v>15</v>
      </c>
      <c r="J268" s="9"/>
    </row>
    <row r="269" spans="1:10" x14ac:dyDescent="0.35">
      <c r="A269" s="1" t="s">
        <v>62</v>
      </c>
      <c r="B269" s="1" t="s">
        <v>70</v>
      </c>
      <c r="C269" s="1" t="s">
        <v>12</v>
      </c>
      <c r="D269" s="1" t="s">
        <v>13</v>
      </c>
      <c r="E269" s="7" t="s">
        <v>133</v>
      </c>
      <c r="F269" s="5">
        <v>2024</v>
      </c>
      <c r="G269" s="1" t="s">
        <v>97</v>
      </c>
      <c r="H269" s="1" t="s">
        <v>14</v>
      </c>
      <c r="I269" s="1" t="s">
        <v>15</v>
      </c>
      <c r="J269" s="9"/>
    </row>
    <row r="270" spans="1:10" x14ac:dyDescent="0.35">
      <c r="A270" s="1" t="s">
        <v>35</v>
      </c>
      <c r="B270" s="1" t="s">
        <v>71</v>
      </c>
      <c r="C270" s="1" t="s">
        <v>12</v>
      </c>
      <c r="D270" s="1" t="s">
        <v>13</v>
      </c>
      <c r="E270" s="7" t="s">
        <v>133</v>
      </c>
      <c r="F270" s="5">
        <v>2024</v>
      </c>
      <c r="G270" s="1" t="s">
        <v>97</v>
      </c>
      <c r="H270" s="1" t="s">
        <v>14</v>
      </c>
      <c r="I270" s="1" t="s">
        <v>15</v>
      </c>
      <c r="J270" s="9">
        <v>7.5</v>
      </c>
    </row>
    <row r="271" spans="1:10" x14ac:dyDescent="0.35">
      <c r="A271" s="1" t="s">
        <v>20</v>
      </c>
      <c r="B271" s="1" t="s">
        <v>72</v>
      </c>
      <c r="C271" s="1" t="s">
        <v>12</v>
      </c>
      <c r="D271" s="1" t="s">
        <v>13</v>
      </c>
      <c r="E271" s="7" t="s">
        <v>133</v>
      </c>
      <c r="F271" s="5">
        <v>2024</v>
      </c>
      <c r="G271" s="1" t="s">
        <v>97</v>
      </c>
      <c r="H271" s="1" t="s">
        <v>14</v>
      </c>
      <c r="I271" s="1" t="s">
        <v>15</v>
      </c>
      <c r="J271" s="9"/>
    </row>
    <row r="272" spans="1:10" x14ac:dyDescent="0.35">
      <c r="A272" s="1" t="s">
        <v>26</v>
      </c>
      <c r="B272" s="1" t="s">
        <v>73</v>
      </c>
      <c r="C272" s="1" t="s">
        <v>12</v>
      </c>
      <c r="D272" s="1" t="s">
        <v>13</v>
      </c>
      <c r="E272" s="7" t="s">
        <v>133</v>
      </c>
      <c r="F272" s="5">
        <v>2024</v>
      </c>
      <c r="G272" s="1" t="s">
        <v>97</v>
      </c>
      <c r="H272" s="1" t="s">
        <v>14</v>
      </c>
      <c r="I272" s="1" t="s">
        <v>15</v>
      </c>
      <c r="J272" s="9"/>
    </row>
    <row r="273" spans="1:10" x14ac:dyDescent="0.35">
      <c r="A273" s="1" t="s">
        <v>28</v>
      </c>
      <c r="B273" s="1" t="s">
        <v>74</v>
      </c>
      <c r="C273" s="1" t="s">
        <v>12</v>
      </c>
      <c r="D273" s="1" t="s">
        <v>13</v>
      </c>
      <c r="E273" s="7" t="s">
        <v>133</v>
      </c>
      <c r="F273" s="5">
        <v>2024</v>
      </c>
      <c r="G273" s="1" t="s">
        <v>97</v>
      </c>
      <c r="H273" s="1" t="s">
        <v>14</v>
      </c>
      <c r="I273" s="1" t="s">
        <v>15</v>
      </c>
      <c r="J273" s="9"/>
    </row>
    <row r="274" spans="1:10" x14ac:dyDescent="0.35">
      <c r="A274" s="1" t="s">
        <v>33</v>
      </c>
      <c r="B274" s="1" t="s">
        <v>75</v>
      </c>
      <c r="C274" s="1" t="s">
        <v>12</v>
      </c>
      <c r="D274" s="1" t="s">
        <v>13</v>
      </c>
      <c r="E274" s="7" t="s">
        <v>133</v>
      </c>
      <c r="F274" s="5">
        <v>2024</v>
      </c>
      <c r="G274" s="1" t="s">
        <v>97</v>
      </c>
      <c r="H274" s="1" t="s">
        <v>14</v>
      </c>
      <c r="I274" s="1" t="s">
        <v>15</v>
      </c>
      <c r="J274" s="9"/>
    </row>
    <row r="275" spans="1:10" x14ac:dyDescent="0.35">
      <c r="A275" s="1" t="s">
        <v>22</v>
      </c>
      <c r="B275" s="1" t="s">
        <v>76</v>
      </c>
      <c r="C275" s="1" t="s">
        <v>12</v>
      </c>
      <c r="D275" s="1" t="s">
        <v>13</v>
      </c>
      <c r="E275" s="7" t="s">
        <v>133</v>
      </c>
      <c r="F275" s="5">
        <v>2024</v>
      </c>
      <c r="G275" s="1" t="s">
        <v>97</v>
      </c>
      <c r="H275" s="1" t="s">
        <v>14</v>
      </c>
      <c r="I275" s="1" t="s">
        <v>15</v>
      </c>
      <c r="J275" s="9">
        <v>4.8</v>
      </c>
    </row>
    <row r="276" spans="1:10" x14ac:dyDescent="0.35">
      <c r="A276" s="1" t="s">
        <v>33</v>
      </c>
      <c r="B276" s="1" t="s">
        <v>77</v>
      </c>
      <c r="C276" s="1" t="s">
        <v>12</v>
      </c>
      <c r="D276" s="1" t="s">
        <v>13</v>
      </c>
      <c r="E276" s="7" t="s">
        <v>133</v>
      </c>
      <c r="F276" s="5">
        <v>2024</v>
      </c>
      <c r="G276" s="1" t="s">
        <v>97</v>
      </c>
      <c r="H276" s="1" t="s">
        <v>14</v>
      </c>
      <c r="I276" s="1" t="s">
        <v>15</v>
      </c>
      <c r="J276" s="9"/>
    </row>
    <row r="277" spans="1:10" x14ac:dyDescent="0.35">
      <c r="A277" s="1" t="s">
        <v>22</v>
      </c>
      <c r="B277" s="1" t="s">
        <v>78</v>
      </c>
      <c r="C277" s="1" t="s">
        <v>12</v>
      </c>
      <c r="D277" s="1" t="s">
        <v>13</v>
      </c>
      <c r="E277" s="7" t="s">
        <v>133</v>
      </c>
      <c r="F277" s="5">
        <v>2024</v>
      </c>
      <c r="G277" s="1" t="s">
        <v>97</v>
      </c>
      <c r="H277" s="1" t="s">
        <v>14</v>
      </c>
      <c r="I277" s="1" t="s">
        <v>15</v>
      </c>
      <c r="J277" s="9"/>
    </row>
    <row r="278" spans="1:10" x14ac:dyDescent="0.35">
      <c r="A278" s="1" t="s">
        <v>28</v>
      </c>
      <c r="B278" s="1" t="s">
        <v>79</v>
      </c>
      <c r="C278" s="1" t="s">
        <v>12</v>
      </c>
      <c r="D278" s="1" t="s">
        <v>13</v>
      </c>
      <c r="E278" s="7" t="s">
        <v>133</v>
      </c>
      <c r="F278" s="5">
        <v>2024</v>
      </c>
      <c r="G278" s="1" t="s">
        <v>97</v>
      </c>
      <c r="H278" s="1" t="s">
        <v>14</v>
      </c>
      <c r="I278" s="1" t="s">
        <v>15</v>
      </c>
      <c r="J278" s="9"/>
    </row>
    <row r="279" spans="1:10" x14ac:dyDescent="0.35">
      <c r="A279" s="1" t="s">
        <v>26</v>
      </c>
      <c r="B279" s="1" t="s">
        <v>80</v>
      </c>
      <c r="C279" s="1" t="s">
        <v>12</v>
      </c>
      <c r="D279" s="1" t="s">
        <v>13</v>
      </c>
      <c r="E279" s="7" t="s">
        <v>133</v>
      </c>
      <c r="F279" s="5">
        <v>2024</v>
      </c>
      <c r="G279" s="1" t="s">
        <v>97</v>
      </c>
      <c r="H279" s="1" t="s">
        <v>14</v>
      </c>
      <c r="I279" s="1" t="s">
        <v>15</v>
      </c>
      <c r="J279" s="9"/>
    </row>
    <row r="280" spans="1:10" x14ac:dyDescent="0.35">
      <c r="A280" s="1" t="s">
        <v>20</v>
      </c>
      <c r="B280" s="1" t="s">
        <v>81</v>
      </c>
      <c r="C280" s="1" t="s">
        <v>12</v>
      </c>
      <c r="D280" s="1" t="s">
        <v>13</v>
      </c>
      <c r="E280" s="7" t="s">
        <v>133</v>
      </c>
      <c r="F280" s="5">
        <v>2024</v>
      </c>
      <c r="G280" s="1" t="s">
        <v>97</v>
      </c>
      <c r="H280" s="1" t="s">
        <v>14</v>
      </c>
      <c r="I280" s="1" t="s">
        <v>15</v>
      </c>
      <c r="J280" s="9"/>
    </row>
    <row r="281" spans="1:10" x14ac:dyDescent="0.35">
      <c r="A281" s="1" t="s">
        <v>33</v>
      </c>
      <c r="B281" s="1" t="s">
        <v>82</v>
      </c>
      <c r="C281" s="1" t="s">
        <v>12</v>
      </c>
      <c r="D281" s="1" t="s">
        <v>13</v>
      </c>
      <c r="E281" s="7" t="s">
        <v>133</v>
      </c>
      <c r="F281" s="5">
        <v>2024</v>
      </c>
      <c r="G281" s="1" t="s">
        <v>97</v>
      </c>
      <c r="H281" s="1" t="s">
        <v>14</v>
      </c>
      <c r="I281" s="1" t="s">
        <v>15</v>
      </c>
      <c r="J281" s="9"/>
    </row>
    <row r="282" spans="1:10" x14ac:dyDescent="0.35">
      <c r="A282" s="1" t="s">
        <v>26</v>
      </c>
      <c r="B282" s="1" t="s">
        <v>83</v>
      </c>
      <c r="C282" s="1" t="s">
        <v>12</v>
      </c>
      <c r="D282" s="1" t="s">
        <v>13</v>
      </c>
      <c r="E282" s="7" t="s">
        <v>133</v>
      </c>
      <c r="F282" s="5">
        <v>2024</v>
      </c>
      <c r="G282" s="1" t="s">
        <v>97</v>
      </c>
      <c r="H282" s="1" t="s">
        <v>14</v>
      </c>
      <c r="I282" s="1" t="s">
        <v>15</v>
      </c>
      <c r="J282" s="9"/>
    </row>
    <row r="283" spans="1:10" x14ac:dyDescent="0.35">
      <c r="A283" s="1" t="s">
        <v>35</v>
      </c>
      <c r="B283" s="1" t="s">
        <v>84</v>
      </c>
      <c r="C283" s="1" t="s">
        <v>12</v>
      </c>
      <c r="D283" s="1" t="s">
        <v>13</v>
      </c>
      <c r="E283" s="7" t="s">
        <v>133</v>
      </c>
      <c r="F283" s="5">
        <v>2024</v>
      </c>
      <c r="G283" s="1" t="s">
        <v>97</v>
      </c>
      <c r="H283" s="1" t="s">
        <v>14</v>
      </c>
      <c r="I283" s="1" t="s">
        <v>15</v>
      </c>
      <c r="J283" s="9"/>
    </row>
    <row r="284" spans="1:10" x14ac:dyDescent="0.35">
      <c r="A284" s="1" t="s">
        <v>33</v>
      </c>
      <c r="B284" s="1" t="s">
        <v>85</v>
      </c>
      <c r="C284" s="1" t="s">
        <v>12</v>
      </c>
      <c r="D284" s="1" t="s">
        <v>13</v>
      </c>
      <c r="E284" s="7" t="s">
        <v>133</v>
      </c>
      <c r="F284" s="5">
        <v>2024</v>
      </c>
      <c r="G284" s="1" t="s">
        <v>97</v>
      </c>
      <c r="H284" s="1" t="s">
        <v>14</v>
      </c>
      <c r="I284" s="1" t="s">
        <v>15</v>
      </c>
      <c r="J284" s="9"/>
    </row>
    <row r="285" spans="1:10" x14ac:dyDescent="0.35">
      <c r="A285" s="1" t="s">
        <v>33</v>
      </c>
      <c r="B285" s="1" t="s">
        <v>86</v>
      </c>
      <c r="C285" s="1" t="s">
        <v>12</v>
      </c>
      <c r="D285" s="1" t="s">
        <v>13</v>
      </c>
      <c r="E285" s="7" t="s">
        <v>133</v>
      </c>
      <c r="F285" s="5">
        <v>2024</v>
      </c>
      <c r="G285" s="1" t="s">
        <v>97</v>
      </c>
      <c r="H285" s="1" t="s">
        <v>14</v>
      </c>
      <c r="I285" s="1" t="s">
        <v>15</v>
      </c>
      <c r="J285" s="9"/>
    </row>
    <row r="286" spans="1:10" x14ac:dyDescent="0.35">
      <c r="A286" s="1" t="s">
        <v>35</v>
      </c>
      <c r="B286" s="1" t="s">
        <v>87</v>
      </c>
      <c r="C286" s="1" t="s">
        <v>12</v>
      </c>
      <c r="D286" s="1" t="s">
        <v>13</v>
      </c>
      <c r="E286" s="7" t="s">
        <v>133</v>
      </c>
      <c r="F286" s="5">
        <v>2024</v>
      </c>
      <c r="G286" s="1" t="s">
        <v>97</v>
      </c>
      <c r="H286" s="1" t="s">
        <v>14</v>
      </c>
      <c r="I286" s="1" t="s">
        <v>15</v>
      </c>
      <c r="J286" s="9"/>
    </row>
    <row r="287" spans="1:10" x14ac:dyDescent="0.35">
      <c r="A287" s="1" t="s">
        <v>35</v>
      </c>
      <c r="B287" s="1" t="s">
        <v>88</v>
      </c>
      <c r="C287" s="1" t="s">
        <v>12</v>
      </c>
      <c r="D287" s="1" t="s">
        <v>13</v>
      </c>
      <c r="E287" s="7" t="s">
        <v>133</v>
      </c>
      <c r="F287" s="5">
        <v>2024</v>
      </c>
      <c r="G287" s="1" t="s">
        <v>97</v>
      </c>
      <c r="H287" s="1" t="s">
        <v>14</v>
      </c>
      <c r="I287" s="1" t="s">
        <v>15</v>
      </c>
      <c r="J287" s="9"/>
    </row>
    <row r="288" spans="1:10" x14ac:dyDescent="0.35">
      <c r="A288" s="1" t="s">
        <v>62</v>
      </c>
      <c r="B288" s="1" t="s">
        <v>89</v>
      </c>
      <c r="C288" s="1" t="s">
        <v>12</v>
      </c>
      <c r="D288" s="1" t="s">
        <v>13</v>
      </c>
      <c r="E288" s="7" t="s">
        <v>133</v>
      </c>
      <c r="F288" s="5">
        <v>2024</v>
      </c>
      <c r="G288" s="1" t="s">
        <v>97</v>
      </c>
      <c r="H288" s="1" t="s">
        <v>14</v>
      </c>
      <c r="I288" s="1" t="s">
        <v>15</v>
      </c>
      <c r="J288" s="9"/>
    </row>
    <row r="289" spans="1:10" x14ac:dyDescent="0.35">
      <c r="A289" s="1" t="s">
        <v>26</v>
      </c>
      <c r="B289" s="1" t="s">
        <v>90</v>
      </c>
      <c r="C289" s="1" t="s">
        <v>12</v>
      </c>
      <c r="D289" s="1" t="s">
        <v>13</v>
      </c>
      <c r="E289" s="7" t="s">
        <v>133</v>
      </c>
      <c r="F289" s="5">
        <v>2024</v>
      </c>
      <c r="G289" s="1" t="s">
        <v>97</v>
      </c>
      <c r="H289" s="1" t="s">
        <v>14</v>
      </c>
      <c r="I289" s="1" t="s">
        <v>15</v>
      </c>
      <c r="J289" s="9"/>
    </row>
    <row r="290" spans="1:10" x14ac:dyDescent="0.35">
      <c r="A290" s="1" t="s">
        <v>26</v>
      </c>
      <c r="B290" s="1" t="s">
        <v>91</v>
      </c>
      <c r="C290" s="1" t="s">
        <v>12</v>
      </c>
      <c r="D290" s="1" t="s">
        <v>13</v>
      </c>
      <c r="E290" s="7" t="s">
        <v>133</v>
      </c>
      <c r="F290" s="5">
        <v>2024</v>
      </c>
      <c r="G290" s="1" t="s">
        <v>97</v>
      </c>
      <c r="H290" s="1" t="s">
        <v>14</v>
      </c>
      <c r="I290" s="1" t="s">
        <v>15</v>
      </c>
      <c r="J290" s="9"/>
    </row>
    <row r="291" spans="1:10" x14ac:dyDescent="0.35">
      <c r="A291" s="1" t="s">
        <v>33</v>
      </c>
      <c r="B291" s="1" t="s">
        <v>92</v>
      </c>
      <c r="C291" s="1" t="s">
        <v>12</v>
      </c>
      <c r="D291" s="1" t="s">
        <v>13</v>
      </c>
      <c r="E291" s="7" t="s">
        <v>133</v>
      </c>
      <c r="F291" s="5">
        <v>2024</v>
      </c>
      <c r="G291" s="1" t="s">
        <v>97</v>
      </c>
      <c r="H291" s="1" t="s">
        <v>14</v>
      </c>
      <c r="I291" s="1" t="s">
        <v>15</v>
      </c>
      <c r="J291" s="9">
        <v>5.2</v>
      </c>
    </row>
    <row r="292" spans="1:10" x14ac:dyDescent="0.35">
      <c r="A292" s="1" t="s">
        <v>35</v>
      </c>
      <c r="B292" s="1" t="s">
        <v>93</v>
      </c>
      <c r="C292" s="1" t="s">
        <v>12</v>
      </c>
      <c r="D292" s="1" t="s">
        <v>13</v>
      </c>
      <c r="E292" s="7" t="s">
        <v>133</v>
      </c>
      <c r="F292" s="5">
        <v>2024</v>
      </c>
      <c r="G292" s="1" t="s">
        <v>97</v>
      </c>
      <c r="H292" s="1" t="s">
        <v>14</v>
      </c>
      <c r="I292" s="1" t="s">
        <v>15</v>
      </c>
      <c r="J292" s="9">
        <v>3.7</v>
      </c>
    </row>
    <row r="293" spans="1:10" x14ac:dyDescent="0.35">
      <c r="A293" s="1" t="s">
        <v>20</v>
      </c>
      <c r="B293" s="1" t="s">
        <v>94</v>
      </c>
      <c r="C293" s="1" t="s">
        <v>12</v>
      </c>
      <c r="D293" s="1" t="s">
        <v>13</v>
      </c>
      <c r="E293" s="7" t="s">
        <v>133</v>
      </c>
      <c r="F293" s="5">
        <v>2024</v>
      </c>
      <c r="G293" s="1" t="s">
        <v>97</v>
      </c>
      <c r="H293" s="1" t="s">
        <v>14</v>
      </c>
      <c r="I293" s="1" t="s">
        <v>15</v>
      </c>
      <c r="J293" s="9"/>
    </row>
    <row r="294" spans="1:10" x14ac:dyDescent="0.35">
      <c r="A294" s="1" t="s">
        <v>10</v>
      </c>
      <c r="B294" s="1" t="s">
        <v>11</v>
      </c>
      <c r="C294" s="1" t="s">
        <v>12</v>
      </c>
      <c r="D294" s="1" t="s">
        <v>13</v>
      </c>
      <c r="E294" s="7" t="s">
        <v>133</v>
      </c>
      <c r="F294" s="5">
        <v>2024</v>
      </c>
      <c r="G294" s="1" t="s">
        <v>98</v>
      </c>
      <c r="H294" s="1" t="s">
        <v>14</v>
      </c>
      <c r="I294" s="1" t="s">
        <v>15</v>
      </c>
      <c r="J294" s="9"/>
    </row>
    <row r="295" spans="1:10" x14ac:dyDescent="0.35">
      <c r="A295" s="1" t="s">
        <v>10</v>
      </c>
      <c r="B295" s="1" t="s">
        <v>16</v>
      </c>
      <c r="C295" s="1" t="s">
        <v>12</v>
      </c>
      <c r="D295" s="1" t="s">
        <v>13</v>
      </c>
      <c r="E295" s="7" t="s">
        <v>133</v>
      </c>
      <c r="F295" s="5">
        <v>2024</v>
      </c>
      <c r="G295" s="1" t="s">
        <v>98</v>
      </c>
      <c r="H295" s="1" t="s">
        <v>14</v>
      </c>
      <c r="I295" s="1" t="s">
        <v>15</v>
      </c>
      <c r="J295" s="9">
        <v>7.2</v>
      </c>
    </row>
    <row r="296" spans="1:10" x14ac:dyDescent="0.35">
      <c r="A296" s="1" t="s">
        <v>10</v>
      </c>
      <c r="B296" s="1" t="s">
        <v>17</v>
      </c>
      <c r="C296" s="1" t="s">
        <v>12</v>
      </c>
      <c r="D296" s="1" t="s">
        <v>13</v>
      </c>
      <c r="E296" s="7" t="s">
        <v>133</v>
      </c>
      <c r="F296" s="5">
        <v>2024</v>
      </c>
      <c r="G296" s="1" t="s">
        <v>98</v>
      </c>
      <c r="H296" s="1" t="s">
        <v>14</v>
      </c>
      <c r="I296" s="1" t="s">
        <v>15</v>
      </c>
      <c r="J296" s="9"/>
    </row>
    <row r="297" spans="1:10" x14ac:dyDescent="0.35">
      <c r="A297" s="1" t="s">
        <v>10</v>
      </c>
      <c r="B297" s="1" t="s">
        <v>18</v>
      </c>
      <c r="C297" s="1" t="s">
        <v>12</v>
      </c>
      <c r="D297" s="1" t="s">
        <v>13</v>
      </c>
      <c r="E297" s="7" t="s">
        <v>133</v>
      </c>
      <c r="F297" s="5">
        <v>2024</v>
      </c>
      <c r="G297" s="1" t="s">
        <v>98</v>
      </c>
      <c r="H297" s="1" t="s">
        <v>14</v>
      </c>
      <c r="I297" s="1" t="s">
        <v>15</v>
      </c>
      <c r="J297" s="9"/>
    </row>
    <row r="298" spans="1:10" x14ac:dyDescent="0.35">
      <c r="A298" s="1" t="s">
        <v>10</v>
      </c>
      <c r="B298" s="1" t="s">
        <v>19</v>
      </c>
      <c r="C298" s="1" t="s">
        <v>12</v>
      </c>
      <c r="D298" s="1" t="s">
        <v>13</v>
      </c>
      <c r="E298" s="7" t="s">
        <v>133</v>
      </c>
      <c r="F298" s="5">
        <v>2024</v>
      </c>
      <c r="G298" s="1" t="s">
        <v>98</v>
      </c>
      <c r="H298" s="1" t="s">
        <v>14</v>
      </c>
      <c r="I298" s="1" t="s">
        <v>15</v>
      </c>
      <c r="J298" s="9"/>
    </row>
    <row r="299" spans="1:10" x14ac:dyDescent="0.35">
      <c r="A299" s="1" t="s">
        <v>20</v>
      </c>
      <c r="B299" s="1" t="s">
        <v>21</v>
      </c>
      <c r="C299" s="1" t="s">
        <v>12</v>
      </c>
      <c r="D299" s="1" t="s">
        <v>13</v>
      </c>
      <c r="E299" s="7" t="s">
        <v>133</v>
      </c>
      <c r="F299" s="5">
        <v>2024</v>
      </c>
      <c r="G299" s="1" t="s">
        <v>98</v>
      </c>
      <c r="H299" s="1" t="s">
        <v>14</v>
      </c>
      <c r="I299" s="1" t="s">
        <v>15</v>
      </c>
      <c r="J299" s="9"/>
    </row>
    <row r="300" spans="1:10" x14ac:dyDescent="0.35">
      <c r="A300" s="1" t="s">
        <v>22</v>
      </c>
      <c r="B300" s="1" t="s">
        <v>23</v>
      </c>
      <c r="C300" s="1" t="s">
        <v>12</v>
      </c>
      <c r="D300" s="1" t="s">
        <v>13</v>
      </c>
      <c r="E300" s="7" t="s">
        <v>133</v>
      </c>
      <c r="F300" s="5">
        <v>2024</v>
      </c>
      <c r="G300" s="1" t="s">
        <v>98</v>
      </c>
      <c r="H300" s="1" t="s">
        <v>14</v>
      </c>
      <c r="I300" s="1" t="s">
        <v>15</v>
      </c>
      <c r="J300" s="9"/>
    </row>
    <row r="301" spans="1:10" x14ac:dyDescent="0.35">
      <c r="A301" s="1" t="s">
        <v>10</v>
      </c>
      <c r="B301" s="1" t="s">
        <v>24</v>
      </c>
      <c r="C301" s="1" t="s">
        <v>12</v>
      </c>
      <c r="D301" s="1" t="s">
        <v>13</v>
      </c>
      <c r="E301" s="7" t="s">
        <v>133</v>
      </c>
      <c r="F301" s="5">
        <v>2024</v>
      </c>
      <c r="G301" s="1" t="s">
        <v>98</v>
      </c>
      <c r="H301" s="1" t="s">
        <v>14</v>
      </c>
      <c r="I301" s="1" t="s">
        <v>15</v>
      </c>
      <c r="J301" s="9"/>
    </row>
    <row r="302" spans="1:10" x14ac:dyDescent="0.35">
      <c r="A302" s="1" t="s">
        <v>10</v>
      </c>
      <c r="B302" s="1" t="s">
        <v>25</v>
      </c>
      <c r="C302" s="1" t="s">
        <v>12</v>
      </c>
      <c r="D302" s="1" t="s">
        <v>13</v>
      </c>
      <c r="E302" s="7" t="s">
        <v>133</v>
      </c>
      <c r="F302" s="5">
        <v>2024</v>
      </c>
      <c r="G302" s="1" t="s">
        <v>98</v>
      </c>
      <c r="H302" s="1" t="s">
        <v>14</v>
      </c>
      <c r="I302" s="1" t="s">
        <v>15</v>
      </c>
      <c r="J302" s="9"/>
    </row>
    <row r="303" spans="1:10" x14ac:dyDescent="0.35">
      <c r="A303" s="1" t="s">
        <v>26</v>
      </c>
      <c r="B303" s="1" t="s">
        <v>27</v>
      </c>
      <c r="C303" s="1" t="s">
        <v>12</v>
      </c>
      <c r="D303" s="1" t="s">
        <v>13</v>
      </c>
      <c r="E303" s="7" t="s">
        <v>133</v>
      </c>
      <c r="F303" s="5">
        <v>2024</v>
      </c>
      <c r="G303" s="1" t="s">
        <v>98</v>
      </c>
      <c r="H303" s="1" t="s">
        <v>14</v>
      </c>
      <c r="I303" s="1" t="s">
        <v>15</v>
      </c>
      <c r="J303" s="9"/>
    </row>
    <row r="304" spans="1:10" x14ac:dyDescent="0.35">
      <c r="A304" s="1" t="s">
        <v>28</v>
      </c>
      <c r="B304" s="1" t="s">
        <v>29</v>
      </c>
      <c r="C304" s="1" t="s">
        <v>12</v>
      </c>
      <c r="D304" s="1" t="s">
        <v>13</v>
      </c>
      <c r="E304" s="7" t="s">
        <v>133</v>
      </c>
      <c r="F304" s="5">
        <v>2024</v>
      </c>
      <c r="G304" s="1" t="s">
        <v>98</v>
      </c>
      <c r="H304" s="1" t="s">
        <v>14</v>
      </c>
      <c r="I304" s="1" t="s">
        <v>15</v>
      </c>
      <c r="J304" s="9"/>
    </row>
    <row r="305" spans="1:10" x14ac:dyDescent="0.35">
      <c r="A305" s="1" t="s">
        <v>10</v>
      </c>
      <c r="B305" s="1" t="s">
        <v>30</v>
      </c>
      <c r="C305" s="1" t="s">
        <v>12</v>
      </c>
      <c r="D305" s="1" t="s">
        <v>13</v>
      </c>
      <c r="E305" s="7" t="s">
        <v>133</v>
      </c>
      <c r="F305" s="5">
        <v>2024</v>
      </c>
      <c r="G305" s="1" t="s">
        <v>98</v>
      </c>
      <c r="H305" s="1" t="s">
        <v>14</v>
      </c>
      <c r="I305" s="1" t="s">
        <v>15</v>
      </c>
      <c r="J305" s="9"/>
    </row>
    <row r="306" spans="1:10" x14ac:dyDescent="0.35">
      <c r="A306" s="1" t="s">
        <v>26</v>
      </c>
      <c r="B306" s="1" t="s">
        <v>31</v>
      </c>
      <c r="C306" s="1" t="s">
        <v>12</v>
      </c>
      <c r="D306" s="1" t="s">
        <v>13</v>
      </c>
      <c r="E306" s="7" t="s">
        <v>133</v>
      </c>
      <c r="F306" s="5">
        <v>2024</v>
      </c>
      <c r="G306" s="1" t="s">
        <v>98</v>
      </c>
      <c r="H306" s="1" t="s">
        <v>14</v>
      </c>
      <c r="I306" s="1" t="s">
        <v>15</v>
      </c>
      <c r="J306" s="9"/>
    </row>
    <row r="307" spans="1:10" x14ac:dyDescent="0.35">
      <c r="A307" s="1" t="s">
        <v>28</v>
      </c>
      <c r="B307" s="1" t="s">
        <v>32</v>
      </c>
      <c r="C307" s="1" t="s">
        <v>12</v>
      </c>
      <c r="D307" s="1" t="s">
        <v>13</v>
      </c>
      <c r="E307" s="7" t="s">
        <v>133</v>
      </c>
      <c r="F307" s="5">
        <v>2024</v>
      </c>
      <c r="G307" s="1" t="s">
        <v>98</v>
      </c>
      <c r="H307" s="1" t="s">
        <v>14</v>
      </c>
      <c r="I307" s="1" t="s">
        <v>15</v>
      </c>
      <c r="J307" s="9"/>
    </row>
    <row r="308" spans="1:10" x14ac:dyDescent="0.35">
      <c r="A308" s="1" t="s">
        <v>33</v>
      </c>
      <c r="B308" s="1" t="s">
        <v>34</v>
      </c>
      <c r="C308" s="1" t="s">
        <v>12</v>
      </c>
      <c r="D308" s="1" t="s">
        <v>13</v>
      </c>
      <c r="E308" s="7" t="s">
        <v>133</v>
      </c>
      <c r="F308" s="5">
        <v>2024</v>
      </c>
      <c r="G308" s="1" t="s">
        <v>98</v>
      </c>
      <c r="H308" s="1" t="s">
        <v>14</v>
      </c>
      <c r="I308" s="1" t="s">
        <v>15</v>
      </c>
      <c r="J308" s="9">
        <v>3.4</v>
      </c>
    </row>
    <row r="309" spans="1:10" x14ac:dyDescent="0.35">
      <c r="A309" s="1" t="s">
        <v>35</v>
      </c>
      <c r="B309" s="1" t="s">
        <v>36</v>
      </c>
      <c r="C309" s="1" t="s">
        <v>12</v>
      </c>
      <c r="D309" s="1" t="s">
        <v>13</v>
      </c>
      <c r="E309" s="7" t="s">
        <v>133</v>
      </c>
      <c r="F309" s="5">
        <v>2024</v>
      </c>
      <c r="G309" s="1" t="s">
        <v>98</v>
      </c>
      <c r="H309" s="1" t="s">
        <v>14</v>
      </c>
      <c r="I309" s="1" t="s">
        <v>15</v>
      </c>
      <c r="J309" s="9"/>
    </row>
    <row r="310" spans="1:10" x14ac:dyDescent="0.35">
      <c r="A310" s="1" t="s">
        <v>28</v>
      </c>
      <c r="B310" s="1" t="s">
        <v>37</v>
      </c>
      <c r="C310" s="1" t="s">
        <v>12</v>
      </c>
      <c r="D310" s="1" t="s">
        <v>13</v>
      </c>
      <c r="E310" s="7" t="s">
        <v>133</v>
      </c>
      <c r="F310" s="5">
        <v>2024</v>
      </c>
      <c r="G310" s="1" t="s">
        <v>98</v>
      </c>
      <c r="H310" s="1" t="s">
        <v>14</v>
      </c>
      <c r="I310" s="1" t="s">
        <v>15</v>
      </c>
      <c r="J310" s="9"/>
    </row>
    <row r="311" spans="1:10" x14ac:dyDescent="0.35">
      <c r="A311" s="1" t="s">
        <v>20</v>
      </c>
      <c r="B311" s="1" t="s">
        <v>38</v>
      </c>
      <c r="C311" s="1" t="s">
        <v>12</v>
      </c>
      <c r="D311" s="1" t="s">
        <v>13</v>
      </c>
      <c r="E311" s="7" t="s">
        <v>133</v>
      </c>
      <c r="F311" s="5">
        <v>2024</v>
      </c>
      <c r="G311" s="1" t="s">
        <v>98</v>
      </c>
      <c r="H311" s="1" t="s">
        <v>14</v>
      </c>
      <c r="I311" s="1" t="s">
        <v>15</v>
      </c>
      <c r="J311" s="9"/>
    </row>
    <row r="312" spans="1:10" x14ac:dyDescent="0.35">
      <c r="A312" s="1" t="s">
        <v>33</v>
      </c>
      <c r="B312" s="1" t="s">
        <v>39</v>
      </c>
      <c r="C312" s="1" t="s">
        <v>12</v>
      </c>
      <c r="D312" s="1" t="s">
        <v>13</v>
      </c>
      <c r="E312" s="7" t="s">
        <v>133</v>
      </c>
      <c r="F312" s="5">
        <v>2024</v>
      </c>
      <c r="G312" s="1" t="s">
        <v>98</v>
      </c>
      <c r="H312" s="1" t="s">
        <v>14</v>
      </c>
      <c r="I312" s="1" t="s">
        <v>15</v>
      </c>
      <c r="J312" s="9">
        <v>6.7</v>
      </c>
    </row>
    <row r="313" spans="1:10" x14ac:dyDescent="0.35">
      <c r="A313" s="1" t="s">
        <v>20</v>
      </c>
      <c r="B313" s="1" t="s">
        <v>40</v>
      </c>
      <c r="C313" s="1" t="s">
        <v>12</v>
      </c>
      <c r="D313" s="1" t="s">
        <v>13</v>
      </c>
      <c r="E313" s="7" t="s">
        <v>133</v>
      </c>
      <c r="F313" s="5">
        <v>2024</v>
      </c>
      <c r="G313" s="1" t="s">
        <v>98</v>
      </c>
      <c r="H313" s="1" t="s">
        <v>14</v>
      </c>
      <c r="I313" s="1" t="s">
        <v>15</v>
      </c>
      <c r="J313" s="9"/>
    </row>
    <row r="314" spans="1:10" x14ac:dyDescent="0.35">
      <c r="A314" s="1" t="s">
        <v>35</v>
      </c>
      <c r="B314" s="1" t="s">
        <v>41</v>
      </c>
      <c r="C314" s="1" t="s">
        <v>12</v>
      </c>
      <c r="D314" s="1" t="s">
        <v>13</v>
      </c>
      <c r="E314" s="7" t="s">
        <v>133</v>
      </c>
      <c r="F314" s="5">
        <v>2024</v>
      </c>
      <c r="G314" s="1" t="s">
        <v>98</v>
      </c>
      <c r="H314" s="1" t="s">
        <v>14</v>
      </c>
      <c r="I314" s="1" t="s">
        <v>15</v>
      </c>
      <c r="J314" s="9"/>
    </row>
    <row r="315" spans="1:10" x14ac:dyDescent="0.35">
      <c r="A315" s="1" t="s">
        <v>35</v>
      </c>
      <c r="B315" s="1" t="s">
        <v>42</v>
      </c>
      <c r="C315" s="1" t="s">
        <v>12</v>
      </c>
      <c r="D315" s="1" t="s">
        <v>13</v>
      </c>
      <c r="E315" s="7" t="s">
        <v>133</v>
      </c>
      <c r="F315" s="5">
        <v>2024</v>
      </c>
      <c r="G315" s="1" t="s">
        <v>98</v>
      </c>
      <c r="H315" s="1" t="s">
        <v>14</v>
      </c>
      <c r="I315" s="1" t="s">
        <v>15</v>
      </c>
      <c r="J315" s="9"/>
    </row>
    <row r="316" spans="1:10" x14ac:dyDescent="0.35">
      <c r="A316" s="1" t="s">
        <v>35</v>
      </c>
      <c r="B316" s="1" t="s">
        <v>43</v>
      </c>
      <c r="C316" s="1" t="s">
        <v>12</v>
      </c>
      <c r="D316" s="1" t="s">
        <v>13</v>
      </c>
      <c r="E316" s="7" t="s">
        <v>133</v>
      </c>
      <c r="F316" s="5">
        <v>2024</v>
      </c>
      <c r="G316" s="1" t="s">
        <v>98</v>
      </c>
      <c r="H316" s="1" t="s">
        <v>14</v>
      </c>
      <c r="I316" s="1" t="s">
        <v>15</v>
      </c>
      <c r="J316" s="9"/>
    </row>
    <row r="317" spans="1:10" x14ac:dyDescent="0.35">
      <c r="A317" s="1" t="s">
        <v>28</v>
      </c>
      <c r="B317" s="1" t="s">
        <v>44</v>
      </c>
      <c r="C317" s="1" t="s">
        <v>12</v>
      </c>
      <c r="D317" s="1" t="s">
        <v>13</v>
      </c>
      <c r="E317" s="7" t="s">
        <v>133</v>
      </c>
      <c r="F317" s="5">
        <v>2024</v>
      </c>
      <c r="G317" s="1" t="s">
        <v>98</v>
      </c>
      <c r="H317" s="1" t="s">
        <v>14</v>
      </c>
      <c r="I317" s="1" t="s">
        <v>15</v>
      </c>
      <c r="J317" s="9"/>
    </row>
    <row r="318" spans="1:10" x14ac:dyDescent="0.35">
      <c r="A318" s="1" t="s">
        <v>10</v>
      </c>
      <c r="B318" s="1" t="s">
        <v>45</v>
      </c>
      <c r="C318" s="1" t="s">
        <v>12</v>
      </c>
      <c r="D318" s="1" t="s">
        <v>13</v>
      </c>
      <c r="E318" s="7" t="s">
        <v>133</v>
      </c>
      <c r="F318" s="5">
        <v>2024</v>
      </c>
      <c r="G318" s="1" t="s">
        <v>98</v>
      </c>
      <c r="H318" s="1" t="s">
        <v>14</v>
      </c>
      <c r="I318" s="1" t="s">
        <v>15</v>
      </c>
      <c r="J318" s="9">
        <v>13.1</v>
      </c>
    </row>
    <row r="319" spans="1:10" x14ac:dyDescent="0.35">
      <c r="A319" s="1" t="s">
        <v>10</v>
      </c>
      <c r="B319" s="1" t="s">
        <v>46</v>
      </c>
      <c r="C319" s="1" t="s">
        <v>12</v>
      </c>
      <c r="D319" s="1" t="s">
        <v>13</v>
      </c>
      <c r="E319" s="7" t="s">
        <v>133</v>
      </c>
      <c r="F319" s="5">
        <v>2024</v>
      </c>
      <c r="G319" s="1" t="s">
        <v>98</v>
      </c>
      <c r="H319" s="1" t="s">
        <v>14</v>
      </c>
      <c r="I319" s="1" t="s">
        <v>15</v>
      </c>
      <c r="J319" s="9">
        <v>10.1</v>
      </c>
    </row>
    <row r="320" spans="1:10" x14ac:dyDescent="0.35">
      <c r="A320" s="1" t="s">
        <v>33</v>
      </c>
      <c r="B320" s="1" t="s">
        <v>47</v>
      </c>
      <c r="C320" s="1" t="s">
        <v>12</v>
      </c>
      <c r="D320" s="1" t="s">
        <v>13</v>
      </c>
      <c r="E320" s="7" t="s">
        <v>133</v>
      </c>
      <c r="F320" s="5">
        <v>2024</v>
      </c>
      <c r="G320" s="1" t="s">
        <v>98</v>
      </c>
      <c r="H320" s="1" t="s">
        <v>14</v>
      </c>
      <c r="I320" s="1" t="s">
        <v>15</v>
      </c>
      <c r="J320" s="9"/>
    </row>
    <row r="321" spans="1:10" x14ac:dyDescent="0.35">
      <c r="A321" s="1" t="s">
        <v>20</v>
      </c>
      <c r="B321" s="1" t="s">
        <v>48</v>
      </c>
      <c r="C321" s="1" t="s">
        <v>12</v>
      </c>
      <c r="D321" s="1" t="s">
        <v>13</v>
      </c>
      <c r="E321" s="7" t="s">
        <v>133</v>
      </c>
      <c r="F321" s="5">
        <v>2024</v>
      </c>
      <c r="G321" s="1" t="s">
        <v>98</v>
      </c>
      <c r="H321" s="1" t="s">
        <v>14</v>
      </c>
      <c r="I321" s="1" t="s">
        <v>15</v>
      </c>
      <c r="J321" s="9"/>
    </row>
    <row r="322" spans="1:10" x14ac:dyDescent="0.35">
      <c r="A322" s="1" t="s">
        <v>28</v>
      </c>
      <c r="B322" s="1" t="s">
        <v>49</v>
      </c>
      <c r="C322" s="1" t="s">
        <v>12</v>
      </c>
      <c r="D322" s="1" t="s">
        <v>13</v>
      </c>
      <c r="E322" s="7" t="s">
        <v>133</v>
      </c>
      <c r="F322" s="5">
        <v>2024</v>
      </c>
      <c r="G322" s="1" t="s">
        <v>98</v>
      </c>
      <c r="H322" s="1" t="s">
        <v>14</v>
      </c>
      <c r="I322" s="1" t="s">
        <v>15</v>
      </c>
      <c r="J322" s="9">
        <v>4.0999999999999996</v>
      </c>
    </row>
    <row r="323" spans="1:10" x14ac:dyDescent="0.35">
      <c r="A323" s="1" t="s">
        <v>35</v>
      </c>
      <c r="B323" s="1" t="s">
        <v>50</v>
      </c>
      <c r="C323" s="1" t="s">
        <v>12</v>
      </c>
      <c r="D323" s="1" t="s">
        <v>13</v>
      </c>
      <c r="E323" s="7" t="s">
        <v>133</v>
      </c>
      <c r="F323" s="5">
        <v>2024</v>
      </c>
      <c r="G323" s="1" t="s">
        <v>98</v>
      </c>
      <c r="H323" s="1" t="s">
        <v>14</v>
      </c>
      <c r="I323" s="1" t="s">
        <v>15</v>
      </c>
      <c r="J323" s="9"/>
    </row>
    <row r="324" spans="1:10" x14ac:dyDescent="0.35">
      <c r="A324" s="1" t="s">
        <v>22</v>
      </c>
      <c r="B324" s="1" t="s">
        <v>51</v>
      </c>
      <c r="C324" s="1" t="s">
        <v>12</v>
      </c>
      <c r="D324" s="1" t="s">
        <v>13</v>
      </c>
      <c r="E324" s="7" t="s">
        <v>133</v>
      </c>
      <c r="F324" s="5">
        <v>2024</v>
      </c>
      <c r="G324" s="1" t="s">
        <v>98</v>
      </c>
      <c r="H324" s="1" t="s">
        <v>14</v>
      </c>
      <c r="I324" s="1" t="s">
        <v>15</v>
      </c>
      <c r="J324" s="9"/>
    </row>
    <row r="325" spans="1:10" x14ac:dyDescent="0.35">
      <c r="A325" s="1" t="s">
        <v>22</v>
      </c>
      <c r="B325" s="1" t="s">
        <v>52</v>
      </c>
      <c r="C325" s="1" t="s">
        <v>12</v>
      </c>
      <c r="D325" s="1" t="s">
        <v>13</v>
      </c>
      <c r="E325" s="7" t="s">
        <v>133</v>
      </c>
      <c r="F325" s="5">
        <v>2024</v>
      </c>
      <c r="G325" s="1" t="s">
        <v>98</v>
      </c>
      <c r="H325" s="1" t="s">
        <v>14</v>
      </c>
      <c r="I325" s="1" t="s">
        <v>15</v>
      </c>
      <c r="J325" s="9"/>
    </row>
    <row r="326" spans="1:10" x14ac:dyDescent="0.35">
      <c r="A326" s="1" t="s">
        <v>22</v>
      </c>
      <c r="B326" s="1" t="s">
        <v>53</v>
      </c>
      <c r="C326" s="1" t="s">
        <v>12</v>
      </c>
      <c r="D326" s="1" t="s">
        <v>13</v>
      </c>
      <c r="E326" s="7" t="s">
        <v>133</v>
      </c>
      <c r="F326" s="5">
        <v>2024</v>
      </c>
      <c r="G326" s="1" t="s">
        <v>98</v>
      </c>
      <c r="H326" s="1" t="s">
        <v>14</v>
      </c>
      <c r="I326" s="1" t="s">
        <v>15</v>
      </c>
      <c r="J326" s="9"/>
    </row>
    <row r="327" spans="1:10" x14ac:dyDescent="0.35">
      <c r="A327" s="1" t="s">
        <v>22</v>
      </c>
      <c r="B327" s="1" t="s">
        <v>54</v>
      </c>
      <c r="C327" s="1" t="s">
        <v>12</v>
      </c>
      <c r="D327" s="1" t="s">
        <v>13</v>
      </c>
      <c r="E327" s="7" t="s">
        <v>133</v>
      </c>
      <c r="F327" s="5">
        <v>2024</v>
      </c>
      <c r="G327" s="1" t="s">
        <v>98</v>
      </c>
      <c r="H327" s="1" t="s">
        <v>14</v>
      </c>
      <c r="I327" s="1" t="s">
        <v>15</v>
      </c>
      <c r="J327" s="9"/>
    </row>
    <row r="328" spans="1:10" x14ac:dyDescent="0.35">
      <c r="A328" s="1" t="s">
        <v>22</v>
      </c>
      <c r="B328" s="1" t="s">
        <v>55</v>
      </c>
      <c r="C328" s="1" t="s">
        <v>12</v>
      </c>
      <c r="D328" s="1" t="s">
        <v>13</v>
      </c>
      <c r="E328" s="7" t="s">
        <v>133</v>
      </c>
      <c r="F328" s="5">
        <v>2024</v>
      </c>
      <c r="G328" s="1" t="s">
        <v>98</v>
      </c>
      <c r="H328" s="1" t="s">
        <v>14</v>
      </c>
      <c r="I328" s="1" t="s">
        <v>15</v>
      </c>
      <c r="J328" s="9"/>
    </row>
    <row r="329" spans="1:10" x14ac:dyDescent="0.35">
      <c r="A329" s="1" t="s">
        <v>22</v>
      </c>
      <c r="B329" s="1" t="s">
        <v>56</v>
      </c>
      <c r="C329" s="1" t="s">
        <v>12</v>
      </c>
      <c r="D329" s="1" t="s">
        <v>13</v>
      </c>
      <c r="E329" s="7" t="s">
        <v>133</v>
      </c>
      <c r="F329" s="5">
        <v>2024</v>
      </c>
      <c r="G329" s="1" t="s">
        <v>98</v>
      </c>
      <c r="H329" s="1" t="s">
        <v>14</v>
      </c>
      <c r="I329" s="1" t="s">
        <v>15</v>
      </c>
      <c r="J329" s="9"/>
    </row>
    <row r="330" spans="1:10" x14ac:dyDescent="0.35">
      <c r="A330" s="1" t="s">
        <v>26</v>
      </c>
      <c r="B330" s="1" t="s">
        <v>57</v>
      </c>
      <c r="C330" s="1" t="s">
        <v>12</v>
      </c>
      <c r="D330" s="1" t="s">
        <v>13</v>
      </c>
      <c r="E330" s="7" t="s">
        <v>133</v>
      </c>
      <c r="F330" s="5">
        <v>2024</v>
      </c>
      <c r="G330" s="1" t="s">
        <v>98</v>
      </c>
      <c r="H330" s="1" t="s">
        <v>14</v>
      </c>
      <c r="I330" s="1" t="s">
        <v>15</v>
      </c>
      <c r="J330" s="9"/>
    </row>
    <row r="331" spans="1:10" x14ac:dyDescent="0.35">
      <c r="A331" s="1" t="s">
        <v>28</v>
      </c>
      <c r="B331" s="1" t="s">
        <v>58</v>
      </c>
      <c r="C331" s="1" t="s">
        <v>12</v>
      </c>
      <c r="D331" s="1" t="s">
        <v>13</v>
      </c>
      <c r="E331" s="7" t="s">
        <v>133</v>
      </c>
      <c r="F331" s="5">
        <v>2024</v>
      </c>
      <c r="G331" s="1" t="s">
        <v>98</v>
      </c>
      <c r="H331" s="1" t="s">
        <v>14</v>
      </c>
      <c r="I331" s="1" t="s">
        <v>15</v>
      </c>
      <c r="J331" s="9">
        <v>13.2</v>
      </c>
    </row>
    <row r="332" spans="1:10" x14ac:dyDescent="0.35">
      <c r="A332" s="1" t="s">
        <v>20</v>
      </c>
      <c r="B332" s="1" t="s">
        <v>59</v>
      </c>
      <c r="C332" s="1" t="s">
        <v>12</v>
      </c>
      <c r="D332" s="1" t="s">
        <v>13</v>
      </c>
      <c r="E332" s="7" t="s">
        <v>133</v>
      </c>
      <c r="F332" s="5">
        <v>2024</v>
      </c>
      <c r="G332" s="1" t="s">
        <v>98</v>
      </c>
      <c r="H332" s="1" t="s">
        <v>14</v>
      </c>
      <c r="I332" s="1" t="s">
        <v>15</v>
      </c>
      <c r="J332" s="9"/>
    </row>
    <row r="333" spans="1:10" x14ac:dyDescent="0.35">
      <c r="A333" s="1" t="s">
        <v>20</v>
      </c>
      <c r="B333" s="1" t="s">
        <v>60</v>
      </c>
      <c r="C333" s="1" t="s">
        <v>12</v>
      </c>
      <c r="D333" s="1" t="s">
        <v>13</v>
      </c>
      <c r="E333" s="7" t="s">
        <v>133</v>
      </c>
      <c r="F333" s="5">
        <v>2024</v>
      </c>
      <c r="G333" s="1" t="s">
        <v>98</v>
      </c>
      <c r="H333" s="1" t="s">
        <v>14</v>
      </c>
      <c r="I333" s="1" t="s">
        <v>15</v>
      </c>
      <c r="J333" s="9"/>
    </row>
    <row r="334" spans="1:10" x14ac:dyDescent="0.35">
      <c r="A334" s="1" t="s">
        <v>28</v>
      </c>
      <c r="B334" s="1" t="s">
        <v>61</v>
      </c>
      <c r="C334" s="1" t="s">
        <v>12</v>
      </c>
      <c r="D334" s="1" t="s">
        <v>13</v>
      </c>
      <c r="E334" s="7" t="s">
        <v>133</v>
      </c>
      <c r="F334" s="5">
        <v>2024</v>
      </c>
      <c r="G334" s="1" t="s">
        <v>98</v>
      </c>
      <c r="H334" s="1" t="s">
        <v>14</v>
      </c>
      <c r="I334" s="1" t="s">
        <v>15</v>
      </c>
      <c r="J334" s="9"/>
    </row>
    <row r="335" spans="1:10" x14ac:dyDescent="0.35">
      <c r="A335" s="1" t="s">
        <v>62</v>
      </c>
      <c r="B335" s="1" t="s">
        <v>63</v>
      </c>
      <c r="C335" s="1" t="s">
        <v>12</v>
      </c>
      <c r="D335" s="1" t="s">
        <v>13</v>
      </c>
      <c r="E335" s="7" t="s">
        <v>133</v>
      </c>
      <c r="F335" s="5">
        <v>2024</v>
      </c>
      <c r="G335" s="1" t="s">
        <v>98</v>
      </c>
      <c r="H335" s="1" t="s">
        <v>14</v>
      </c>
      <c r="I335" s="1" t="s">
        <v>15</v>
      </c>
      <c r="J335" s="9"/>
    </row>
    <row r="336" spans="1:10" x14ac:dyDescent="0.35">
      <c r="A336" s="1" t="s">
        <v>62</v>
      </c>
      <c r="B336" s="1" t="s">
        <v>64</v>
      </c>
      <c r="C336" s="1" t="s">
        <v>12</v>
      </c>
      <c r="D336" s="1" t="s">
        <v>13</v>
      </c>
      <c r="E336" s="7" t="s">
        <v>133</v>
      </c>
      <c r="F336" s="5">
        <v>2024</v>
      </c>
      <c r="G336" s="1" t="s">
        <v>98</v>
      </c>
      <c r="H336" s="1" t="s">
        <v>14</v>
      </c>
      <c r="I336" s="1" t="s">
        <v>15</v>
      </c>
      <c r="J336" s="9"/>
    </row>
    <row r="337" spans="1:10" x14ac:dyDescent="0.35">
      <c r="A337" s="1" t="s">
        <v>62</v>
      </c>
      <c r="B337" s="1" t="s">
        <v>65</v>
      </c>
      <c r="C337" s="1" t="s">
        <v>12</v>
      </c>
      <c r="D337" s="1" t="s">
        <v>13</v>
      </c>
      <c r="E337" s="7" t="s">
        <v>133</v>
      </c>
      <c r="F337" s="5">
        <v>2024</v>
      </c>
      <c r="G337" s="1" t="s">
        <v>98</v>
      </c>
      <c r="H337" s="1" t="s">
        <v>14</v>
      </c>
      <c r="I337" s="1" t="s">
        <v>15</v>
      </c>
      <c r="J337" s="9"/>
    </row>
    <row r="338" spans="1:10" x14ac:dyDescent="0.35">
      <c r="A338" s="1" t="s">
        <v>62</v>
      </c>
      <c r="B338" s="1" t="s">
        <v>66</v>
      </c>
      <c r="C338" s="1" t="s">
        <v>12</v>
      </c>
      <c r="D338" s="1" t="s">
        <v>13</v>
      </c>
      <c r="E338" s="7" t="s">
        <v>133</v>
      </c>
      <c r="F338" s="5">
        <v>2024</v>
      </c>
      <c r="G338" s="1" t="s">
        <v>98</v>
      </c>
      <c r="H338" s="1" t="s">
        <v>14</v>
      </c>
      <c r="I338" s="1" t="s">
        <v>15</v>
      </c>
      <c r="J338" s="9"/>
    </row>
    <row r="339" spans="1:10" x14ac:dyDescent="0.35">
      <c r="A339" s="1" t="s">
        <v>62</v>
      </c>
      <c r="B339" s="1" t="s">
        <v>67</v>
      </c>
      <c r="C339" s="1" t="s">
        <v>12</v>
      </c>
      <c r="D339" s="1" t="s">
        <v>13</v>
      </c>
      <c r="E339" s="7" t="s">
        <v>133</v>
      </c>
      <c r="F339" s="5">
        <v>2024</v>
      </c>
      <c r="G339" s="1" t="s">
        <v>98</v>
      </c>
      <c r="H339" s="1" t="s">
        <v>14</v>
      </c>
      <c r="I339" s="1" t="s">
        <v>15</v>
      </c>
      <c r="J339" s="9"/>
    </row>
    <row r="340" spans="1:10" x14ac:dyDescent="0.35">
      <c r="A340" s="1" t="s">
        <v>62</v>
      </c>
      <c r="B340" s="1" t="s">
        <v>68</v>
      </c>
      <c r="C340" s="1" t="s">
        <v>12</v>
      </c>
      <c r="D340" s="1" t="s">
        <v>13</v>
      </c>
      <c r="E340" s="7" t="s">
        <v>133</v>
      </c>
      <c r="F340" s="5">
        <v>2024</v>
      </c>
      <c r="G340" s="1" t="s">
        <v>98</v>
      </c>
      <c r="H340" s="1" t="s">
        <v>14</v>
      </c>
      <c r="I340" s="1" t="s">
        <v>15</v>
      </c>
      <c r="J340" s="9"/>
    </row>
    <row r="341" spans="1:10" x14ac:dyDescent="0.35">
      <c r="A341" s="1" t="s">
        <v>62</v>
      </c>
      <c r="B341" s="1" t="s">
        <v>69</v>
      </c>
      <c r="C341" s="1" t="s">
        <v>12</v>
      </c>
      <c r="D341" s="1" t="s">
        <v>13</v>
      </c>
      <c r="E341" s="7" t="s">
        <v>133</v>
      </c>
      <c r="F341" s="5">
        <v>2024</v>
      </c>
      <c r="G341" s="1" t="s">
        <v>98</v>
      </c>
      <c r="H341" s="1" t="s">
        <v>14</v>
      </c>
      <c r="I341" s="1" t="s">
        <v>15</v>
      </c>
      <c r="J341" s="9"/>
    </row>
    <row r="342" spans="1:10" x14ac:dyDescent="0.35">
      <c r="A342" s="1" t="s">
        <v>62</v>
      </c>
      <c r="B342" s="1" t="s">
        <v>70</v>
      </c>
      <c r="C342" s="1" t="s">
        <v>12</v>
      </c>
      <c r="D342" s="1" t="s">
        <v>13</v>
      </c>
      <c r="E342" s="7" t="s">
        <v>133</v>
      </c>
      <c r="F342" s="5">
        <v>2024</v>
      </c>
      <c r="G342" s="1" t="s">
        <v>98</v>
      </c>
      <c r="H342" s="1" t="s">
        <v>14</v>
      </c>
      <c r="I342" s="1" t="s">
        <v>15</v>
      </c>
      <c r="J342" s="9"/>
    </row>
    <row r="343" spans="1:10" x14ac:dyDescent="0.35">
      <c r="A343" s="1" t="s">
        <v>35</v>
      </c>
      <c r="B343" s="1" t="s">
        <v>71</v>
      </c>
      <c r="C343" s="1" t="s">
        <v>12</v>
      </c>
      <c r="D343" s="1" t="s">
        <v>13</v>
      </c>
      <c r="E343" s="7" t="s">
        <v>133</v>
      </c>
      <c r="F343" s="5">
        <v>2024</v>
      </c>
      <c r="G343" s="1" t="s">
        <v>98</v>
      </c>
      <c r="H343" s="1" t="s">
        <v>14</v>
      </c>
      <c r="I343" s="1" t="s">
        <v>15</v>
      </c>
      <c r="J343" s="9">
        <v>3.6</v>
      </c>
    </row>
    <row r="344" spans="1:10" x14ac:dyDescent="0.35">
      <c r="A344" s="1" t="s">
        <v>20</v>
      </c>
      <c r="B344" s="1" t="s">
        <v>72</v>
      </c>
      <c r="C344" s="1" t="s">
        <v>12</v>
      </c>
      <c r="D344" s="1" t="s">
        <v>13</v>
      </c>
      <c r="E344" s="7" t="s">
        <v>133</v>
      </c>
      <c r="F344" s="5">
        <v>2024</v>
      </c>
      <c r="G344" s="1" t="s">
        <v>98</v>
      </c>
      <c r="H344" s="1" t="s">
        <v>14</v>
      </c>
      <c r="I344" s="1" t="s">
        <v>15</v>
      </c>
      <c r="J344" s="9"/>
    </row>
    <row r="345" spans="1:10" x14ac:dyDescent="0.35">
      <c r="A345" s="1" t="s">
        <v>26</v>
      </c>
      <c r="B345" s="1" t="s">
        <v>73</v>
      </c>
      <c r="C345" s="1" t="s">
        <v>12</v>
      </c>
      <c r="D345" s="1" t="s">
        <v>13</v>
      </c>
      <c r="E345" s="7" t="s">
        <v>133</v>
      </c>
      <c r="F345" s="5">
        <v>2024</v>
      </c>
      <c r="G345" s="1" t="s">
        <v>98</v>
      </c>
      <c r="H345" s="1" t="s">
        <v>14</v>
      </c>
      <c r="I345" s="1" t="s">
        <v>15</v>
      </c>
      <c r="J345" s="9"/>
    </row>
    <row r="346" spans="1:10" x14ac:dyDescent="0.35">
      <c r="A346" s="1" t="s">
        <v>28</v>
      </c>
      <c r="B346" s="1" t="s">
        <v>74</v>
      </c>
      <c r="C346" s="1" t="s">
        <v>12</v>
      </c>
      <c r="D346" s="1" t="s">
        <v>13</v>
      </c>
      <c r="E346" s="7" t="s">
        <v>133</v>
      </c>
      <c r="F346" s="5">
        <v>2024</v>
      </c>
      <c r="G346" s="1" t="s">
        <v>98</v>
      </c>
      <c r="H346" s="1" t="s">
        <v>14</v>
      </c>
      <c r="I346" s="1" t="s">
        <v>15</v>
      </c>
      <c r="J346" s="9"/>
    </row>
    <row r="347" spans="1:10" x14ac:dyDescent="0.35">
      <c r="A347" s="1" t="s">
        <v>33</v>
      </c>
      <c r="B347" s="1" t="s">
        <v>75</v>
      </c>
      <c r="C347" s="1" t="s">
        <v>12</v>
      </c>
      <c r="D347" s="1" t="s">
        <v>13</v>
      </c>
      <c r="E347" s="7" t="s">
        <v>133</v>
      </c>
      <c r="F347" s="5">
        <v>2024</v>
      </c>
      <c r="G347" s="1" t="s">
        <v>98</v>
      </c>
      <c r="H347" s="1" t="s">
        <v>14</v>
      </c>
      <c r="I347" s="1" t="s">
        <v>15</v>
      </c>
      <c r="J347" s="9"/>
    </row>
    <row r="348" spans="1:10" x14ac:dyDescent="0.35">
      <c r="A348" s="1" t="s">
        <v>22</v>
      </c>
      <c r="B348" s="1" t="s">
        <v>76</v>
      </c>
      <c r="C348" s="1" t="s">
        <v>12</v>
      </c>
      <c r="D348" s="1" t="s">
        <v>13</v>
      </c>
      <c r="E348" s="7" t="s">
        <v>133</v>
      </c>
      <c r="F348" s="5">
        <v>2024</v>
      </c>
      <c r="G348" s="1" t="s">
        <v>98</v>
      </c>
      <c r="H348" s="1" t="s">
        <v>14</v>
      </c>
      <c r="I348" s="1" t="s">
        <v>15</v>
      </c>
      <c r="J348" s="9"/>
    </row>
    <row r="349" spans="1:10" x14ac:dyDescent="0.35">
      <c r="A349" s="1" t="s">
        <v>33</v>
      </c>
      <c r="B349" s="1" t="s">
        <v>77</v>
      </c>
      <c r="C349" s="1" t="s">
        <v>12</v>
      </c>
      <c r="D349" s="1" t="s">
        <v>13</v>
      </c>
      <c r="E349" s="7" t="s">
        <v>133</v>
      </c>
      <c r="F349" s="5">
        <v>2024</v>
      </c>
      <c r="G349" s="1" t="s">
        <v>98</v>
      </c>
      <c r="H349" s="1" t="s">
        <v>14</v>
      </c>
      <c r="I349" s="1" t="s">
        <v>15</v>
      </c>
      <c r="J349" s="9"/>
    </row>
    <row r="350" spans="1:10" x14ac:dyDescent="0.35">
      <c r="A350" s="1" t="s">
        <v>22</v>
      </c>
      <c r="B350" s="1" t="s">
        <v>78</v>
      </c>
      <c r="C350" s="1" t="s">
        <v>12</v>
      </c>
      <c r="D350" s="1" t="s">
        <v>13</v>
      </c>
      <c r="E350" s="7" t="s">
        <v>133</v>
      </c>
      <c r="F350" s="5">
        <v>2024</v>
      </c>
      <c r="G350" s="1" t="s">
        <v>98</v>
      </c>
      <c r="H350" s="1" t="s">
        <v>14</v>
      </c>
      <c r="I350" s="1" t="s">
        <v>15</v>
      </c>
      <c r="J350" s="9"/>
    </row>
    <row r="351" spans="1:10" x14ac:dyDescent="0.35">
      <c r="A351" s="1" t="s">
        <v>28</v>
      </c>
      <c r="B351" s="1" t="s">
        <v>79</v>
      </c>
      <c r="C351" s="1" t="s">
        <v>12</v>
      </c>
      <c r="D351" s="1" t="s">
        <v>13</v>
      </c>
      <c r="E351" s="7" t="s">
        <v>133</v>
      </c>
      <c r="F351" s="5">
        <v>2024</v>
      </c>
      <c r="G351" s="1" t="s">
        <v>98</v>
      </c>
      <c r="H351" s="1" t="s">
        <v>14</v>
      </c>
      <c r="I351" s="1" t="s">
        <v>15</v>
      </c>
      <c r="J351" s="9"/>
    </row>
    <row r="352" spans="1:10" x14ac:dyDescent="0.35">
      <c r="A352" s="1" t="s">
        <v>26</v>
      </c>
      <c r="B352" s="1" t="s">
        <v>80</v>
      </c>
      <c r="C352" s="1" t="s">
        <v>12</v>
      </c>
      <c r="D352" s="1" t="s">
        <v>13</v>
      </c>
      <c r="E352" s="7" t="s">
        <v>133</v>
      </c>
      <c r="F352" s="5">
        <v>2024</v>
      </c>
      <c r="G352" s="1" t="s">
        <v>98</v>
      </c>
      <c r="H352" s="1" t="s">
        <v>14</v>
      </c>
      <c r="I352" s="1" t="s">
        <v>15</v>
      </c>
      <c r="J352" s="9">
        <v>4.0999999999999996</v>
      </c>
    </row>
    <row r="353" spans="1:10" x14ac:dyDescent="0.35">
      <c r="A353" s="1" t="s">
        <v>20</v>
      </c>
      <c r="B353" s="1" t="s">
        <v>81</v>
      </c>
      <c r="C353" s="1" t="s">
        <v>12</v>
      </c>
      <c r="D353" s="1" t="s">
        <v>13</v>
      </c>
      <c r="E353" s="7" t="s">
        <v>133</v>
      </c>
      <c r="F353" s="5">
        <v>2024</v>
      </c>
      <c r="G353" s="1" t="s">
        <v>98</v>
      </c>
      <c r="H353" s="1" t="s">
        <v>14</v>
      </c>
      <c r="I353" s="1" t="s">
        <v>15</v>
      </c>
      <c r="J353" s="9"/>
    </row>
    <row r="354" spans="1:10" x14ac:dyDescent="0.35">
      <c r="A354" s="1" t="s">
        <v>33</v>
      </c>
      <c r="B354" s="1" t="s">
        <v>82</v>
      </c>
      <c r="C354" s="1" t="s">
        <v>12</v>
      </c>
      <c r="D354" s="1" t="s">
        <v>13</v>
      </c>
      <c r="E354" s="7" t="s">
        <v>133</v>
      </c>
      <c r="F354" s="5">
        <v>2024</v>
      </c>
      <c r="G354" s="1" t="s">
        <v>98</v>
      </c>
      <c r="H354" s="1" t="s">
        <v>14</v>
      </c>
      <c r="I354" s="1" t="s">
        <v>15</v>
      </c>
      <c r="J354" s="9"/>
    </row>
    <row r="355" spans="1:10" x14ac:dyDescent="0.35">
      <c r="A355" s="1" t="s">
        <v>26</v>
      </c>
      <c r="B355" s="1" t="s">
        <v>83</v>
      </c>
      <c r="C355" s="1" t="s">
        <v>12</v>
      </c>
      <c r="D355" s="1" t="s">
        <v>13</v>
      </c>
      <c r="E355" s="7" t="s">
        <v>133</v>
      </c>
      <c r="F355" s="5">
        <v>2024</v>
      </c>
      <c r="G355" s="1" t="s">
        <v>98</v>
      </c>
      <c r="H355" s="1" t="s">
        <v>14</v>
      </c>
      <c r="I355" s="1" t="s">
        <v>15</v>
      </c>
      <c r="J355" s="9"/>
    </row>
    <row r="356" spans="1:10" x14ac:dyDescent="0.35">
      <c r="A356" s="1" t="s">
        <v>35</v>
      </c>
      <c r="B356" s="1" t="s">
        <v>84</v>
      </c>
      <c r="C356" s="1" t="s">
        <v>12</v>
      </c>
      <c r="D356" s="1" t="s">
        <v>13</v>
      </c>
      <c r="E356" s="7" t="s">
        <v>133</v>
      </c>
      <c r="F356" s="5">
        <v>2024</v>
      </c>
      <c r="G356" s="1" t="s">
        <v>98</v>
      </c>
      <c r="H356" s="1" t="s">
        <v>14</v>
      </c>
      <c r="I356" s="1" t="s">
        <v>15</v>
      </c>
      <c r="J356" s="9"/>
    </row>
    <row r="357" spans="1:10" x14ac:dyDescent="0.35">
      <c r="A357" s="1" t="s">
        <v>33</v>
      </c>
      <c r="B357" s="1" t="s">
        <v>85</v>
      </c>
      <c r="C357" s="1" t="s">
        <v>12</v>
      </c>
      <c r="D357" s="1" t="s">
        <v>13</v>
      </c>
      <c r="E357" s="7" t="s">
        <v>133</v>
      </c>
      <c r="F357" s="5">
        <v>2024</v>
      </c>
      <c r="G357" s="1" t="s">
        <v>98</v>
      </c>
      <c r="H357" s="1" t="s">
        <v>14</v>
      </c>
      <c r="I357" s="1" t="s">
        <v>15</v>
      </c>
      <c r="J357" s="9"/>
    </row>
    <row r="358" spans="1:10" x14ac:dyDescent="0.35">
      <c r="A358" s="1" t="s">
        <v>33</v>
      </c>
      <c r="B358" s="1" t="s">
        <v>86</v>
      </c>
      <c r="C358" s="1" t="s">
        <v>12</v>
      </c>
      <c r="D358" s="1" t="s">
        <v>13</v>
      </c>
      <c r="E358" s="7" t="s">
        <v>133</v>
      </c>
      <c r="F358" s="5">
        <v>2024</v>
      </c>
      <c r="G358" s="1" t="s">
        <v>98</v>
      </c>
      <c r="H358" s="1" t="s">
        <v>14</v>
      </c>
      <c r="I358" s="1" t="s">
        <v>15</v>
      </c>
      <c r="J358" s="9"/>
    </row>
    <row r="359" spans="1:10" x14ac:dyDescent="0.35">
      <c r="A359" s="1" t="s">
        <v>35</v>
      </c>
      <c r="B359" s="1" t="s">
        <v>87</v>
      </c>
      <c r="C359" s="1" t="s">
        <v>12</v>
      </c>
      <c r="D359" s="1" t="s">
        <v>13</v>
      </c>
      <c r="E359" s="7" t="s">
        <v>133</v>
      </c>
      <c r="F359" s="5">
        <v>2024</v>
      </c>
      <c r="G359" s="1" t="s">
        <v>98</v>
      </c>
      <c r="H359" s="1" t="s">
        <v>14</v>
      </c>
      <c r="I359" s="1" t="s">
        <v>15</v>
      </c>
      <c r="J359" s="9"/>
    </row>
    <row r="360" spans="1:10" x14ac:dyDescent="0.35">
      <c r="A360" s="1" t="s">
        <v>35</v>
      </c>
      <c r="B360" s="1" t="s">
        <v>88</v>
      </c>
      <c r="C360" s="1" t="s">
        <v>12</v>
      </c>
      <c r="D360" s="1" t="s">
        <v>13</v>
      </c>
      <c r="E360" s="7" t="s">
        <v>133</v>
      </c>
      <c r="F360" s="5">
        <v>2024</v>
      </c>
      <c r="G360" s="1" t="s">
        <v>98</v>
      </c>
      <c r="H360" s="1" t="s">
        <v>14</v>
      </c>
      <c r="I360" s="1" t="s">
        <v>15</v>
      </c>
      <c r="J360" s="9"/>
    </row>
    <row r="361" spans="1:10" x14ac:dyDescent="0.35">
      <c r="A361" s="1" t="s">
        <v>62</v>
      </c>
      <c r="B361" s="1" t="s">
        <v>89</v>
      </c>
      <c r="C361" s="1" t="s">
        <v>12</v>
      </c>
      <c r="D361" s="1" t="s">
        <v>13</v>
      </c>
      <c r="E361" s="7" t="s">
        <v>133</v>
      </c>
      <c r="F361" s="5">
        <v>2024</v>
      </c>
      <c r="G361" s="1" t="s">
        <v>98</v>
      </c>
      <c r="H361" s="1" t="s">
        <v>14</v>
      </c>
      <c r="I361" s="1" t="s">
        <v>15</v>
      </c>
      <c r="J361" s="9"/>
    </row>
    <row r="362" spans="1:10" x14ac:dyDescent="0.35">
      <c r="A362" s="1" t="s">
        <v>26</v>
      </c>
      <c r="B362" s="1" t="s">
        <v>90</v>
      </c>
      <c r="C362" s="1" t="s">
        <v>12</v>
      </c>
      <c r="D362" s="1" t="s">
        <v>13</v>
      </c>
      <c r="E362" s="7" t="s">
        <v>133</v>
      </c>
      <c r="F362" s="5">
        <v>2024</v>
      </c>
      <c r="G362" s="1" t="s">
        <v>98</v>
      </c>
      <c r="H362" s="1" t="s">
        <v>14</v>
      </c>
      <c r="I362" s="1" t="s">
        <v>15</v>
      </c>
      <c r="J362" s="9"/>
    </row>
    <row r="363" spans="1:10" x14ac:dyDescent="0.35">
      <c r="A363" s="1" t="s">
        <v>26</v>
      </c>
      <c r="B363" s="1" t="s">
        <v>91</v>
      </c>
      <c r="C363" s="1" t="s">
        <v>12</v>
      </c>
      <c r="D363" s="1" t="s">
        <v>13</v>
      </c>
      <c r="E363" s="7" t="s">
        <v>133</v>
      </c>
      <c r="F363" s="5">
        <v>2024</v>
      </c>
      <c r="G363" s="1" t="s">
        <v>98</v>
      </c>
      <c r="H363" s="1" t="s">
        <v>14</v>
      </c>
      <c r="I363" s="1" t="s">
        <v>15</v>
      </c>
      <c r="J363" s="9"/>
    </row>
    <row r="364" spans="1:10" x14ac:dyDescent="0.35">
      <c r="A364" s="1" t="s">
        <v>33</v>
      </c>
      <c r="B364" s="1" t="s">
        <v>92</v>
      </c>
      <c r="C364" s="1" t="s">
        <v>12</v>
      </c>
      <c r="D364" s="1" t="s">
        <v>13</v>
      </c>
      <c r="E364" s="7" t="s">
        <v>133</v>
      </c>
      <c r="F364" s="5">
        <v>2024</v>
      </c>
      <c r="G364" s="1" t="s">
        <v>98</v>
      </c>
      <c r="H364" s="1" t="s">
        <v>14</v>
      </c>
      <c r="I364" s="1" t="s">
        <v>15</v>
      </c>
      <c r="J364" s="9"/>
    </row>
    <row r="365" spans="1:10" x14ac:dyDescent="0.35">
      <c r="A365" s="1" t="s">
        <v>35</v>
      </c>
      <c r="B365" s="1" t="s">
        <v>93</v>
      </c>
      <c r="C365" s="1" t="s">
        <v>12</v>
      </c>
      <c r="D365" s="1" t="s">
        <v>13</v>
      </c>
      <c r="E365" s="7" t="s">
        <v>133</v>
      </c>
      <c r="F365" s="5">
        <v>2024</v>
      </c>
      <c r="G365" s="1" t="s">
        <v>98</v>
      </c>
      <c r="H365" s="1" t="s">
        <v>14</v>
      </c>
      <c r="I365" s="1" t="s">
        <v>15</v>
      </c>
      <c r="J365" s="9"/>
    </row>
    <row r="366" spans="1:10" x14ac:dyDescent="0.35">
      <c r="A366" s="1" t="s">
        <v>20</v>
      </c>
      <c r="B366" s="1" t="s">
        <v>94</v>
      </c>
      <c r="C366" s="1" t="s">
        <v>12</v>
      </c>
      <c r="D366" s="1" t="s">
        <v>13</v>
      </c>
      <c r="E366" s="7" t="s">
        <v>133</v>
      </c>
      <c r="F366" s="5">
        <v>2024</v>
      </c>
      <c r="G366" s="1" t="s">
        <v>98</v>
      </c>
      <c r="H366" s="1" t="s">
        <v>14</v>
      </c>
      <c r="I366" s="1" t="s">
        <v>15</v>
      </c>
      <c r="J366" s="9"/>
    </row>
    <row r="367" spans="1:10" x14ac:dyDescent="0.35">
      <c r="A367" s="1" t="s">
        <v>10</v>
      </c>
      <c r="B367" s="1" t="s">
        <v>11</v>
      </c>
      <c r="C367" s="1" t="s">
        <v>12</v>
      </c>
      <c r="D367" s="1" t="s">
        <v>95</v>
      </c>
      <c r="E367" s="7" t="s">
        <v>133</v>
      </c>
      <c r="F367" s="5">
        <v>2024</v>
      </c>
      <c r="G367" s="1" t="s">
        <v>97</v>
      </c>
      <c r="H367" s="1" t="s">
        <v>14</v>
      </c>
      <c r="I367" s="1" t="s">
        <v>15</v>
      </c>
      <c r="J367" s="9">
        <v>70</v>
      </c>
    </row>
    <row r="368" spans="1:10" x14ac:dyDescent="0.35">
      <c r="A368" s="1" t="s">
        <v>10</v>
      </c>
      <c r="B368" s="1" t="s">
        <v>16</v>
      </c>
      <c r="C368" s="1" t="s">
        <v>12</v>
      </c>
      <c r="D368" s="1" t="s">
        <v>95</v>
      </c>
      <c r="E368" s="7" t="s">
        <v>133</v>
      </c>
      <c r="F368" s="5">
        <v>2024</v>
      </c>
      <c r="G368" s="1" t="s">
        <v>97</v>
      </c>
      <c r="H368" s="1" t="s">
        <v>14</v>
      </c>
      <c r="I368" s="1" t="s">
        <v>15</v>
      </c>
      <c r="J368" s="9">
        <v>79.400000000000006</v>
      </c>
    </row>
    <row r="369" spans="1:10" x14ac:dyDescent="0.35">
      <c r="A369" s="1" t="s">
        <v>10</v>
      </c>
      <c r="B369" s="1" t="s">
        <v>17</v>
      </c>
      <c r="C369" s="1" t="s">
        <v>12</v>
      </c>
      <c r="D369" s="1" t="s">
        <v>95</v>
      </c>
      <c r="E369" s="7" t="s">
        <v>133</v>
      </c>
      <c r="F369" s="5">
        <v>2024</v>
      </c>
      <c r="G369" s="1" t="s">
        <v>97</v>
      </c>
      <c r="H369" s="1" t="s">
        <v>14</v>
      </c>
      <c r="I369" s="1" t="s">
        <v>15</v>
      </c>
      <c r="J369" s="9">
        <v>78.7</v>
      </c>
    </row>
    <row r="370" spans="1:10" x14ac:dyDescent="0.35">
      <c r="A370" s="1" t="s">
        <v>10</v>
      </c>
      <c r="B370" s="1" t="s">
        <v>18</v>
      </c>
      <c r="C370" s="1" t="s">
        <v>12</v>
      </c>
      <c r="D370" s="1" t="s">
        <v>95</v>
      </c>
      <c r="E370" s="7" t="s">
        <v>133</v>
      </c>
      <c r="F370" s="5">
        <v>2024</v>
      </c>
      <c r="G370" s="1" t="s">
        <v>97</v>
      </c>
      <c r="H370" s="1" t="s">
        <v>14</v>
      </c>
      <c r="I370" s="1" t="s">
        <v>15</v>
      </c>
      <c r="J370" s="9">
        <v>83.9</v>
      </c>
    </row>
    <row r="371" spans="1:10" x14ac:dyDescent="0.35">
      <c r="A371" s="1" t="s">
        <v>10</v>
      </c>
      <c r="B371" s="1" t="s">
        <v>19</v>
      </c>
      <c r="C371" s="1" t="s">
        <v>12</v>
      </c>
      <c r="D371" s="1" t="s">
        <v>95</v>
      </c>
      <c r="E371" s="7" t="s">
        <v>133</v>
      </c>
      <c r="F371" s="5">
        <v>2024</v>
      </c>
      <c r="G371" s="1" t="s">
        <v>97</v>
      </c>
      <c r="H371" s="1" t="s">
        <v>14</v>
      </c>
      <c r="I371" s="1" t="s">
        <v>15</v>
      </c>
      <c r="J371" s="9">
        <v>87.4</v>
      </c>
    </row>
    <row r="372" spans="1:10" x14ac:dyDescent="0.35">
      <c r="A372" s="1" t="s">
        <v>20</v>
      </c>
      <c r="B372" s="1" t="s">
        <v>21</v>
      </c>
      <c r="C372" s="1" t="s">
        <v>12</v>
      </c>
      <c r="D372" s="1" t="s">
        <v>95</v>
      </c>
      <c r="E372" s="7" t="s">
        <v>133</v>
      </c>
      <c r="F372" s="5">
        <v>2024</v>
      </c>
      <c r="G372" s="1" t="s">
        <v>97</v>
      </c>
      <c r="H372" s="1" t="s">
        <v>14</v>
      </c>
      <c r="I372" s="1" t="s">
        <v>15</v>
      </c>
      <c r="J372" s="9">
        <v>77.8</v>
      </c>
    </row>
    <row r="373" spans="1:10" x14ac:dyDescent="0.35">
      <c r="A373" s="1" t="s">
        <v>22</v>
      </c>
      <c r="B373" s="1" t="s">
        <v>23</v>
      </c>
      <c r="C373" s="1" t="s">
        <v>12</v>
      </c>
      <c r="D373" s="1" t="s">
        <v>95</v>
      </c>
      <c r="E373" s="7" t="s">
        <v>133</v>
      </c>
      <c r="F373" s="5">
        <v>2024</v>
      </c>
      <c r="G373" s="1" t="s">
        <v>97</v>
      </c>
      <c r="H373" s="1" t="s">
        <v>14</v>
      </c>
      <c r="I373" s="1" t="s">
        <v>15</v>
      </c>
      <c r="J373" s="9">
        <v>80.2</v>
      </c>
    </row>
    <row r="374" spans="1:10" x14ac:dyDescent="0.35">
      <c r="A374" s="1" t="s">
        <v>10</v>
      </c>
      <c r="B374" s="1" t="s">
        <v>24</v>
      </c>
      <c r="C374" s="1" t="s">
        <v>12</v>
      </c>
      <c r="D374" s="1" t="s">
        <v>95</v>
      </c>
      <c r="E374" s="7" t="s">
        <v>133</v>
      </c>
      <c r="F374" s="5">
        <v>2024</v>
      </c>
      <c r="G374" s="1" t="s">
        <v>97</v>
      </c>
      <c r="H374" s="1" t="s">
        <v>14</v>
      </c>
      <c r="I374" s="1" t="s">
        <v>15</v>
      </c>
      <c r="J374" s="9">
        <v>80.7</v>
      </c>
    </row>
    <row r="375" spans="1:10" x14ac:dyDescent="0.35">
      <c r="A375" s="1" t="s">
        <v>10</v>
      </c>
      <c r="B375" s="1" t="s">
        <v>25</v>
      </c>
      <c r="C375" s="1" t="s">
        <v>12</v>
      </c>
      <c r="D375" s="1" t="s">
        <v>95</v>
      </c>
      <c r="E375" s="7" t="s">
        <v>133</v>
      </c>
      <c r="F375" s="5">
        <v>2024</v>
      </c>
      <c r="G375" s="1" t="s">
        <v>97</v>
      </c>
      <c r="H375" s="1" t="s">
        <v>14</v>
      </c>
      <c r="I375" s="1" t="s">
        <v>15</v>
      </c>
      <c r="J375" s="9">
        <v>73.5</v>
      </c>
    </row>
    <row r="376" spans="1:10" x14ac:dyDescent="0.35">
      <c r="A376" s="1" t="s">
        <v>26</v>
      </c>
      <c r="B376" s="1" t="s">
        <v>27</v>
      </c>
      <c r="C376" s="1" t="s">
        <v>12</v>
      </c>
      <c r="D376" s="1" t="s">
        <v>95</v>
      </c>
      <c r="E376" s="7" t="s">
        <v>133</v>
      </c>
      <c r="F376" s="5">
        <v>2024</v>
      </c>
      <c r="G376" s="1" t="s">
        <v>97</v>
      </c>
      <c r="H376" s="1" t="s">
        <v>14</v>
      </c>
      <c r="I376" s="1" t="s">
        <v>15</v>
      </c>
      <c r="J376" s="9">
        <v>70.400000000000006</v>
      </c>
    </row>
    <row r="377" spans="1:10" x14ac:dyDescent="0.35">
      <c r="A377" s="1" t="s">
        <v>28</v>
      </c>
      <c r="B377" s="1" t="s">
        <v>29</v>
      </c>
      <c r="C377" s="1" t="s">
        <v>12</v>
      </c>
      <c r="D377" s="1" t="s">
        <v>95</v>
      </c>
      <c r="E377" s="7" t="s">
        <v>133</v>
      </c>
      <c r="F377" s="5">
        <v>2024</v>
      </c>
      <c r="G377" s="1" t="s">
        <v>97</v>
      </c>
      <c r="H377" s="1" t="s">
        <v>14</v>
      </c>
      <c r="I377" s="1" t="s">
        <v>15</v>
      </c>
      <c r="J377" s="9">
        <v>65</v>
      </c>
    </row>
    <row r="378" spans="1:10" x14ac:dyDescent="0.35">
      <c r="A378" s="1" t="s">
        <v>10</v>
      </c>
      <c r="B378" s="1" t="s">
        <v>30</v>
      </c>
      <c r="C378" s="1" t="s">
        <v>12</v>
      </c>
      <c r="D378" s="1" t="s">
        <v>95</v>
      </c>
      <c r="E378" s="7" t="s">
        <v>133</v>
      </c>
      <c r="F378" s="5">
        <v>2024</v>
      </c>
      <c r="G378" s="1" t="s">
        <v>97</v>
      </c>
      <c r="H378" s="1" t="s">
        <v>14</v>
      </c>
      <c r="I378" s="1" t="s">
        <v>15</v>
      </c>
      <c r="J378" s="9">
        <v>86.5</v>
      </c>
    </row>
    <row r="379" spans="1:10" x14ac:dyDescent="0.35">
      <c r="A379" s="1" t="s">
        <v>26</v>
      </c>
      <c r="B379" s="1" t="s">
        <v>31</v>
      </c>
      <c r="C379" s="1" t="s">
        <v>12</v>
      </c>
      <c r="D379" s="1" t="s">
        <v>95</v>
      </c>
      <c r="E379" s="7" t="s">
        <v>133</v>
      </c>
      <c r="F379" s="5">
        <v>2024</v>
      </c>
      <c r="G379" s="1" t="s">
        <v>97</v>
      </c>
      <c r="H379" s="1" t="s">
        <v>14</v>
      </c>
      <c r="I379" s="1" t="s">
        <v>15</v>
      </c>
      <c r="J379" s="9">
        <v>82.2</v>
      </c>
    </row>
    <row r="380" spans="1:10" x14ac:dyDescent="0.35">
      <c r="A380" s="1" t="s">
        <v>28</v>
      </c>
      <c r="B380" s="1" t="s">
        <v>32</v>
      </c>
      <c r="C380" s="1" t="s">
        <v>12</v>
      </c>
      <c r="D380" s="1" t="s">
        <v>95</v>
      </c>
      <c r="E380" s="7" t="s">
        <v>133</v>
      </c>
      <c r="F380" s="5">
        <v>2024</v>
      </c>
      <c r="G380" s="1" t="s">
        <v>97</v>
      </c>
      <c r="H380" s="1" t="s">
        <v>14</v>
      </c>
      <c r="I380" s="1" t="s">
        <v>15</v>
      </c>
      <c r="J380" s="9">
        <v>67.7</v>
      </c>
    </row>
    <row r="381" spans="1:10" x14ac:dyDescent="0.35">
      <c r="A381" s="1" t="s">
        <v>33</v>
      </c>
      <c r="B381" s="1" t="s">
        <v>34</v>
      </c>
      <c r="C381" s="1" t="s">
        <v>12</v>
      </c>
      <c r="D381" s="1" t="s">
        <v>95</v>
      </c>
      <c r="E381" s="7" t="s">
        <v>133</v>
      </c>
      <c r="F381" s="5">
        <v>2024</v>
      </c>
      <c r="G381" s="1" t="s">
        <v>97</v>
      </c>
      <c r="H381" s="1" t="s">
        <v>14</v>
      </c>
      <c r="I381" s="1" t="s">
        <v>15</v>
      </c>
      <c r="J381" s="9">
        <v>63.7</v>
      </c>
    </row>
    <row r="382" spans="1:10" x14ac:dyDescent="0.35">
      <c r="A382" s="1" t="s">
        <v>35</v>
      </c>
      <c r="B382" s="1" t="s">
        <v>36</v>
      </c>
      <c r="C382" s="1" t="s">
        <v>12</v>
      </c>
      <c r="D382" s="1" t="s">
        <v>95</v>
      </c>
      <c r="E382" s="7" t="s">
        <v>133</v>
      </c>
      <c r="F382" s="5">
        <v>2024</v>
      </c>
      <c r="G382" s="1" t="s">
        <v>97</v>
      </c>
      <c r="H382" s="1" t="s">
        <v>14</v>
      </c>
      <c r="I382" s="1" t="s">
        <v>15</v>
      </c>
      <c r="J382" s="9">
        <v>70.400000000000006</v>
      </c>
    </row>
    <row r="383" spans="1:10" x14ac:dyDescent="0.35">
      <c r="A383" s="1" t="s">
        <v>28</v>
      </c>
      <c r="B383" s="1" t="s">
        <v>37</v>
      </c>
      <c r="C383" s="1" t="s">
        <v>12</v>
      </c>
      <c r="D383" s="1" t="s">
        <v>95</v>
      </c>
      <c r="E383" s="7" t="s">
        <v>133</v>
      </c>
      <c r="F383" s="5">
        <v>2024</v>
      </c>
      <c r="G383" s="1" t="s">
        <v>97</v>
      </c>
      <c r="H383" s="1" t="s">
        <v>14</v>
      </c>
      <c r="I383" s="1" t="s">
        <v>15</v>
      </c>
      <c r="J383" s="9">
        <v>78.8</v>
      </c>
    </row>
    <row r="384" spans="1:10" x14ac:dyDescent="0.35">
      <c r="A384" s="1" t="s">
        <v>20</v>
      </c>
      <c r="B384" s="1" t="s">
        <v>38</v>
      </c>
      <c r="C384" s="1" t="s">
        <v>12</v>
      </c>
      <c r="D384" s="1" t="s">
        <v>95</v>
      </c>
      <c r="E384" s="7" t="s">
        <v>133</v>
      </c>
      <c r="F384" s="5">
        <v>2024</v>
      </c>
      <c r="G384" s="1" t="s">
        <v>97</v>
      </c>
      <c r="H384" s="1" t="s">
        <v>14</v>
      </c>
      <c r="I384" s="1" t="s">
        <v>15</v>
      </c>
      <c r="J384" s="9">
        <v>93.7</v>
      </c>
    </row>
    <row r="385" spans="1:10" x14ac:dyDescent="0.35">
      <c r="A385" s="1" t="s">
        <v>33</v>
      </c>
      <c r="B385" s="1" t="s">
        <v>39</v>
      </c>
      <c r="C385" s="1" t="s">
        <v>12</v>
      </c>
      <c r="D385" s="1" t="s">
        <v>95</v>
      </c>
      <c r="E385" s="7" t="s">
        <v>133</v>
      </c>
      <c r="F385" s="5">
        <v>2024</v>
      </c>
      <c r="G385" s="1" t="s">
        <v>97</v>
      </c>
      <c r="H385" s="1" t="s">
        <v>14</v>
      </c>
      <c r="I385" s="1" t="s">
        <v>15</v>
      </c>
      <c r="J385" s="9">
        <v>81.8</v>
      </c>
    </row>
    <row r="386" spans="1:10" x14ac:dyDescent="0.35">
      <c r="A386" s="1" t="s">
        <v>20</v>
      </c>
      <c r="B386" s="1" t="s">
        <v>40</v>
      </c>
      <c r="C386" s="1" t="s">
        <v>12</v>
      </c>
      <c r="D386" s="1" t="s">
        <v>95</v>
      </c>
      <c r="E386" s="7" t="s">
        <v>133</v>
      </c>
      <c r="F386" s="5">
        <v>2024</v>
      </c>
      <c r="G386" s="1" t="s">
        <v>97</v>
      </c>
      <c r="H386" s="1" t="s">
        <v>14</v>
      </c>
      <c r="I386" s="1" t="s">
        <v>15</v>
      </c>
      <c r="J386" s="9">
        <v>65.3</v>
      </c>
    </row>
    <row r="387" spans="1:10" x14ac:dyDescent="0.35">
      <c r="A387" s="1" t="s">
        <v>35</v>
      </c>
      <c r="B387" s="1" t="s">
        <v>41</v>
      </c>
      <c r="C387" s="1" t="s">
        <v>12</v>
      </c>
      <c r="D387" s="1" t="s">
        <v>95</v>
      </c>
      <c r="E387" s="7" t="s">
        <v>133</v>
      </c>
      <c r="F387" s="5">
        <v>2024</v>
      </c>
      <c r="G387" s="1" t="s">
        <v>97</v>
      </c>
      <c r="H387" s="1" t="s">
        <v>14</v>
      </c>
      <c r="I387" s="1" t="s">
        <v>15</v>
      </c>
      <c r="J387" s="9">
        <v>69.7</v>
      </c>
    </row>
    <row r="388" spans="1:10" x14ac:dyDescent="0.35">
      <c r="A388" s="1" t="s">
        <v>35</v>
      </c>
      <c r="B388" s="1" t="s">
        <v>42</v>
      </c>
      <c r="C388" s="1" t="s">
        <v>12</v>
      </c>
      <c r="D388" s="1" t="s">
        <v>95</v>
      </c>
      <c r="E388" s="7" t="s">
        <v>133</v>
      </c>
      <c r="F388" s="5">
        <v>2024</v>
      </c>
      <c r="G388" s="1" t="s">
        <v>97</v>
      </c>
      <c r="H388" s="1" t="s">
        <v>14</v>
      </c>
      <c r="I388" s="1" t="s">
        <v>15</v>
      </c>
      <c r="J388" s="9">
        <v>59.4</v>
      </c>
    </row>
    <row r="389" spans="1:10" x14ac:dyDescent="0.35">
      <c r="A389" s="1" t="s">
        <v>35</v>
      </c>
      <c r="B389" s="1" t="s">
        <v>43</v>
      </c>
      <c r="C389" s="1" t="s">
        <v>12</v>
      </c>
      <c r="D389" s="1" t="s">
        <v>95</v>
      </c>
      <c r="E389" s="7" t="s">
        <v>133</v>
      </c>
      <c r="F389" s="5">
        <v>2024</v>
      </c>
      <c r="G389" s="1" t="s">
        <v>97</v>
      </c>
      <c r="H389" s="1" t="s">
        <v>14</v>
      </c>
      <c r="I389" s="1" t="s">
        <v>15</v>
      </c>
      <c r="J389" s="9">
        <v>77.2</v>
      </c>
    </row>
    <row r="390" spans="1:10" x14ac:dyDescent="0.35">
      <c r="A390" s="1" t="s">
        <v>28</v>
      </c>
      <c r="B390" s="1" t="s">
        <v>44</v>
      </c>
      <c r="C390" s="1" t="s">
        <v>12</v>
      </c>
      <c r="D390" s="1" t="s">
        <v>95</v>
      </c>
      <c r="E390" s="7" t="s">
        <v>133</v>
      </c>
      <c r="F390" s="5">
        <v>2024</v>
      </c>
      <c r="G390" s="1" t="s">
        <v>97</v>
      </c>
      <c r="H390" s="1" t="s">
        <v>14</v>
      </c>
      <c r="I390" s="1" t="s">
        <v>15</v>
      </c>
      <c r="J390" s="9">
        <v>81.099999999999994</v>
      </c>
    </row>
    <row r="391" spans="1:10" x14ac:dyDescent="0.35">
      <c r="A391" s="1" t="s">
        <v>10</v>
      </c>
      <c r="B391" s="1" t="s">
        <v>45</v>
      </c>
      <c r="C391" s="1" t="s">
        <v>12</v>
      </c>
      <c r="D391" s="1" t="s">
        <v>95</v>
      </c>
      <c r="E391" s="7" t="s">
        <v>133</v>
      </c>
      <c r="F391" s="5">
        <v>2024</v>
      </c>
      <c r="G391" s="1" t="s">
        <v>97</v>
      </c>
      <c r="H391" s="1" t="s">
        <v>14</v>
      </c>
      <c r="I391" s="1" t="s">
        <v>15</v>
      </c>
      <c r="J391" s="9">
        <v>78.900000000000006</v>
      </c>
    </row>
    <row r="392" spans="1:10" x14ac:dyDescent="0.35">
      <c r="A392" s="1" t="s">
        <v>10</v>
      </c>
      <c r="B392" s="1" t="s">
        <v>46</v>
      </c>
      <c r="C392" s="1" t="s">
        <v>12</v>
      </c>
      <c r="D392" s="1" t="s">
        <v>95</v>
      </c>
      <c r="E392" s="7" t="s">
        <v>133</v>
      </c>
      <c r="F392" s="5">
        <v>2024</v>
      </c>
      <c r="G392" s="1" t="s">
        <v>97</v>
      </c>
      <c r="H392" s="1" t="s">
        <v>14</v>
      </c>
      <c r="I392" s="1" t="s">
        <v>15</v>
      </c>
      <c r="J392" s="9">
        <v>63.4</v>
      </c>
    </row>
    <row r="393" spans="1:10" x14ac:dyDescent="0.35">
      <c r="A393" s="1" t="s">
        <v>33</v>
      </c>
      <c r="B393" s="1" t="s">
        <v>47</v>
      </c>
      <c r="C393" s="1" t="s">
        <v>12</v>
      </c>
      <c r="D393" s="1" t="s">
        <v>95</v>
      </c>
      <c r="E393" s="7" t="s">
        <v>133</v>
      </c>
      <c r="F393" s="5">
        <v>2024</v>
      </c>
      <c r="G393" s="1" t="s">
        <v>97</v>
      </c>
      <c r="H393" s="1" t="s">
        <v>14</v>
      </c>
      <c r="I393" s="1" t="s">
        <v>15</v>
      </c>
      <c r="J393" s="9">
        <v>74.099999999999994</v>
      </c>
    </row>
    <row r="394" spans="1:10" x14ac:dyDescent="0.35">
      <c r="A394" s="1" t="s">
        <v>20</v>
      </c>
      <c r="B394" s="1" t="s">
        <v>48</v>
      </c>
      <c r="C394" s="1" t="s">
        <v>12</v>
      </c>
      <c r="D394" s="1" t="s">
        <v>95</v>
      </c>
      <c r="E394" s="7" t="s">
        <v>133</v>
      </c>
      <c r="F394" s="5">
        <v>2024</v>
      </c>
      <c r="G394" s="1" t="s">
        <v>97</v>
      </c>
      <c r="H394" s="1" t="s">
        <v>14</v>
      </c>
      <c r="I394" s="1" t="s">
        <v>15</v>
      </c>
      <c r="J394" s="9">
        <v>81.5</v>
      </c>
    </row>
    <row r="395" spans="1:10" x14ac:dyDescent="0.35">
      <c r="A395" s="1" t="s">
        <v>28</v>
      </c>
      <c r="B395" s="1" t="s">
        <v>49</v>
      </c>
      <c r="C395" s="1" t="s">
        <v>12</v>
      </c>
      <c r="D395" s="1" t="s">
        <v>95</v>
      </c>
      <c r="E395" s="7" t="s">
        <v>133</v>
      </c>
      <c r="F395" s="5">
        <v>2024</v>
      </c>
      <c r="G395" s="1" t="s">
        <v>97</v>
      </c>
      <c r="H395" s="1" t="s">
        <v>14</v>
      </c>
      <c r="I395" s="1" t="s">
        <v>15</v>
      </c>
      <c r="J395" s="9">
        <v>74.900000000000006</v>
      </c>
    </row>
    <row r="396" spans="1:10" x14ac:dyDescent="0.35">
      <c r="A396" s="1" t="s">
        <v>35</v>
      </c>
      <c r="B396" s="1" t="s">
        <v>50</v>
      </c>
      <c r="C396" s="1" t="s">
        <v>12</v>
      </c>
      <c r="D396" s="1" t="s">
        <v>95</v>
      </c>
      <c r="E396" s="7" t="s">
        <v>133</v>
      </c>
      <c r="F396" s="5">
        <v>2024</v>
      </c>
      <c r="G396" s="1" t="s">
        <v>97</v>
      </c>
      <c r="H396" s="1" t="s">
        <v>14</v>
      </c>
      <c r="I396" s="1" t="s">
        <v>15</v>
      </c>
      <c r="J396" s="9">
        <v>77.099999999999994</v>
      </c>
    </row>
    <row r="397" spans="1:10" x14ac:dyDescent="0.35">
      <c r="A397" s="1" t="s">
        <v>22</v>
      </c>
      <c r="B397" s="1" t="s">
        <v>51</v>
      </c>
      <c r="C397" s="1" t="s">
        <v>12</v>
      </c>
      <c r="D397" s="1" t="s">
        <v>95</v>
      </c>
      <c r="E397" s="7" t="s">
        <v>133</v>
      </c>
      <c r="F397" s="5">
        <v>2024</v>
      </c>
      <c r="G397" s="1" t="s">
        <v>97</v>
      </c>
      <c r="H397" s="1" t="s">
        <v>14</v>
      </c>
      <c r="I397" s="1" t="s">
        <v>15</v>
      </c>
      <c r="J397" s="9">
        <v>89.4</v>
      </c>
    </row>
    <row r="398" spans="1:10" x14ac:dyDescent="0.35">
      <c r="A398" s="1" t="s">
        <v>22</v>
      </c>
      <c r="B398" s="1" t="s">
        <v>52</v>
      </c>
      <c r="C398" s="1" t="s">
        <v>12</v>
      </c>
      <c r="D398" s="1" t="s">
        <v>95</v>
      </c>
      <c r="E398" s="7" t="s">
        <v>133</v>
      </c>
      <c r="F398" s="5">
        <v>2024</v>
      </c>
      <c r="G398" s="1" t="s">
        <v>97</v>
      </c>
      <c r="H398" s="1" t="s">
        <v>14</v>
      </c>
      <c r="I398" s="1" t="s">
        <v>15</v>
      </c>
      <c r="J398" s="9">
        <v>68.3</v>
      </c>
    </row>
    <row r="399" spans="1:10" x14ac:dyDescent="0.35">
      <c r="A399" s="1" t="s">
        <v>22</v>
      </c>
      <c r="B399" s="1" t="s">
        <v>53</v>
      </c>
      <c r="C399" s="1" t="s">
        <v>12</v>
      </c>
      <c r="D399" s="1" t="s">
        <v>95</v>
      </c>
      <c r="E399" s="7" t="s">
        <v>133</v>
      </c>
      <c r="F399" s="5">
        <v>2024</v>
      </c>
      <c r="G399" s="1" t="s">
        <v>97</v>
      </c>
      <c r="H399" s="1" t="s">
        <v>14</v>
      </c>
      <c r="I399" s="1" t="s">
        <v>15</v>
      </c>
      <c r="J399" s="9">
        <v>73.3</v>
      </c>
    </row>
    <row r="400" spans="1:10" x14ac:dyDescent="0.35">
      <c r="A400" s="1" t="s">
        <v>22</v>
      </c>
      <c r="B400" s="1" t="s">
        <v>54</v>
      </c>
      <c r="C400" s="1" t="s">
        <v>12</v>
      </c>
      <c r="D400" s="1" t="s">
        <v>95</v>
      </c>
      <c r="E400" s="7" t="s">
        <v>133</v>
      </c>
      <c r="F400" s="5">
        <v>2024</v>
      </c>
      <c r="G400" s="1" t="s">
        <v>97</v>
      </c>
      <c r="H400" s="1" t="s">
        <v>14</v>
      </c>
      <c r="I400" s="1" t="s">
        <v>15</v>
      </c>
      <c r="J400" s="9">
        <v>87.9</v>
      </c>
    </row>
    <row r="401" spans="1:10" x14ac:dyDescent="0.35">
      <c r="A401" s="1" t="s">
        <v>22</v>
      </c>
      <c r="B401" s="1" t="s">
        <v>55</v>
      </c>
      <c r="C401" s="1" t="s">
        <v>12</v>
      </c>
      <c r="D401" s="1" t="s">
        <v>95</v>
      </c>
      <c r="E401" s="7" t="s">
        <v>133</v>
      </c>
      <c r="F401" s="5">
        <v>2024</v>
      </c>
      <c r="G401" s="1" t="s">
        <v>97</v>
      </c>
      <c r="H401" s="1" t="s">
        <v>14</v>
      </c>
      <c r="I401" s="1" t="s">
        <v>15</v>
      </c>
      <c r="J401" s="9">
        <v>87.2</v>
      </c>
    </row>
    <row r="402" spans="1:10" x14ac:dyDescent="0.35">
      <c r="A402" s="1" t="s">
        <v>22</v>
      </c>
      <c r="B402" s="1" t="s">
        <v>56</v>
      </c>
      <c r="C402" s="1" t="s">
        <v>12</v>
      </c>
      <c r="D402" s="1" t="s">
        <v>95</v>
      </c>
      <c r="E402" s="7" t="s">
        <v>133</v>
      </c>
      <c r="F402" s="5">
        <v>2024</v>
      </c>
      <c r="G402" s="1" t="s">
        <v>97</v>
      </c>
      <c r="H402" s="1" t="s">
        <v>14</v>
      </c>
      <c r="I402" s="1" t="s">
        <v>15</v>
      </c>
      <c r="J402" s="9">
        <v>88.3</v>
      </c>
    </row>
    <row r="403" spans="1:10" x14ac:dyDescent="0.35">
      <c r="A403" s="1" t="s">
        <v>26</v>
      </c>
      <c r="B403" s="1" t="s">
        <v>57</v>
      </c>
      <c r="C403" s="1" t="s">
        <v>12</v>
      </c>
      <c r="D403" s="1" t="s">
        <v>95</v>
      </c>
      <c r="E403" s="7" t="s">
        <v>133</v>
      </c>
      <c r="F403" s="5">
        <v>2024</v>
      </c>
      <c r="G403" s="1" t="s">
        <v>97</v>
      </c>
      <c r="H403" s="1" t="s">
        <v>14</v>
      </c>
      <c r="I403" s="1" t="s">
        <v>15</v>
      </c>
      <c r="J403" s="9">
        <v>80.3</v>
      </c>
    </row>
    <row r="404" spans="1:10" x14ac:dyDescent="0.35">
      <c r="A404" s="1" t="s">
        <v>28</v>
      </c>
      <c r="B404" s="1" t="s">
        <v>58</v>
      </c>
      <c r="C404" s="1" t="s">
        <v>12</v>
      </c>
      <c r="D404" s="1" t="s">
        <v>95</v>
      </c>
      <c r="E404" s="7" t="s">
        <v>133</v>
      </c>
      <c r="F404" s="5">
        <v>2024</v>
      </c>
      <c r="G404" s="1" t="s">
        <v>97</v>
      </c>
      <c r="H404" s="1" t="s">
        <v>14</v>
      </c>
      <c r="I404" s="1" t="s">
        <v>15</v>
      </c>
      <c r="J404" s="9">
        <v>73.599999999999994</v>
      </c>
    </row>
    <row r="405" spans="1:10" x14ac:dyDescent="0.35">
      <c r="A405" s="1" t="s">
        <v>20</v>
      </c>
      <c r="B405" s="1" t="s">
        <v>59</v>
      </c>
      <c r="C405" s="1" t="s">
        <v>12</v>
      </c>
      <c r="D405" s="1" t="s">
        <v>95</v>
      </c>
      <c r="E405" s="7" t="s">
        <v>133</v>
      </c>
      <c r="F405" s="5">
        <v>2024</v>
      </c>
      <c r="G405" s="1" t="s">
        <v>97</v>
      </c>
      <c r="H405" s="1" t="s">
        <v>14</v>
      </c>
      <c r="I405" s="1" t="s">
        <v>15</v>
      </c>
      <c r="J405" s="9">
        <v>81.099999999999994</v>
      </c>
    </row>
    <row r="406" spans="1:10" x14ac:dyDescent="0.35">
      <c r="A406" s="1" t="s">
        <v>20</v>
      </c>
      <c r="B406" s="1" t="s">
        <v>60</v>
      </c>
      <c r="C406" s="1" t="s">
        <v>12</v>
      </c>
      <c r="D406" s="1" t="s">
        <v>95</v>
      </c>
      <c r="E406" s="7" t="s">
        <v>133</v>
      </c>
      <c r="F406" s="5">
        <v>2024</v>
      </c>
      <c r="G406" s="1" t="s">
        <v>97</v>
      </c>
      <c r="H406" s="1" t="s">
        <v>14</v>
      </c>
      <c r="I406" s="1" t="s">
        <v>15</v>
      </c>
      <c r="J406" s="9">
        <v>73.5</v>
      </c>
    </row>
    <row r="407" spans="1:10" x14ac:dyDescent="0.35">
      <c r="A407" s="1" t="s">
        <v>28</v>
      </c>
      <c r="B407" s="1" t="s">
        <v>61</v>
      </c>
      <c r="C407" s="1" t="s">
        <v>12</v>
      </c>
      <c r="D407" s="1" t="s">
        <v>95</v>
      </c>
      <c r="E407" s="7" t="s">
        <v>133</v>
      </c>
      <c r="F407" s="5">
        <v>2024</v>
      </c>
      <c r="G407" s="1" t="s">
        <v>97</v>
      </c>
      <c r="H407" s="1" t="s">
        <v>14</v>
      </c>
      <c r="I407" s="1" t="s">
        <v>15</v>
      </c>
      <c r="J407" s="9">
        <v>77.099999999999994</v>
      </c>
    </row>
    <row r="408" spans="1:10" x14ac:dyDescent="0.35">
      <c r="A408" s="1" t="s">
        <v>62</v>
      </c>
      <c r="B408" s="1" t="s">
        <v>63</v>
      </c>
      <c r="C408" s="1" t="s">
        <v>12</v>
      </c>
      <c r="D408" s="1" t="s">
        <v>95</v>
      </c>
      <c r="E408" s="7" t="s">
        <v>133</v>
      </c>
      <c r="F408" s="5">
        <v>2024</v>
      </c>
      <c r="G408" s="1" t="s">
        <v>97</v>
      </c>
      <c r="H408" s="1" t="s">
        <v>14</v>
      </c>
      <c r="I408" s="1" t="s">
        <v>15</v>
      </c>
      <c r="J408" s="9">
        <v>67.8</v>
      </c>
    </row>
    <row r="409" spans="1:10" x14ac:dyDescent="0.35">
      <c r="A409" s="1" t="s">
        <v>62</v>
      </c>
      <c r="B409" s="1" t="s">
        <v>64</v>
      </c>
      <c r="C409" s="1" t="s">
        <v>12</v>
      </c>
      <c r="D409" s="1" t="s">
        <v>95</v>
      </c>
      <c r="E409" s="7" t="s">
        <v>133</v>
      </c>
      <c r="F409" s="5">
        <v>2024</v>
      </c>
      <c r="G409" s="1" t="s">
        <v>97</v>
      </c>
      <c r="H409" s="1" t="s">
        <v>14</v>
      </c>
      <c r="I409" s="1" t="s">
        <v>15</v>
      </c>
      <c r="J409" s="9">
        <v>78.400000000000006</v>
      </c>
    </row>
    <row r="410" spans="1:10" x14ac:dyDescent="0.35">
      <c r="A410" s="1" t="s">
        <v>62</v>
      </c>
      <c r="B410" s="1" t="s">
        <v>65</v>
      </c>
      <c r="C410" s="1" t="s">
        <v>12</v>
      </c>
      <c r="D410" s="1" t="s">
        <v>95</v>
      </c>
      <c r="E410" s="7" t="s">
        <v>133</v>
      </c>
      <c r="F410" s="5">
        <v>2024</v>
      </c>
      <c r="G410" s="1" t="s">
        <v>97</v>
      </c>
      <c r="H410" s="1" t="s">
        <v>14</v>
      </c>
      <c r="I410" s="1" t="s">
        <v>15</v>
      </c>
      <c r="J410" s="9">
        <v>73</v>
      </c>
    </row>
    <row r="411" spans="1:10" x14ac:dyDescent="0.35">
      <c r="A411" s="1" t="s">
        <v>62</v>
      </c>
      <c r="B411" s="1" t="s">
        <v>66</v>
      </c>
      <c r="C411" s="1" t="s">
        <v>12</v>
      </c>
      <c r="D411" s="1" t="s">
        <v>95</v>
      </c>
      <c r="E411" s="7" t="s">
        <v>133</v>
      </c>
      <c r="F411" s="5">
        <v>2024</v>
      </c>
      <c r="G411" s="1" t="s">
        <v>97</v>
      </c>
      <c r="H411" s="1" t="s">
        <v>14</v>
      </c>
      <c r="I411" s="1" t="s">
        <v>15</v>
      </c>
      <c r="J411" s="9">
        <v>66</v>
      </c>
    </row>
    <row r="412" spans="1:10" x14ac:dyDescent="0.35">
      <c r="A412" s="1" t="s">
        <v>62</v>
      </c>
      <c r="B412" s="1" t="s">
        <v>67</v>
      </c>
      <c r="C412" s="1" t="s">
        <v>12</v>
      </c>
      <c r="D412" s="1" t="s">
        <v>95</v>
      </c>
      <c r="E412" s="7" t="s">
        <v>133</v>
      </c>
      <c r="F412" s="5">
        <v>2024</v>
      </c>
      <c r="G412" s="1" t="s">
        <v>97</v>
      </c>
      <c r="H412" s="1" t="s">
        <v>14</v>
      </c>
      <c r="I412" s="1" t="s">
        <v>15</v>
      </c>
      <c r="J412" s="9">
        <v>73.599999999999994</v>
      </c>
    </row>
    <row r="413" spans="1:10" x14ac:dyDescent="0.35">
      <c r="A413" s="1" t="s">
        <v>62</v>
      </c>
      <c r="B413" s="1" t="s">
        <v>68</v>
      </c>
      <c r="C413" s="1" t="s">
        <v>12</v>
      </c>
      <c r="D413" s="1" t="s">
        <v>95</v>
      </c>
      <c r="E413" s="7" t="s">
        <v>133</v>
      </c>
      <c r="F413" s="5">
        <v>2024</v>
      </c>
      <c r="G413" s="1" t="s">
        <v>97</v>
      </c>
      <c r="H413" s="1" t="s">
        <v>14</v>
      </c>
      <c r="I413" s="1" t="s">
        <v>15</v>
      </c>
      <c r="J413" s="9">
        <v>60.8</v>
      </c>
    </row>
    <row r="414" spans="1:10" x14ac:dyDescent="0.35">
      <c r="A414" s="1" t="s">
        <v>62</v>
      </c>
      <c r="B414" s="1" t="s">
        <v>69</v>
      </c>
      <c r="C414" s="1" t="s">
        <v>12</v>
      </c>
      <c r="D414" s="1" t="s">
        <v>95</v>
      </c>
      <c r="E414" s="7" t="s">
        <v>133</v>
      </c>
      <c r="F414" s="5">
        <v>2024</v>
      </c>
      <c r="G414" s="1" t="s">
        <v>97</v>
      </c>
      <c r="H414" s="1" t="s">
        <v>14</v>
      </c>
      <c r="I414" s="1" t="s">
        <v>15</v>
      </c>
      <c r="J414" s="9">
        <v>66.2</v>
      </c>
    </row>
    <row r="415" spans="1:10" x14ac:dyDescent="0.35">
      <c r="A415" s="1" t="s">
        <v>62</v>
      </c>
      <c r="B415" s="1" t="s">
        <v>70</v>
      </c>
      <c r="C415" s="1" t="s">
        <v>12</v>
      </c>
      <c r="D415" s="1" t="s">
        <v>95</v>
      </c>
      <c r="E415" s="7" t="s">
        <v>133</v>
      </c>
      <c r="F415" s="5">
        <v>2024</v>
      </c>
      <c r="G415" s="1" t="s">
        <v>97</v>
      </c>
      <c r="H415" s="1" t="s">
        <v>14</v>
      </c>
      <c r="I415" s="1" t="s">
        <v>15</v>
      </c>
      <c r="J415" s="9">
        <v>64</v>
      </c>
    </row>
    <row r="416" spans="1:10" x14ac:dyDescent="0.35">
      <c r="A416" s="1" t="s">
        <v>35</v>
      </c>
      <c r="B416" s="1" t="s">
        <v>71</v>
      </c>
      <c r="C416" s="1" t="s">
        <v>12</v>
      </c>
      <c r="D416" s="1" t="s">
        <v>95</v>
      </c>
      <c r="E416" s="7" t="s">
        <v>133</v>
      </c>
      <c r="F416" s="5">
        <v>2024</v>
      </c>
      <c r="G416" s="1" t="s">
        <v>97</v>
      </c>
      <c r="H416" s="1" t="s">
        <v>14</v>
      </c>
      <c r="I416" s="1" t="s">
        <v>15</v>
      </c>
      <c r="J416" s="9">
        <v>64.900000000000006</v>
      </c>
    </row>
    <row r="417" spans="1:10" x14ac:dyDescent="0.35">
      <c r="A417" s="1" t="s">
        <v>20</v>
      </c>
      <c r="B417" s="1" t="s">
        <v>72</v>
      </c>
      <c r="C417" s="1" t="s">
        <v>12</v>
      </c>
      <c r="D417" s="1" t="s">
        <v>95</v>
      </c>
      <c r="E417" s="7" t="s">
        <v>133</v>
      </c>
      <c r="F417" s="5">
        <v>2024</v>
      </c>
      <c r="G417" s="1" t="s">
        <v>97</v>
      </c>
      <c r="H417" s="1" t="s">
        <v>14</v>
      </c>
      <c r="I417" s="1" t="s">
        <v>15</v>
      </c>
      <c r="J417" s="9">
        <v>74.599999999999994</v>
      </c>
    </row>
    <row r="418" spans="1:10" x14ac:dyDescent="0.35">
      <c r="A418" s="1" t="s">
        <v>26</v>
      </c>
      <c r="B418" s="1" t="s">
        <v>73</v>
      </c>
      <c r="C418" s="1" t="s">
        <v>12</v>
      </c>
      <c r="D418" s="1" t="s">
        <v>95</v>
      </c>
      <c r="E418" s="7" t="s">
        <v>133</v>
      </c>
      <c r="F418" s="5">
        <v>2024</v>
      </c>
      <c r="G418" s="1" t="s">
        <v>97</v>
      </c>
      <c r="H418" s="1" t="s">
        <v>14</v>
      </c>
      <c r="I418" s="1" t="s">
        <v>15</v>
      </c>
      <c r="J418" s="9">
        <v>76.099999999999994</v>
      </c>
    </row>
    <row r="419" spans="1:10" x14ac:dyDescent="0.35">
      <c r="A419" s="1" t="s">
        <v>28</v>
      </c>
      <c r="B419" s="1" t="s">
        <v>74</v>
      </c>
      <c r="C419" s="1" t="s">
        <v>12</v>
      </c>
      <c r="D419" s="1" t="s">
        <v>95</v>
      </c>
      <c r="E419" s="7" t="s">
        <v>133</v>
      </c>
      <c r="F419" s="5">
        <v>2024</v>
      </c>
      <c r="G419" s="1" t="s">
        <v>97</v>
      </c>
      <c r="H419" s="1" t="s">
        <v>14</v>
      </c>
      <c r="I419" s="1" t="s">
        <v>15</v>
      </c>
      <c r="J419" s="9">
        <v>74.099999999999994</v>
      </c>
    </row>
    <row r="420" spans="1:10" x14ac:dyDescent="0.35">
      <c r="A420" s="1" t="s">
        <v>33</v>
      </c>
      <c r="B420" s="1" t="s">
        <v>75</v>
      </c>
      <c r="C420" s="1" t="s">
        <v>12</v>
      </c>
      <c r="D420" s="1" t="s">
        <v>95</v>
      </c>
      <c r="E420" s="7" t="s">
        <v>133</v>
      </c>
      <c r="F420" s="5">
        <v>2024</v>
      </c>
      <c r="G420" s="1" t="s">
        <v>97</v>
      </c>
      <c r="H420" s="1" t="s">
        <v>14</v>
      </c>
      <c r="I420" s="1" t="s">
        <v>15</v>
      </c>
      <c r="J420" s="9">
        <v>75.900000000000006</v>
      </c>
    </row>
    <row r="421" spans="1:10" x14ac:dyDescent="0.35">
      <c r="A421" s="1" t="s">
        <v>22</v>
      </c>
      <c r="B421" s="1" t="s">
        <v>76</v>
      </c>
      <c r="C421" s="1" t="s">
        <v>12</v>
      </c>
      <c r="D421" s="1" t="s">
        <v>95</v>
      </c>
      <c r="E421" s="7" t="s">
        <v>133</v>
      </c>
      <c r="F421" s="5">
        <v>2024</v>
      </c>
      <c r="G421" s="1" t="s">
        <v>97</v>
      </c>
      <c r="H421" s="1" t="s">
        <v>14</v>
      </c>
      <c r="I421" s="1" t="s">
        <v>15</v>
      </c>
      <c r="J421" s="9">
        <v>70.400000000000006</v>
      </c>
    </row>
    <row r="422" spans="1:10" x14ac:dyDescent="0.35">
      <c r="A422" s="1" t="s">
        <v>33</v>
      </c>
      <c r="B422" s="1" t="s">
        <v>77</v>
      </c>
      <c r="C422" s="1" t="s">
        <v>12</v>
      </c>
      <c r="D422" s="1" t="s">
        <v>95</v>
      </c>
      <c r="E422" s="7" t="s">
        <v>133</v>
      </c>
      <c r="F422" s="5">
        <v>2024</v>
      </c>
      <c r="G422" s="1" t="s">
        <v>97</v>
      </c>
      <c r="H422" s="1" t="s">
        <v>14</v>
      </c>
      <c r="I422" s="1" t="s">
        <v>15</v>
      </c>
      <c r="J422" s="9">
        <v>81.7</v>
      </c>
    </row>
    <row r="423" spans="1:10" x14ac:dyDescent="0.35">
      <c r="A423" s="1" t="s">
        <v>22</v>
      </c>
      <c r="B423" s="1" t="s">
        <v>78</v>
      </c>
      <c r="C423" s="1" t="s">
        <v>12</v>
      </c>
      <c r="D423" s="1" t="s">
        <v>95</v>
      </c>
      <c r="E423" s="7" t="s">
        <v>133</v>
      </c>
      <c r="F423" s="5">
        <v>2024</v>
      </c>
      <c r="G423" s="1" t="s">
        <v>97</v>
      </c>
      <c r="H423" s="1" t="s">
        <v>14</v>
      </c>
      <c r="I423" s="1" t="s">
        <v>15</v>
      </c>
      <c r="J423" s="9">
        <v>81.599999999999994</v>
      </c>
    </row>
    <row r="424" spans="1:10" x14ac:dyDescent="0.35">
      <c r="A424" s="1" t="s">
        <v>28</v>
      </c>
      <c r="B424" s="1" t="s">
        <v>79</v>
      </c>
      <c r="C424" s="1" t="s">
        <v>12</v>
      </c>
      <c r="D424" s="1" t="s">
        <v>95</v>
      </c>
      <c r="E424" s="7" t="s">
        <v>133</v>
      </c>
      <c r="F424" s="5">
        <v>2024</v>
      </c>
      <c r="G424" s="1" t="s">
        <v>97</v>
      </c>
      <c r="H424" s="1" t="s">
        <v>14</v>
      </c>
      <c r="I424" s="1" t="s">
        <v>15</v>
      </c>
      <c r="J424" s="9">
        <v>86.9</v>
      </c>
    </row>
    <row r="425" spans="1:10" x14ac:dyDescent="0.35">
      <c r="A425" s="1" t="s">
        <v>26</v>
      </c>
      <c r="B425" s="1" t="s">
        <v>80</v>
      </c>
      <c r="C425" s="1" t="s">
        <v>12</v>
      </c>
      <c r="D425" s="1" t="s">
        <v>95</v>
      </c>
      <c r="E425" s="7" t="s">
        <v>133</v>
      </c>
      <c r="F425" s="5">
        <v>2024</v>
      </c>
      <c r="G425" s="1" t="s">
        <v>97</v>
      </c>
      <c r="H425" s="1" t="s">
        <v>14</v>
      </c>
      <c r="I425" s="1" t="s">
        <v>15</v>
      </c>
      <c r="J425" s="9">
        <v>83.9</v>
      </c>
    </row>
    <row r="426" spans="1:10" x14ac:dyDescent="0.35">
      <c r="A426" s="1" t="s">
        <v>20</v>
      </c>
      <c r="B426" s="1" t="s">
        <v>81</v>
      </c>
      <c r="C426" s="1" t="s">
        <v>12</v>
      </c>
      <c r="D426" s="1" t="s">
        <v>95</v>
      </c>
      <c r="E426" s="7" t="s">
        <v>133</v>
      </c>
      <c r="F426" s="5">
        <v>2024</v>
      </c>
      <c r="G426" s="1" t="s">
        <v>97</v>
      </c>
      <c r="H426" s="1" t="s">
        <v>14</v>
      </c>
      <c r="I426" s="1" t="s">
        <v>15</v>
      </c>
      <c r="J426" s="9">
        <v>75.099999999999994</v>
      </c>
    </row>
    <row r="427" spans="1:10" x14ac:dyDescent="0.35">
      <c r="A427" s="1" t="s">
        <v>33</v>
      </c>
      <c r="B427" s="1" t="s">
        <v>82</v>
      </c>
      <c r="C427" s="1" t="s">
        <v>12</v>
      </c>
      <c r="D427" s="1" t="s">
        <v>95</v>
      </c>
      <c r="E427" s="7" t="s">
        <v>133</v>
      </c>
      <c r="F427" s="5">
        <v>2024</v>
      </c>
      <c r="G427" s="1" t="s">
        <v>97</v>
      </c>
      <c r="H427" s="1" t="s">
        <v>14</v>
      </c>
      <c r="I427" s="1" t="s">
        <v>15</v>
      </c>
      <c r="J427" s="9">
        <v>72</v>
      </c>
    </row>
    <row r="428" spans="1:10" x14ac:dyDescent="0.35">
      <c r="A428" s="1" t="s">
        <v>26</v>
      </c>
      <c r="B428" s="1" t="s">
        <v>83</v>
      </c>
      <c r="C428" s="1" t="s">
        <v>12</v>
      </c>
      <c r="D428" s="1" t="s">
        <v>95</v>
      </c>
      <c r="E428" s="7" t="s">
        <v>133</v>
      </c>
      <c r="F428" s="5">
        <v>2024</v>
      </c>
      <c r="G428" s="1" t="s">
        <v>97</v>
      </c>
      <c r="H428" s="1" t="s">
        <v>14</v>
      </c>
      <c r="I428" s="1" t="s">
        <v>15</v>
      </c>
      <c r="J428" s="9">
        <v>91.7</v>
      </c>
    </row>
    <row r="429" spans="1:10" x14ac:dyDescent="0.35">
      <c r="A429" s="1" t="s">
        <v>35</v>
      </c>
      <c r="B429" s="1" t="s">
        <v>84</v>
      </c>
      <c r="C429" s="1" t="s">
        <v>12</v>
      </c>
      <c r="D429" s="1" t="s">
        <v>95</v>
      </c>
      <c r="E429" s="7" t="s">
        <v>133</v>
      </c>
      <c r="F429" s="5">
        <v>2024</v>
      </c>
      <c r="G429" s="1" t="s">
        <v>97</v>
      </c>
      <c r="H429" s="1" t="s">
        <v>14</v>
      </c>
      <c r="I429" s="1" t="s">
        <v>15</v>
      </c>
      <c r="J429" s="9">
        <v>80</v>
      </c>
    </row>
    <row r="430" spans="1:10" x14ac:dyDescent="0.35">
      <c r="A430" s="1" t="s">
        <v>33</v>
      </c>
      <c r="B430" s="1" t="s">
        <v>85</v>
      </c>
      <c r="C430" s="1" t="s">
        <v>12</v>
      </c>
      <c r="D430" s="1" t="s">
        <v>95</v>
      </c>
      <c r="E430" s="7" t="s">
        <v>133</v>
      </c>
      <c r="F430" s="5">
        <v>2024</v>
      </c>
      <c r="G430" s="1" t="s">
        <v>97</v>
      </c>
      <c r="H430" s="1" t="s">
        <v>14</v>
      </c>
      <c r="I430" s="1" t="s">
        <v>15</v>
      </c>
      <c r="J430" s="9">
        <v>77.7</v>
      </c>
    </row>
    <row r="431" spans="1:10" x14ac:dyDescent="0.35">
      <c r="A431" s="1" t="s">
        <v>33</v>
      </c>
      <c r="B431" s="1" t="s">
        <v>86</v>
      </c>
      <c r="C431" s="1" t="s">
        <v>12</v>
      </c>
      <c r="D431" s="1" t="s">
        <v>95</v>
      </c>
      <c r="E431" s="7" t="s">
        <v>133</v>
      </c>
      <c r="F431" s="5">
        <v>2024</v>
      </c>
      <c r="G431" s="1" t="s">
        <v>97</v>
      </c>
      <c r="H431" s="1" t="s">
        <v>14</v>
      </c>
      <c r="I431" s="1" t="s">
        <v>15</v>
      </c>
      <c r="J431" s="9">
        <v>80.3</v>
      </c>
    </row>
    <row r="432" spans="1:10" x14ac:dyDescent="0.35">
      <c r="A432" s="1" t="s">
        <v>35</v>
      </c>
      <c r="B432" s="1" t="s">
        <v>87</v>
      </c>
      <c r="C432" s="1" t="s">
        <v>12</v>
      </c>
      <c r="D432" s="1" t="s">
        <v>95</v>
      </c>
      <c r="E432" s="7" t="s">
        <v>133</v>
      </c>
      <c r="F432" s="5">
        <v>2024</v>
      </c>
      <c r="G432" s="1" t="s">
        <v>97</v>
      </c>
      <c r="H432" s="1" t="s">
        <v>14</v>
      </c>
      <c r="I432" s="1" t="s">
        <v>15</v>
      </c>
      <c r="J432" s="9">
        <v>62.4</v>
      </c>
    </row>
    <row r="433" spans="1:10" x14ac:dyDescent="0.35">
      <c r="A433" s="1" t="s">
        <v>35</v>
      </c>
      <c r="B433" s="1" t="s">
        <v>88</v>
      </c>
      <c r="C433" s="1" t="s">
        <v>12</v>
      </c>
      <c r="D433" s="1" t="s">
        <v>95</v>
      </c>
      <c r="E433" s="7" t="s">
        <v>133</v>
      </c>
      <c r="F433" s="5">
        <v>2024</v>
      </c>
      <c r="G433" s="1" t="s">
        <v>97</v>
      </c>
      <c r="H433" s="1" t="s">
        <v>14</v>
      </c>
      <c r="I433" s="1" t="s">
        <v>15</v>
      </c>
      <c r="J433" s="9">
        <v>77.8</v>
      </c>
    </row>
    <row r="434" spans="1:10" x14ac:dyDescent="0.35">
      <c r="A434" s="1" t="s">
        <v>62</v>
      </c>
      <c r="B434" s="1" t="s">
        <v>89</v>
      </c>
      <c r="C434" s="1" t="s">
        <v>12</v>
      </c>
      <c r="D434" s="1" t="s">
        <v>95</v>
      </c>
      <c r="E434" s="7" t="s">
        <v>133</v>
      </c>
      <c r="F434" s="5">
        <v>2024</v>
      </c>
      <c r="G434" s="1" t="s">
        <v>97</v>
      </c>
      <c r="H434" s="1" t="s">
        <v>14</v>
      </c>
      <c r="I434" s="1" t="s">
        <v>15</v>
      </c>
      <c r="J434" s="9">
        <v>77.3</v>
      </c>
    </row>
    <row r="435" spans="1:10" x14ac:dyDescent="0.35">
      <c r="A435" s="1" t="s">
        <v>26</v>
      </c>
      <c r="B435" s="1" t="s">
        <v>90</v>
      </c>
      <c r="C435" s="1" t="s">
        <v>12</v>
      </c>
      <c r="D435" s="1" t="s">
        <v>95</v>
      </c>
      <c r="E435" s="7" t="s">
        <v>133</v>
      </c>
      <c r="F435" s="5">
        <v>2024</v>
      </c>
      <c r="G435" s="1" t="s">
        <v>97</v>
      </c>
      <c r="H435" s="1" t="s">
        <v>14</v>
      </c>
      <c r="I435" s="1" t="s">
        <v>15</v>
      </c>
      <c r="J435" s="9">
        <v>85.4</v>
      </c>
    </row>
    <row r="436" spans="1:10" x14ac:dyDescent="0.35">
      <c r="A436" s="1" t="s">
        <v>26</v>
      </c>
      <c r="B436" s="1" t="s">
        <v>91</v>
      </c>
      <c r="C436" s="1" t="s">
        <v>12</v>
      </c>
      <c r="D436" s="1" t="s">
        <v>95</v>
      </c>
      <c r="E436" s="7" t="s">
        <v>133</v>
      </c>
      <c r="F436" s="5">
        <v>2024</v>
      </c>
      <c r="G436" s="1" t="s">
        <v>97</v>
      </c>
      <c r="H436" s="1" t="s">
        <v>14</v>
      </c>
      <c r="I436" s="1" t="s">
        <v>15</v>
      </c>
      <c r="J436" s="9">
        <v>81.7</v>
      </c>
    </row>
    <row r="437" spans="1:10" x14ac:dyDescent="0.35">
      <c r="A437" s="1" t="s">
        <v>33</v>
      </c>
      <c r="B437" s="1" t="s">
        <v>92</v>
      </c>
      <c r="C437" s="1" t="s">
        <v>12</v>
      </c>
      <c r="D437" s="1" t="s">
        <v>95</v>
      </c>
      <c r="E437" s="7" t="s">
        <v>133</v>
      </c>
      <c r="F437" s="5">
        <v>2024</v>
      </c>
      <c r="G437" s="1" t="s">
        <v>97</v>
      </c>
      <c r="H437" s="1" t="s">
        <v>14</v>
      </c>
      <c r="I437" s="1" t="s">
        <v>15</v>
      </c>
      <c r="J437" s="9">
        <v>79.599999999999994</v>
      </c>
    </row>
    <row r="438" spans="1:10" x14ac:dyDescent="0.35">
      <c r="A438" s="1" t="s">
        <v>35</v>
      </c>
      <c r="B438" s="1" t="s">
        <v>93</v>
      </c>
      <c r="C438" s="1" t="s">
        <v>12</v>
      </c>
      <c r="D438" s="1" t="s">
        <v>95</v>
      </c>
      <c r="E438" s="7" t="s">
        <v>133</v>
      </c>
      <c r="F438" s="5">
        <v>2024</v>
      </c>
      <c r="G438" s="1" t="s">
        <v>97</v>
      </c>
      <c r="H438" s="1" t="s">
        <v>14</v>
      </c>
      <c r="I438" s="1" t="s">
        <v>15</v>
      </c>
      <c r="J438" s="9">
        <v>75.8</v>
      </c>
    </row>
    <row r="439" spans="1:10" x14ac:dyDescent="0.35">
      <c r="A439" s="1" t="s">
        <v>20</v>
      </c>
      <c r="B439" s="1" t="s">
        <v>94</v>
      </c>
      <c r="C439" s="1" t="s">
        <v>12</v>
      </c>
      <c r="D439" s="1" t="s">
        <v>95</v>
      </c>
      <c r="E439" s="7" t="s">
        <v>133</v>
      </c>
      <c r="F439" s="5">
        <v>2024</v>
      </c>
      <c r="G439" s="1" t="s">
        <v>97</v>
      </c>
      <c r="H439" s="1" t="s">
        <v>14</v>
      </c>
      <c r="I439" s="1" t="s">
        <v>15</v>
      </c>
      <c r="J439" s="9">
        <v>85.7</v>
      </c>
    </row>
    <row r="440" spans="1:10" x14ac:dyDescent="0.35">
      <c r="A440" s="1" t="s">
        <v>10</v>
      </c>
      <c r="B440" s="1" t="s">
        <v>11</v>
      </c>
      <c r="C440" s="1" t="s">
        <v>12</v>
      </c>
      <c r="D440" s="1" t="s">
        <v>95</v>
      </c>
      <c r="E440" s="7" t="s">
        <v>133</v>
      </c>
      <c r="F440" s="5">
        <v>2024</v>
      </c>
      <c r="G440" s="1" t="s">
        <v>98</v>
      </c>
      <c r="H440" s="1" t="s">
        <v>14</v>
      </c>
      <c r="I440" s="1" t="s">
        <v>15</v>
      </c>
      <c r="J440" s="9">
        <v>86.4</v>
      </c>
    </row>
    <row r="441" spans="1:10" x14ac:dyDescent="0.35">
      <c r="A441" s="1" t="s">
        <v>10</v>
      </c>
      <c r="B441" s="1" t="s">
        <v>16</v>
      </c>
      <c r="C441" s="1" t="s">
        <v>12</v>
      </c>
      <c r="D441" s="1" t="s">
        <v>95</v>
      </c>
      <c r="E441" s="7" t="s">
        <v>133</v>
      </c>
      <c r="F441" s="5">
        <v>2024</v>
      </c>
      <c r="G441" s="1" t="s">
        <v>98</v>
      </c>
      <c r="H441" s="1" t="s">
        <v>14</v>
      </c>
      <c r="I441" s="1" t="s">
        <v>15</v>
      </c>
      <c r="J441" s="9">
        <v>69.900000000000006</v>
      </c>
    </row>
    <row r="442" spans="1:10" x14ac:dyDescent="0.35">
      <c r="A442" s="1" t="s">
        <v>10</v>
      </c>
      <c r="B442" s="1" t="s">
        <v>17</v>
      </c>
      <c r="C442" s="1" t="s">
        <v>12</v>
      </c>
      <c r="D442" s="1" t="s">
        <v>95</v>
      </c>
      <c r="E442" s="7" t="s">
        <v>133</v>
      </c>
      <c r="F442" s="5">
        <v>2024</v>
      </c>
      <c r="G442" s="1" t="s">
        <v>98</v>
      </c>
      <c r="H442" s="1" t="s">
        <v>14</v>
      </c>
      <c r="I442" s="1" t="s">
        <v>15</v>
      </c>
      <c r="J442" s="9">
        <v>79.2</v>
      </c>
    </row>
    <row r="443" spans="1:10" x14ac:dyDescent="0.35">
      <c r="A443" s="1" t="s">
        <v>10</v>
      </c>
      <c r="B443" s="1" t="s">
        <v>18</v>
      </c>
      <c r="C443" s="1" t="s">
        <v>12</v>
      </c>
      <c r="D443" s="1" t="s">
        <v>95</v>
      </c>
      <c r="E443" s="7" t="s">
        <v>133</v>
      </c>
      <c r="F443" s="5">
        <v>2024</v>
      </c>
      <c r="G443" s="1" t="s">
        <v>98</v>
      </c>
      <c r="H443" s="1" t="s">
        <v>14</v>
      </c>
      <c r="I443" s="1" t="s">
        <v>15</v>
      </c>
      <c r="J443" s="9">
        <v>87.5</v>
      </c>
    </row>
    <row r="444" spans="1:10" x14ac:dyDescent="0.35">
      <c r="A444" s="1" t="s">
        <v>10</v>
      </c>
      <c r="B444" s="1" t="s">
        <v>19</v>
      </c>
      <c r="C444" s="1" t="s">
        <v>12</v>
      </c>
      <c r="D444" s="1" t="s">
        <v>95</v>
      </c>
      <c r="E444" s="7" t="s">
        <v>133</v>
      </c>
      <c r="F444" s="5">
        <v>2024</v>
      </c>
      <c r="G444" s="1" t="s">
        <v>98</v>
      </c>
      <c r="H444" s="1" t="s">
        <v>14</v>
      </c>
      <c r="I444" s="1" t="s">
        <v>15</v>
      </c>
      <c r="J444" s="9">
        <v>85</v>
      </c>
    </row>
    <row r="445" spans="1:10" x14ac:dyDescent="0.35">
      <c r="A445" s="1" t="s">
        <v>20</v>
      </c>
      <c r="B445" s="1" t="s">
        <v>21</v>
      </c>
      <c r="C445" s="1" t="s">
        <v>12</v>
      </c>
      <c r="D445" s="1" t="s">
        <v>95</v>
      </c>
      <c r="E445" s="7" t="s">
        <v>133</v>
      </c>
      <c r="F445" s="5">
        <v>2024</v>
      </c>
      <c r="G445" s="1" t="s">
        <v>98</v>
      </c>
      <c r="H445" s="1" t="s">
        <v>14</v>
      </c>
      <c r="I445" s="1" t="s">
        <v>15</v>
      </c>
      <c r="J445" s="9">
        <v>77.7</v>
      </c>
    </row>
    <row r="446" spans="1:10" x14ac:dyDescent="0.35">
      <c r="A446" s="1" t="s">
        <v>22</v>
      </c>
      <c r="B446" s="1" t="s">
        <v>23</v>
      </c>
      <c r="C446" s="1" t="s">
        <v>12</v>
      </c>
      <c r="D446" s="1" t="s">
        <v>95</v>
      </c>
      <c r="E446" s="7" t="s">
        <v>133</v>
      </c>
      <c r="F446" s="5">
        <v>2024</v>
      </c>
      <c r="G446" s="1" t="s">
        <v>98</v>
      </c>
      <c r="H446" s="1" t="s">
        <v>14</v>
      </c>
      <c r="I446" s="1" t="s">
        <v>15</v>
      </c>
      <c r="J446" s="9">
        <v>65.3</v>
      </c>
    </row>
    <row r="447" spans="1:10" x14ac:dyDescent="0.35">
      <c r="A447" s="1" t="s">
        <v>10</v>
      </c>
      <c r="B447" s="1" t="s">
        <v>24</v>
      </c>
      <c r="C447" s="1" t="s">
        <v>12</v>
      </c>
      <c r="D447" s="1" t="s">
        <v>95</v>
      </c>
      <c r="E447" s="7" t="s">
        <v>133</v>
      </c>
      <c r="F447" s="5">
        <v>2024</v>
      </c>
      <c r="G447" s="1" t="s">
        <v>98</v>
      </c>
      <c r="H447" s="1" t="s">
        <v>14</v>
      </c>
      <c r="I447" s="1" t="s">
        <v>15</v>
      </c>
      <c r="J447" s="9">
        <v>68.2</v>
      </c>
    </row>
    <row r="448" spans="1:10" x14ac:dyDescent="0.35">
      <c r="A448" s="1" t="s">
        <v>10</v>
      </c>
      <c r="B448" s="1" t="s">
        <v>25</v>
      </c>
      <c r="C448" s="1" t="s">
        <v>12</v>
      </c>
      <c r="D448" s="1" t="s">
        <v>95</v>
      </c>
      <c r="E448" s="7" t="s">
        <v>133</v>
      </c>
      <c r="F448" s="5">
        <v>2024</v>
      </c>
      <c r="G448" s="1" t="s">
        <v>98</v>
      </c>
      <c r="H448" s="1" t="s">
        <v>14</v>
      </c>
      <c r="I448" s="1" t="s">
        <v>15</v>
      </c>
      <c r="J448" s="9">
        <v>73.099999999999994</v>
      </c>
    </row>
    <row r="449" spans="1:10" x14ac:dyDescent="0.35">
      <c r="A449" s="1" t="s">
        <v>26</v>
      </c>
      <c r="B449" s="1" t="s">
        <v>27</v>
      </c>
      <c r="C449" s="1" t="s">
        <v>12</v>
      </c>
      <c r="D449" s="1" t="s">
        <v>95</v>
      </c>
      <c r="E449" s="7" t="s">
        <v>133</v>
      </c>
      <c r="F449" s="5">
        <v>2024</v>
      </c>
      <c r="G449" s="1" t="s">
        <v>98</v>
      </c>
      <c r="H449" s="1" t="s">
        <v>14</v>
      </c>
      <c r="I449" s="1" t="s">
        <v>15</v>
      </c>
      <c r="J449" s="9">
        <v>66.900000000000006</v>
      </c>
    </row>
    <row r="450" spans="1:10" x14ac:dyDescent="0.35">
      <c r="A450" s="1" t="s">
        <v>28</v>
      </c>
      <c r="B450" s="1" t="s">
        <v>29</v>
      </c>
      <c r="C450" s="1" t="s">
        <v>12</v>
      </c>
      <c r="D450" s="1" t="s">
        <v>95</v>
      </c>
      <c r="E450" s="7" t="s">
        <v>133</v>
      </c>
      <c r="F450" s="5">
        <v>2024</v>
      </c>
      <c r="G450" s="1" t="s">
        <v>98</v>
      </c>
      <c r="H450" s="1" t="s">
        <v>14</v>
      </c>
      <c r="I450" s="1" t="s">
        <v>15</v>
      </c>
      <c r="J450" s="9">
        <v>73.599999999999994</v>
      </c>
    </row>
    <row r="451" spans="1:10" x14ac:dyDescent="0.35">
      <c r="A451" s="1" t="s">
        <v>10</v>
      </c>
      <c r="B451" s="1" t="s">
        <v>30</v>
      </c>
      <c r="C451" s="1" t="s">
        <v>12</v>
      </c>
      <c r="D451" s="1" t="s">
        <v>95</v>
      </c>
      <c r="E451" s="7" t="s">
        <v>133</v>
      </c>
      <c r="F451" s="5">
        <v>2024</v>
      </c>
      <c r="G451" s="1" t="s">
        <v>98</v>
      </c>
      <c r="H451" s="1" t="s">
        <v>14</v>
      </c>
      <c r="I451" s="1" t="s">
        <v>15</v>
      </c>
      <c r="J451" s="9">
        <v>63.1</v>
      </c>
    </row>
    <row r="452" spans="1:10" x14ac:dyDescent="0.35">
      <c r="A452" s="1" t="s">
        <v>26</v>
      </c>
      <c r="B452" s="1" t="s">
        <v>31</v>
      </c>
      <c r="C452" s="1" t="s">
        <v>12</v>
      </c>
      <c r="D452" s="1" t="s">
        <v>95</v>
      </c>
      <c r="E452" s="7" t="s">
        <v>133</v>
      </c>
      <c r="F452" s="5">
        <v>2024</v>
      </c>
      <c r="G452" s="1" t="s">
        <v>98</v>
      </c>
      <c r="H452" s="1" t="s">
        <v>14</v>
      </c>
      <c r="I452" s="1" t="s">
        <v>15</v>
      </c>
      <c r="J452" s="9">
        <v>75.900000000000006</v>
      </c>
    </row>
    <row r="453" spans="1:10" x14ac:dyDescent="0.35">
      <c r="A453" s="1" t="s">
        <v>28</v>
      </c>
      <c r="B453" s="1" t="s">
        <v>32</v>
      </c>
      <c r="C453" s="1" t="s">
        <v>12</v>
      </c>
      <c r="D453" s="1" t="s">
        <v>95</v>
      </c>
      <c r="E453" s="7" t="s">
        <v>133</v>
      </c>
      <c r="F453" s="5">
        <v>2024</v>
      </c>
      <c r="G453" s="1" t="s">
        <v>98</v>
      </c>
      <c r="H453" s="1" t="s">
        <v>14</v>
      </c>
      <c r="I453" s="1" t="s">
        <v>15</v>
      </c>
      <c r="J453" s="9">
        <v>78.2</v>
      </c>
    </row>
    <row r="454" spans="1:10" x14ac:dyDescent="0.35">
      <c r="A454" s="1" t="s">
        <v>33</v>
      </c>
      <c r="B454" s="1" t="s">
        <v>34</v>
      </c>
      <c r="C454" s="1" t="s">
        <v>12</v>
      </c>
      <c r="D454" s="1" t="s">
        <v>95</v>
      </c>
      <c r="E454" s="7" t="s">
        <v>133</v>
      </c>
      <c r="F454" s="5">
        <v>2024</v>
      </c>
      <c r="G454" s="1" t="s">
        <v>98</v>
      </c>
      <c r="H454" s="1" t="s">
        <v>14</v>
      </c>
      <c r="I454" s="1" t="s">
        <v>15</v>
      </c>
      <c r="J454" s="9">
        <v>71</v>
      </c>
    </row>
    <row r="455" spans="1:10" x14ac:dyDescent="0.35">
      <c r="A455" s="1" t="s">
        <v>35</v>
      </c>
      <c r="B455" s="1" t="s">
        <v>36</v>
      </c>
      <c r="C455" s="1" t="s">
        <v>12</v>
      </c>
      <c r="D455" s="1" t="s">
        <v>95</v>
      </c>
      <c r="E455" s="7" t="s">
        <v>133</v>
      </c>
      <c r="F455" s="5">
        <v>2024</v>
      </c>
      <c r="G455" s="1" t="s">
        <v>98</v>
      </c>
      <c r="H455" s="1" t="s">
        <v>14</v>
      </c>
      <c r="I455" s="1" t="s">
        <v>15</v>
      </c>
      <c r="J455" s="9">
        <v>76.099999999999994</v>
      </c>
    </row>
    <row r="456" spans="1:10" x14ac:dyDescent="0.35">
      <c r="A456" s="1" t="s">
        <v>28</v>
      </c>
      <c r="B456" s="1" t="s">
        <v>37</v>
      </c>
      <c r="C456" s="1" t="s">
        <v>12</v>
      </c>
      <c r="D456" s="1" t="s">
        <v>95</v>
      </c>
      <c r="E456" s="7" t="s">
        <v>133</v>
      </c>
      <c r="F456" s="5">
        <v>2024</v>
      </c>
      <c r="G456" s="1" t="s">
        <v>98</v>
      </c>
      <c r="H456" s="1" t="s">
        <v>14</v>
      </c>
      <c r="I456" s="1" t="s">
        <v>15</v>
      </c>
      <c r="J456" s="9">
        <v>71</v>
      </c>
    </row>
    <row r="457" spans="1:10" x14ac:dyDescent="0.35">
      <c r="A457" s="1" t="s">
        <v>20</v>
      </c>
      <c r="B457" s="1" t="s">
        <v>38</v>
      </c>
      <c r="C457" s="1" t="s">
        <v>12</v>
      </c>
      <c r="D457" s="1" t="s">
        <v>95</v>
      </c>
      <c r="E457" s="7" t="s">
        <v>133</v>
      </c>
      <c r="F457" s="5">
        <v>2024</v>
      </c>
      <c r="G457" s="1" t="s">
        <v>98</v>
      </c>
      <c r="H457" s="1" t="s">
        <v>14</v>
      </c>
      <c r="I457" s="1" t="s">
        <v>15</v>
      </c>
      <c r="J457" s="9">
        <v>61.6</v>
      </c>
    </row>
    <row r="458" spans="1:10" x14ac:dyDescent="0.35">
      <c r="A458" s="1" t="s">
        <v>33</v>
      </c>
      <c r="B458" s="1" t="s">
        <v>39</v>
      </c>
      <c r="C458" s="1" t="s">
        <v>12</v>
      </c>
      <c r="D458" s="1" t="s">
        <v>95</v>
      </c>
      <c r="E458" s="7" t="s">
        <v>133</v>
      </c>
      <c r="F458" s="5">
        <v>2024</v>
      </c>
      <c r="G458" s="1" t="s">
        <v>98</v>
      </c>
      <c r="H458" s="1" t="s">
        <v>14</v>
      </c>
      <c r="I458" s="1" t="s">
        <v>15</v>
      </c>
      <c r="J458" s="9">
        <v>70.900000000000006</v>
      </c>
    </row>
    <row r="459" spans="1:10" x14ac:dyDescent="0.35">
      <c r="A459" s="1" t="s">
        <v>20</v>
      </c>
      <c r="B459" s="1" t="s">
        <v>40</v>
      </c>
      <c r="C459" s="1" t="s">
        <v>12</v>
      </c>
      <c r="D459" s="1" t="s">
        <v>95</v>
      </c>
      <c r="E459" s="7" t="s">
        <v>133</v>
      </c>
      <c r="F459" s="5">
        <v>2024</v>
      </c>
      <c r="G459" s="1" t="s">
        <v>98</v>
      </c>
      <c r="H459" s="1" t="s">
        <v>14</v>
      </c>
      <c r="I459" s="1" t="s">
        <v>15</v>
      </c>
      <c r="J459" s="9">
        <v>66.7</v>
      </c>
    </row>
    <row r="460" spans="1:10" x14ac:dyDescent="0.35">
      <c r="A460" s="1" t="s">
        <v>35</v>
      </c>
      <c r="B460" s="1" t="s">
        <v>41</v>
      </c>
      <c r="C460" s="1" t="s">
        <v>12</v>
      </c>
      <c r="D460" s="1" t="s">
        <v>95</v>
      </c>
      <c r="E460" s="7" t="s">
        <v>133</v>
      </c>
      <c r="F460" s="5">
        <v>2024</v>
      </c>
      <c r="G460" s="1" t="s">
        <v>98</v>
      </c>
      <c r="H460" s="1" t="s">
        <v>14</v>
      </c>
      <c r="I460" s="1" t="s">
        <v>15</v>
      </c>
      <c r="J460" s="9">
        <v>68.400000000000006</v>
      </c>
    </row>
    <row r="461" spans="1:10" x14ac:dyDescent="0.35">
      <c r="A461" s="1" t="s">
        <v>35</v>
      </c>
      <c r="B461" s="1" t="s">
        <v>42</v>
      </c>
      <c r="C461" s="1" t="s">
        <v>12</v>
      </c>
      <c r="D461" s="1" t="s">
        <v>95</v>
      </c>
      <c r="E461" s="7" t="s">
        <v>133</v>
      </c>
      <c r="F461" s="5">
        <v>2024</v>
      </c>
      <c r="G461" s="1" t="s">
        <v>98</v>
      </c>
      <c r="H461" s="1" t="s">
        <v>14</v>
      </c>
      <c r="I461" s="1" t="s">
        <v>15</v>
      </c>
      <c r="J461" s="9">
        <v>61.3</v>
      </c>
    </row>
    <row r="462" spans="1:10" x14ac:dyDescent="0.35">
      <c r="A462" s="1" t="s">
        <v>35</v>
      </c>
      <c r="B462" s="1" t="s">
        <v>43</v>
      </c>
      <c r="C462" s="1" t="s">
        <v>12</v>
      </c>
      <c r="D462" s="1" t="s">
        <v>95</v>
      </c>
      <c r="E462" s="7" t="s">
        <v>133</v>
      </c>
      <c r="F462" s="5">
        <v>2024</v>
      </c>
      <c r="G462" s="1" t="s">
        <v>98</v>
      </c>
      <c r="H462" s="1" t="s">
        <v>14</v>
      </c>
      <c r="I462" s="1" t="s">
        <v>15</v>
      </c>
      <c r="J462" s="9">
        <v>77.3</v>
      </c>
    </row>
    <row r="463" spans="1:10" x14ac:dyDescent="0.35">
      <c r="A463" s="1" t="s">
        <v>28</v>
      </c>
      <c r="B463" s="1" t="s">
        <v>44</v>
      </c>
      <c r="C463" s="1" t="s">
        <v>12</v>
      </c>
      <c r="D463" s="1" t="s">
        <v>95</v>
      </c>
      <c r="E463" s="7" t="s">
        <v>133</v>
      </c>
      <c r="F463" s="5">
        <v>2024</v>
      </c>
      <c r="G463" s="1" t="s">
        <v>98</v>
      </c>
      <c r="H463" s="1" t="s">
        <v>14</v>
      </c>
      <c r="I463" s="1" t="s">
        <v>15</v>
      </c>
      <c r="J463" s="9">
        <v>74.099999999999994</v>
      </c>
    </row>
    <row r="464" spans="1:10" x14ac:dyDescent="0.35">
      <c r="A464" s="1" t="s">
        <v>10</v>
      </c>
      <c r="B464" s="1" t="s">
        <v>45</v>
      </c>
      <c r="C464" s="1" t="s">
        <v>12</v>
      </c>
      <c r="D464" s="1" t="s">
        <v>95</v>
      </c>
      <c r="E464" s="7" t="s">
        <v>133</v>
      </c>
      <c r="F464" s="5">
        <v>2024</v>
      </c>
      <c r="G464" s="1" t="s">
        <v>98</v>
      </c>
      <c r="H464" s="1" t="s">
        <v>14</v>
      </c>
      <c r="I464" s="1" t="s">
        <v>15</v>
      </c>
      <c r="J464" s="9">
        <v>61.1</v>
      </c>
    </row>
    <row r="465" spans="1:10" x14ac:dyDescent="0.35">
      <c r="A465" s="1" t="s">
        <v>10</v>
      </c>
      <c r="B465" s="1" t="s">
        <v>46</v>
      </c>
      <c r="C465" s="1" t="s">
        <v>12</v>
      </c>
      <c r="D465" s="1" t="s">
        <v>95</v>
      </c>
      <c r="E465" s="7" t="s">
        <v>133</v>
      </c>
      <c r="F465" s="5">
        <v>2024</v>
      </c>
      <c r="G465" s="1" t="s">
        <v>98</v>
      </c>
      <c r="H465" s="1" t="s">
        <v>14</v>
      </c>
      <c r="I465" s="1" t="s">
        <v>15</v>
      </c>
      <c r="J465" s="9">
        <v>62.8</v>
      </c>
    </row>
    <row r="466" spans="1:10" x14ac:dyDescent="0.35">
      <c r="A466" s="1" t="s">
        <v>33</v>
      </c>
      <c r="B466" s="1" t="s">
        <v>47</v>
      </c>
      <c r="C466" s="1" t="s">
        <v>12</v>
      </c>
      <c r="D466" s="1" t="s">
        <v>95</v>
      </c>
      <c r="E466" s="7" t="s">
        <v>133</v>
      </c>
      <c r="F466" s="5">
        <v>2024</v>
      </c>
      <c r="G466" s="1" t="s">
        <v>98</v>
      </c>
      <c r="H466" s="1" t="s">
        <v>14</v>
      </c>
      <c r="I466" s="1" t="s">
        <v>15</v>
      </c>
      <c r="J466" s="9">
        <v>84.7</v>
      </c>
    </row>
    <row r="467" spans="1:10" x14ac:dyDescent="0.35">
      <c r="A467" s="1" t="s">
        <v>20</v>
      </c>
      <c r="B467" s="1" t="s">
        <v>48</v>
      </c>
      <c r="C467" s="1" t="s">
        <v>12</v>
      </c>
      <c r="D467" s="1" t="s">
        <v>95</v>
      </c>
      <c r="E467" s="7" t="s">
        <v>133</v>
      </c>
      <c r="F467" s="5">
        <v>2024</v>
      </c>
      <c r="G467" s="1" t="s">
        <v>98</v>
      </c>
      <c r="H467" s="1" t="s">
        <v>14</v>
      </c>
      <c r="I467" s="1" t="s">
        <v>15</v>
      </c>
      <c r="J467" s="9">
        <v>73.2</v>
      </c>
    </row>
    <row r="468" spans="1:10" x14ac:dyDescent="0.35">
      <c r="A468" s="1" t="s">
        <v>28</v>
      </c>
      <c r="B468" s="1" t="s">
        <v>49</v>
      </c>
      <c r="C468" s="1" t="s">
        <v>12</v>
      </c>
      <c r="D468" s="1" t="s">
        <v>95</v>
      </c>
      <c r="E468" s="7" t="s">
        <v>133</v>
      </c>
      <c r="F468" s="5">
        <v>2024</v>
      </c>
      <c r="G468" s="1" t="s">
        <v>98</v>
      </c>
      <c r="H468" s="1" t="s">
        <v>14</v>
      </c>
      <c r="I468" s="1" t="s">
        <v>15</v>
      </c>
      <c r="J468" s="9">
        <v>80</v>
      </c>
    </row>
    <row r="469" spans="1:10" x14ac:dyDescent="0.35">
      <c r="A469" s="1" t="s">
        <v>35</v>
      </c>
      <c r="B469" s="1" t="s">
        <v>50</v>
      </c>
      <c r="C469" s="1" t="s">
        <v>12</v>
      </c>
      <c r="D469" s="1" t="s">
        <v>95</v>
      </c>
      <c r="E469" s="7" t="s">
        <v>133</v>
      </c>
      <c r="F469" s="5">
        <v>2024</v>
      </c>
      <c r="G469" s="1" t="s">
        <v>98</v>
      </c>
      <c r="H469" s="1" t="s">
        <v>14</v>
      </c>
      <c r="I469" s="1" t="s">
        <v>15</v>
      </c>
      <c r="J469" s="9">
        <v>81.599999999999994</v>
      </c>
    </row>
    <row r="470" spans="1:10" x14ac:dyDescent="0.35">
      <c r="A470" s="1" t="s">
        <v>22</v>
      </c>
      <c r="B470" s="1" t="s">
        <v>51</v>
      </c>
      <c r="C470" s="1" t="s">
        <v>12</v>
      </c>
      <c r="D470" s="1" t="s">
        <v>95</v>
      </c>
      <c r="E470" s="7" t="s">
        <v>133</v>
      </c>
      <c r="F470" s="5">
        <v>2024</v>
      </c>
      <c r="G470" s="1" t="s">
        <v>98</v>
      </c>
      <c r="H470" s="1" t="s">
        <v>14</v>
      </c>
      <c r="I470" s="1" t="s">
        <v>15</v>
      </c>
      <c r="J470" s="9">
        <v>70.400000000000006</v>
      </c>
    </row>
    <row r="471" spans="1:10" x14ac:dyDescent="0.35">
      <c r="A471" s="1" t="s">
        <v>22</v>
      </c>
      <c r="B471" s="1" t="s">
        <v>52</v>
      </c>
      <c r="C471" s="1" t="s">
        <v>12</v>
      </c>
      <c r="D471" s="1" t="s">
        <v>95</v>
      </c>
      <c r="E471" s="7" t="s">
        <v>133</v>
      </c>
      <c r="F471" s="5">
        <v>2024</v>
      </c>
      <c r="G471" s="1" t="s">
        <v>98</v>
      </c>
      <c r="H471" s="1" t="s">
        <v>14</v>
      </c>
      <c r="I471" s="1" t="s">
        <v>15</v>
      </c>
      <c r="J471" s="9">
        <v>65.900000000000006</v>
      </c>
    </row>
    <row r="472" spans="1:10" x14ac:dyDescent="0.35">
      <c r="A472" s="1" t="s">
        <v>22</v>
      </c>
      <c r="B472" s="1" t="s">
        <v>53</v>
      </c>
      <c r="C472" s="1" t="s">
        <v>12</v>
      </c>
      <c r="D472" s="1" t="s">
        <v>95</v>
      </c>
      <c r="E472" s="7" t="s">
        <v>133</v>
      </c>
      <c r="F472" s="5">
        <v>2024</v>
      </c>
      <c r="G472" s="1" t="s">
        <v>98</v>
      </c>
      <c r="H472" s="1" t="s">
        <v>14</v>
      </c>
      <c r="I472" s="1" t="s">
        <v>15</v>
      </c>
      <c r="J472" s="9">
        <v>83.9</v>
      </c>
    </row>
    <row r="473" spans="1:10" x14ac:dyDescent="0.35">
      <c r="A473" s="1" t="s">
        <v>22</v>
      </c>
      <c r="B473" s="1" t="s">
        <v>54</v>
      </c>
      <c r="C473" s="1" t="s">
        <v>12</v>
      </c>
      <c r="D473" s="1" t="s">
        <v>95</v>
      </c>
      <c r="E473" s="7" t="s">
        <v>133</v>
      </c>
      <c r="F473" s="5">
        <v>2024</v>
      </c>
      <c r="G473" s="1" t="s">
        <v>98</v>
      </c>
      <c r="H473" s="1" t="s">
        <v>14</v>
      </c>
      <c r="I473" s="1" t="s">
        <v>15</v>
      </c>
      <c r="J473" s="9">
        <v>69.099999999999994</v>
      </c>
    </row>
    <row r="474" spans="1:10" x14ac:dyDescent="0.35">
      <c r="A474" s="1" t="s">
        <v>22</v>
      </c>
      <c r="B474" s="1" t="s">
        <v>55</v>
      </c>
      <c r="C474" s="1" t="s">
        <v>12</v>
      </c>
      <c r="D474" s="1" t="s">
        <v>95</v>
      </c>
      <c r="E474" s="7" t="s">
        <v>133</v>
      </c>
      <c r="F474" s="5">
        <v>2024</v>
      </c>
      <c r="G474" s="1" t="s">
        <v>98</v>
      </c>
      <c r="H474" s="1" t="s">
        <v>14</v>
      </c>
      <c r="I474" s="1" t="s">
        <v>15</v>
      </c>
      <c r="J474" s="9">
        <v>80</v>
      </c>
    </row>
    <row r="475" spans="1:10" x14ac:dyDescent="0.35">
      <c r="A475" s="1" t="s">
        <v>22</v>
      </c>
      <c r="B475" s="1" t="s">
        <v>56</v>
      </c>
      <c r="C475" s="1" t="s">
        <v>12</v>
      </c>
      <c r="D475" s="1" t="s">
        <v>95</v>
      </c>
      <c r="E475" s="7" t="s">
        <v>133</v>
      </c>
      <c r="F475" s="5">
        <v>2024</v>
      </c>
      <c r="G475" s="1" t="s">
        <v>98</v>
      </c>
      <c r="H475" s="1" t="s">
        <v>14</v>
      </c>
      <c r="I475" s="1" t="s">
        <v>15</v>
      </c>
      <c r="J475" s="9">
        <v>83.7</v>
      </c>
    </row>
    <row r="476" spans="1:10" x14ac:dyDescent="0.35">
      <c r="A476" s="1" t="s">
        <v>26</v>
      </c>
      <c r="B476" s="1" t="s">
        <v>57</v>
      </c>
      <c r="C476" s="1" t="s">
        <v>12</v>
      </c>
      <c r="D476" s="1" t="s">
        <v>95</v>
      </c>
      <c r="E476" s="7" t="s">
        <v>133</v>
      </c>
      <c r="F476" s="5">
        <v>2024</v>
      </c>
      <c r="G476" s="1" t="s">
        <v>98</v>
      </c>
      <c r="H476" s="1" t="s">
        <v>14</v>
      </c>
      <c r="I476" s="1" t="s">
        <v>15</v>
      </c>
      <c r="J476" s="9">
        <v>78</v>
      </c>
    </row>
    <row r="477" spans="1:10" x14ac:dyDescent="0.35">
      <c r="A477" s="1" t="s">
        <v>28</v>
      </c>
      <c r="B477" s="1" t="s">
        <v>58</v>
      </c>
      <c r="C477" s="1" t="s">
        <v>12</v>
      </c>
      <c r="D477" s="1" t="s">
        <v>95</v>
      </c>
      <c r="E477" s="7" t="s">
        <v>133</v>
      </c>
      <c r="F477" s="5">
        <v>2024</v>
      </c>
      <c r="G477" s="1" t="s">
        <v>98</v>
      </c>
      <c r="H477" s="1" t="s">
        <v>14</v>
      </c>
      <c r="I477" s="1" t="s">
        <v>15</v>
      </c>
      <c r="J477" s="9">
        <v>65.5</v>
      </c>
    </row>
    <row r="478" spans="1:10" x14ac:dyDescent="0.35">
      <c r="A478" s="1" t="s">
        <v>20</v>
      </c>
      <c r="B478" s="1" t="s">
        <v>59</v>
      </c>
      <c r="C478" s="1" t="s">
        <v>12</v>
      </c>
      <c r="D478" s="1" t="s">
        <v>95</v>
      </c>
      <c r="E478" s="7" t="s">
        <v>133</v>
      </c>
      <c r="F478" s="5">
        <v>2024</v>
      </c>
      <c r="G478" s="1" t="s">
        <v>98</v>
      </c>
      <c r="H478" s="1" t="s">
        <v>14</v>
      </c>
      <c r="I478" s="1" t="s">
        <v>15</v>
      </c>
      <c r="J478" s="9">
        <v>70.7</v>
      </c>
    </row>
    <row r="479" spans="1:10" x14ac:dyDescent="0.35">
      <c r="A479" s="1" t="s">
        <v>20</v>
      </c>
      <c r="B479" s="1" t="s">
        <v>60</v>
      </c>
      <c r="C479" s="1" t="s">
        <v>12</v>
      </c>
      <c r="D479" s="1" t="s">
        <v>95</v>
      </c>
      <c r="E479" s="7" t="s">
        <v>133</v>
      </c>
      <c r="F479" s="5">
        <v>2024</v>
      </c>
      <c r="G479" s="1" t="s">
        <v>98</v>
      </c>
      <c r="H479" s="1" t="s">
        <v>14</v>
      </c>
      <c r="I479" s="1" t="s">
        <v>15</v>
      </c>
      <c r="J479" s="9">
        <v>66.099999999999994</v>
      </c>
    </row>
    <row r="480" spans="1:10" x14ac:dyDescent="0.35">
      <c r="A480" s="1" t="s">
        <v>28</v>
      </c>
      <c r="B480" s="1" t="s">
        <v>61</v>
      </c>
      <c r="C480" s="1" t="s">
        <v>12</v>
      </c>
      <c r="D480" s="1" t="s">
        <v>95</v>
      </c>
      <c r="E480" s="7" t="s">
        <v>133</v>
      </c>
      <c r="F480" s="5">
        <v>2024</v>
      </c>
      <c r="G480" s="1" t="s">
        <v>98</v>
      </c>
      <c r="H480" s="1" t="s">
        <v>14</v>
      </c>
      <c r="I480" s="1" t="s">
        <v>15</v>
      </c>
      <c r="J480" s="9">
        <v>70.5</v>
      </c>
    </row>
    <row r="481" spans="1:10" x14ac:dyDescent="0.35">
      <c r="A481" s="1" t="s">
        <v>62</v>
      </c>
      <c r="B481" s="1" t="s">
        <v>63</v>
      </c>
      <c r="C481" s="1" t="s">
        <v>12</v>
      </c>
      <c r="D481" s="1" t="s">
        <v>95</v>
      </c>
      <c r="E481" s="7" t="s">
        <v>133</v>
      </c>
      <c r="F481" s="5">
        <v>2024</v>
      </c>
      <c r="G481" s="1" t="s">
        <v>98</v>
      </c>
      <c r="H481" s="1" t="s">
        <v>14</v>
      </c>
      <c r="I481" s="1" t="s">
        <v>15</v>
      </c>
      <c r="J481" s="9">
        <v>61.6</v>
      </c>
    </row>
    <row r="482" spans="1:10" x14ac:dyDescent="0.35">
      <c r="A482" s="1" t="s">
        <v>62</v>
      </c>
      <c r="B482" s="1" t="s">
        <v>64</v>
      </c>
      <c r="C482" s="1" t="s">
        <v>12</v>
      </c>
      <c r="D482" s="1" t="s">
        <v>95</v>
      </c>
      <c r="E482" s="7" t="s">
        <v>133</v>
      </c>
      <c r="F482" s="5">
        <v>2024</v>
      </c>
      <c r="G482" s="1" t="s">
        <v>98</v>
      </c>
      <c r="H482" s="1" t="s">
        <v>14</v>
      </c>
      <c r="I482" s="1" t="s">
        <v>15</v>
      </c>
      <c r="J482" s="9">
        <v>71</v>
      </c>
    </row>
    <row r="483" spans="1:10" x14ac:dyDescent="0.35">
      <c r="A483" s="1" t="s">
        <v>62</v>
      </c>
      <c r="B483" s="1" t="s">
        <v>65</v>
      </c>
      <c r="C483" s="1" t="s">
        <v>12</v>
      </c>
      <c r="D483" s="1" t="s">
        <v>95</v>
      </c>
      <c r="E483" s="7" t="s">
        <v>133</v>
      </c>
      <c r="F483" s="5">
        <v>2024</v>
      </c>
      <c r="G483" s="1" t="s">
        <v>98</v>
      </c>
      <c r="H483" s="1" t="s">
        <v>14</v>
      </c>
      <c r="I483" s="1" t="s">
        <v>15</v>
      </c>
      <c r="J483" s="9">
        <v>81.7</v>
      </c>
    </row>
    <row r="484" spans="1:10" x14ac:dyDescent="0.35">
      <c r="A484" s="1" t="s">
        <v>62</v>
      </c>
      <c r="B484" s="1" t="s">
        <v>66</v>
      </c>
      <c r="C484" s="1" t="s">
        <v>12</v>
      </c>
      <c r="D484" s="1" t="s">
        <v>95</v>
      </c>
      <c r="E484" s="7" t="s">
        <v>133</v>
      </c>
      <c r="F484" s="5">
        <v>2024</v>
      </c>
      <c r="G484" s="1" t="s">
        <v>98</v>
      </c>
      <c r="H484" s="1" t="s">
        <v>14</v>
      </c>
      <c r="I484" s="1" t="s">
        <v>15</v>
      </c>
      <c r="J484" s="9">
        <v>58.1</v>
      </c>
    </row>
    <row r="485" spans="1:10" x14ac:dyDescent="0.35">
      <c r="A485" s="1" t="s">
        <v>62</v>
      </c>
      <c r="B485" s="1" t="s">
        <v>67</v>
      </c>
      <c r="C485" s="1" t="s">
        <v>12</v>
      </c>
      <c r="D485" s="1" t="s">
        <v>95</v>
      </c>
      <c r="E485" s="7" t="s">
        <v>133</v>
      </c>
      <c r="F485" s="5">
        <v>2024</v>
      </c>
      <c r="G485" s="1" t="s">
        <v>98</v>
      </c>
      <c r="H485" s="1" t="s">
        <v>14</v>
      </c>
      <c r="I485" s="1" t="s">
        <v>15</v>
      </c>
      <c r="J485" s="9">
        <v>61.7</v>
      </c>
    </row>
    <row r="486" spans="1:10" x14ac:dyDescent="0.35">
      <c r="A486" s="1" t="s">
        <v>62</v>
      </c>
      <c r="B486" s="1" t="s">
        <v>68</v>
      </c>
      <c r="C486" s="1" t="s">
        <v>12</v>
      </c>
      <c r="D486" s="1" t="s">
        <v>95</v>
      </c>
      <c r="E486" s="7" t="s">
        <v>133</v>
      </c>
      <c r="F486" s="5">
        <v>2024</v>
      </c>
      <c r="G486" s="1" t="s">
        <v>98</v>
      </c>
      <c r="H486" s="1" t="s">
        <v>14</v>
      </c>
      <c r="I486" s="1" t="s">
        <v>15</v>
      </c>
      <c r="J486" s="9">
        <v>65.900000000000006</v>
      </c>
    </row>
    <row r="487" spans="1:10" x14ac:dyDescent="0.35">
      <c r="A487" s="1" t="s">
        <v>62</v>
      </c>
      <c r="B487" s="1" t="s">
        <v>69</v>
      </c>
      <c r="C487" s="1" t="s">
        <v>12</v>
      </c>
      <c r="D487" s="1" t="s">
        <v>95</v>
      </c>
      <c r="E487" s="7" t="s">
        <v>133</v>
      </c>
      <c r="F487" s="5">
        <v>2024</v>
      </c>
      <c r="G487" s="1" t="s">
        <v>98</v>
      </c>
      <c r="H487" s="1" t="s">
        <v>14</v>
      </c>
      <c r="I487" s="1" t="s">
        <v>15</v>
      </c>
      <c r="J487" s="9">
        <v>61.5</v>
      </c>
    </row>
    <row r="488" spans="1:10" x14ac:dyDescent="0.35">
      <c r="A488" s="1" t="s">
        <v>62</v>
      </c>
      <c r="B488" s="1" t="s">
        <v>70</v>
      </c>
      <c r="C488" s="1" t="s">
        <v>12</v>
      </c>
      <c r="D488" s="1" t="s">
        <v>95</v>
      </c>
      <c r="E488" s="7" t="s">
        <v>133</v>
      </c>
      <c r="F488" s="5">
        <v>2024</v>
      </c>
      <c r="G488" s="1" t="s">
        <v>98</v>
      </c>
      <c r="H488" s="1" t="s">
        <v>14</v>
      </c>
      <c r="I488" s="1" t="s">
        <v>15</v>
      </c>
      <c r="J488" s="9">
        <v>74.400000000000006</v>
      </c>
    </row>
    <row r="489" spans="1:10" x14ac:dyDescent="0.35">
      <c r="A489" s="1" t="s">
        <v>35</v>
      </c>
      <c r="B489" s="1" t="s">
        <v>71</v>
      </c>
      <c r="C489" s="1" t="s">
        <v>12</v>
      </c>
      <c r="D489" s="1" t="s">
        <v>95</v>
      </c>
      <c r="E489" s="7" t="s">
        <v>133</v>
      </c>
      <c r="F489" s="5">
        <v>2024</v>
      </c>
      <c r="G489" s="1" t="s">
        <v>98</v>
      </c>
      <c r="H489" s="1" t="s">
        <v>14</v>
      </c>
      <c r="I489" s="1" t="s">
        <v>15</v>
      </c>
      <c r="J489" s="9">
        <v>70.5</v>
      </c>
    </row>
    <row r="490" spans="1:10" x14ac:dyDescent="0.35">
      <c r="A490" s="1" t="s">
        <v>20</v>
      </c>
      <c r="B490" s="1" t="s">
        <v>72</v>
      </c>
      <c r="C490" s="1" t="s">
        <v>12</v>
      </c>
      <c r="D490" s="1" t="s">
        <v>95</v>
      </c>
      <c r="E490" s="7" t="s">
        <v>133</v>
      </c>
      <c r="F490" s="5">
        <v>2024</v>
      </c>
      <c r="G490" s="1" t="s">
        <v>98</v>
      </c>
      <c r="H490" s="1" t="s">
        <v>14</v>
      </c>
      <c r="I490" s="1" t="s">
        <v>15</v>
      </c>
      <c r="J490" s="9">
        <v>77.5</v>
      </c>
    </row>
    <row r="491" spans="1:10" x14ac:dyDescent="0.35">
      <c r="A491" s="1" t="s">
        <v>26</v>
      </c>
      <c r="B491" s="1" t="s">
        <v>73</v>
      </c>
      <c r="C491" s="1" t="s">
        <v>12</v>
      </c>
      <c r="D491" s="1" t="s">
        <v>95</v>
      </c>
      <c r="E491" s="7" t="s">
        <v>133</v>
      </c>
      <c r="F491" s="5">
        <v>2024</v>
      </c>
      <c r="G491" s="1" t="s">
        <v>98</v>
      </c>
      <c r="H491" s="1" t="s">
        <v>14</v>
      </c>
      <c r="I491" s="1" t="s">
        <v>15</v>
      </c>
      <c r="J491" s="9">
        <v>83.9</v>
      </c>
    </row>
    <row r="492" spans="1:10" x14ac:dyDescent="0.35">
      <c r="A492" s="1" t="s">
        <v>28</v>
      </c>
      <c r="B492" s="1" t="s">
        <v>74</v>
      </c>
      <c r="C492" s="1" t="s">
        <v>12</v>
      </c>
      <c r="D492" s="1" t="s">
        <v>95</v>
      </c>
      <c r="E492" s="7" t="s">
        <v>133</v>
      </c>
      <c r="F492" s="5">
        <v>2024</v>
      </c>
      <c r="G492" s="1" t="s">
        <v>98</v>
      </c>
      <c r="H492" s="1" t="s">
        <v>14</v>
      </c>
      <c r="I492" s="1" t="s">
        <v>15</v>
      </c>
      <c r="J492" s="9">
        <v>73.7</v>
      </c>
    </row>
    <row r="493" spans="1:10" x14ac:dyDescent="0.35">
      <c r="A493" s="1" t="s">
        <v>33</v>
      </c>
      <c r="B493" s="1" t="s">
        <v>75</v>
      </c>
      <c r="C493" s="1" t="s">
        <v>12</v>
      </c>
      <c r="D493" s="1" t="s">
        <v>95</v>
      </c>
      <c r="E493" s="7" t="s">
        <v>133</v>
      </c>
      <c r="F493" s="5">
        <v>2024</v>
      </c>
      <c r="G493" s="1" t="s">
        <v>98</v>
      </c>
      <c r="H493" s="1" t="s">
        <v>14</v>
      </c>
      <c r="I493" s="1" t="s">
        <v>15</v>
      </c>
      <c r="J493" s="9">
        <v>70.099999999999994</v>
      </c>
    </row>
    <row r="494" spans="1:10" x14ac:dyDescent="0.35">
      <c r="A494" s="1" t="s">
        <v>22</v>
      </c>
      <c r="B494" s="1" t="s">
        <v>76</v>
      </c>
      <c r="C494" s="1" t="s">
        <v>12</v>
      </c>
      <c r="D494" s="1" t="s">
        <v>95</v>
      </c>
      <c r="E494" s="7" t="s">
        <v>133</v>
      </c>
      <c r="F494" s="5">
        <v>2024</v>
      </c>
      <c r="G494" s="1" t="s">
        <v>98</v>
      </c>
      <c r="H494" s="1" t="s">
        <v>14</v>
      </c>
      <c r="I494" s="1" t="s">
        <v>15</v>
      </c>
      <c r="J494" s="9">
        <v>73.900000000000006</v>
      </c>
    </row>
    <row r="495" spans="1:10" x14ac:dyDescent="0.35">
      <c r="A495" s="1" t="s">
        <v>33</v>
      </c>
      <c r="B495" s="1" t="s">
        <v>77</v>
      </c>
      <c r="C495" s="1" t="s">
        <v>12</v>
      </c>
      <c r="D495" s="1" t="s">
        <v>95</v>
      </c>
      <c r="E495" s="7" t="s">
        <v>133</v>
      </c>
      <c r="F495" s="5">
        <v>2024</v>
      </c>
      <c r="G495" s="1" t="s">
        <v>98</v>
      </c>
      <c r="H495" s="1" t="s">
        <v>14</v>
      </c>
      <c r="I495" s="1" t="s">
        <v>15</v>
      </c>
      <c r="J495" s="9">
        <v>78.7</v>
      </c>
    </row>
    <row r="496" spans="1:10" x14ac:dyDescent="0.35">
      <c r="A496" s="1" t="s">
        <v>22</v>
      </c>
      <c r="B496" s="1" t="s">
        <v>78</v>
      </c>
      <c r="C496" s="1" t="s">
        <v>12</v>
      </c>
      <c r="D496" s="1" t="s">
        <v>95</v>
      </c>
      <c r="E496" s="7" t="s">
        <v>133</v>
      </c>
      <c r="F496" s="5">
        <v>2024</v>
      </c>
      <c r="G496" s="1" t="s">
        <v>98</v>
      </c>
      <c r="H496" s="1" t="s">
        <v>14</v>
      </c>
      <c r="I496" s="1" t="s">
        <v>15</v>
      </c>
      <c r="J496" s="9">
        <v>81.099999999999994</v>
      </c>
    </row>
    <row r="497" spans="1:10" x14ac:dyDescent="0.35">
      <c r="A497" s="1" t="s">
        <v>28</v>
      </c>
      <c r="B497" s="1" t="s">
        <v>79</v>
      </c>
      <c r="C497" s="1" t="s">
        <v>12</v>
      </c>
      <c r="D497" s="1" t="s">
        <v>95</v>
      </c>
      <c r="E497" s="7" t="s">
        <v>133</v>
      </c>
      <c r="F497" s="5">
        <v>2024</v>
      </c>
      <c r="G497" s="1" t="s">
        <v>98</v>
      </c>
      <c r="H497" s="1" t="s">
        <v>14</v>
      </c>
      <c r="I497" s="1" t="s">
        <v>15</v>
      </c>
      <c r="J497" s="9">
        <v>80.2</v>
      </c>
    </row>
    <row r="498" spans="1:10" x14ac:dyDescent="0.35">
      <c r="A498" s="1" t="s">
        <v>26</v>
      </c>
      <c r="B498" s="1" t="s">
        <v>80</v>
      </c>
      <c r="C498" s="1" t="s">
        <v>12</v>
      </c>
      <c r="D498" s="1" t="s">
        <v>95</v>
      </c>
      <c r="E498" s="7" t="s">
        <v>133</v>
      </c>
      <c r="F498" s="5">
        <v>2024</v>
      </c>
      <c r="G498" s="1" t="s">
        <v>98</v>
      </c>
      <c r="H498" s="1" t="s">
        <v>14</v>
      </c>
      <c r="I498" s="1" t="s">
        <v>15</v>
      </c>
      <c r="J498" s="9">
        <v>71.7</v>
      </c>
    </row>
    <row r="499" spans="1:10" x14ac:dyDescent="0.35">
      <c r="A499" s="1" t="s">
        <v>20</v>
      </c>
      <c r="B499" s="1" t="s">
        <v>81</v>
      </c>
      <c r="C499" s="1" t="s">
        <v>12</v>
      </c>
      <c r="D499" s="1" t="s">
        <v>95</v>
      </c>
      <c r="E499" s="7" t="s">
        <v>133</v>
      </c>
      <c r="F499" s="5">
        <v>2024</v>
      </c>
      <c r="G499" s="1" t="s">
        <v>98</v>
      </c>
      <c r="H499" s="1" t="s">
        <v>14</v>
      </c>
      <c r="I499" s="1" t="s">
        <v>15</v>
      </c>
      <c r="J499" s="9">
        <v>66.5</v>
      </c>
    </row>
    <row r="500" spans="1:10" x14ac:dyDescent="0.35">
      <c r="A500" s="1" t="s">
        <v>33</v>
      </c>
      <c r="B500" s="1" t="s">
        <v>82</v>
      </c>
      <c r="C500" s="1" t="s">
        <v>12</v>
      </c>
      <c r="D500" s="1" t="s">
        <v>95</v>
      </c>
      <c r="E500" s="7" t="s">
        <v>133</v>
      </c>
      <c r="F500" s="5">
        <v>2024</v>
      </c>
      <c r="G500" s="1" t="s">
        <v>98</v>
      </c>
      <c r="H500" s="1" t="s">
        <v>14</v>
      </c>
      <c r="I500" s="1" t="s">
        <v>15</v>
      </c>
      <c r="J500" s="9">
        <v>76.3</v>
      </c>
    </row>
    <row r="501" spans="1:10" x14ac:dyDescent="0.35">
      <c r="A501" s="1" t="s">
        <v>26</v>
      </c>
      <c r="B501" s="1" t="s">
        <v>83</v>
      </c>
      <c r="C501" s="1" t="s">
        <v>12</v>
      </c>
      <c r="D501" s="1" t="s">
        <v>95</v>
      </c>
      <c r="E501" s="7" t="s">
        <v>133</v>
      </c>
      <c r="F501" s="5">
        <v>2024</v>
      </c>
      <c r="G501" s="1" t="s">
        <v>98</v>
      </c>
      <c r="H501" s="1" t="s">
        <v>14</v>
      </c>
      <c r="I501" s="1" t="s">
        <v>15</v>
      </c>
      <c r="J501" s="9">
        <v>80</v>
      </c>
    </row>
    <row r="502" spans="1:10" x14ac:dyDescent="0.35">
      <c r="A502" s="1" t="s">
        <v>35</v>
      </c>
      <c r="B502" s="1" t="s">
        <v>84</v>
      </c>
      <c r="C502" s="1" t="s">
        <v>12</v>
      </c>
      <c r="D502" s="1" t="s">
        <v>95</v>
      </c>
      <c r="E502" s="7" t="s">
        <v>133</v>
      </c>
      <c r="F502" s="5">
        <v>2024</v>
      </c>
      <c r="G502" s="1" t="s">
        <v>98</v>
      </c>
      <c r="H502" s="1" t="s">
        <v>14</v>
      </c>
      <c r="I502" s="1" t="s">
        <v>15</v>
      </c>
      <c r="J502" s="9">
        <v>76.599999999999994</v>
      </c>
    </row>
    <row r="503" spans="1:10" x14ac:dyDescent="0.35">
      <c r="A503" s="1" t="s">
        <v>33</v>
      </c>
      <c r="B503" s="1" t="s">
        <v>85</v>
      </c>
      <c r="C503" s="1" t="s">
        <v>12</v>
      </c>
      <c r="D503" s="1" t="s">
        <v>95</v>
      </c>
      <c r="E503" s="7" t="s">
        <v>133</v>
      </c>
      <c r="F503" s="5">
        <v>2024</v>
      </c>
      <c r="G503" s="1" t="s">
        <v>98</v>
      </c>
      <c r="H503" s="1" t="s">
        <v>14</v>
      </c>
      <c r="I503" s="1" t="s">
        <v>15</v>
      </c>
      <c r="J503" s="9">
        <v>66.8</v>
      </c>
    </row>
    <row r="504" spans="1:10" x14ac:dyDescent="0.35">
      <c r="A504" s="1" t="s">
        <v>33</v>
      </c>
      <c r="B504" s="1" t="s">
        <v>86</v>
      </c>
      <c r="C504" s="1" t="s">
        <v>12</v>
      </c>
      <c r="D504" s="1" t="s">
        <v>95</v>
      </c>
      <c r="E504" s="7" t="s">
        <v>133</v>
      </c>
      <c r="F504" s="5">
        <v>2024</v>
      </c>
      <c r="G504" s="1" t="s">
        <v>98</v>
      </c>
      <c r="H504" s="1" t="s">
        <v>14</v>
      </c>
      <c r="I504" s="1" t="s">
        <v>15</v>
      </c>
      <c r="J504" s="9">
        <v>69.900000000000006</v>
      </c>
    </row>
    <row r="505" spans="1:10" x14ac:dyDescent="0.35">
      <c r="A505" s="1" t="s">
        <v>35</v>
      </c>
      <c r="B505" s="1" t="s">
        <v>87</v>
      </c>
      <c r="C505" s="1" t="s">
        <v>12</v>
      </c>
      <c r="D505" s="1" t="s">
        <v>95</v>
      </c>
      <c r="E505" s="7" t="s">
        <v>133</v>
      </c>
      <c r="F505" s="5">
        <v>2024</v>
      </c>
      <c r="G505" s="1" t="s">
        <v>98</v>
      </c>
      <c r="H505" s="1" t="s">
        <v>14</v>
      </c>
      <c r="I505" s="1" t="s">
        <v>15</v>
      </c>
      <c r="J505" s="9">
        <v>70.8</v>
      </c>
    </row>
    <row r="506" spans="1:10" x14ac:dyDescent="0.35">
      <c r="A506" s="1" t="s">
        <v>35</v>
      </c>
      <c r="B506" s="1" t="s">
        <v>88</v>
      </c>
      <c r="C506" s="1" t="s">
        <v>12</v>
      </c>
      <c r="D506" s="1" t="s">
        <v>95</v>
      </c>
      <c r="E506" s="7" t="s">
        <v>133</v>
      </c>
      <c r="F506" s="5">
        <v>2024</v>
      </c>
      <c r="G506" s="1" t="s">
        <v>98</v>
      </c>
      <c r="H506" s="1" t="s">
        <v>14</v>
      </c>
      <c r="I506" s="1" t="s">
        <v>15</v>
      </c>
      <c r="J506" s="9">
        <v>74.3</v>
      </c>
    </row>
    <row r="507" spans="1:10" x14ac:dyDescent="0.35">
      <c r="A507" s="1" t="s">
        <v>62</v>
      </c>
      <c r="B507" s="1" t="s">
        <v>89</v>
      </c>
      <c r="C507" s="1" t="s">
        <v>12</v>
      </c>
      <c r="D507" s="1" t="s">
        <v>95</v>
      </c>
      <c r="E507" s="7" t="s">
        <v>133</v>
      </c>
      <c r="F507" s="5">
        <v>2024</v>
      </c>
      <c r="G507" s="1" t="s">
        <v>98</v>
      </c>
      <c r="H507" s="1" t="s">
        <v>14</v>
      </c>
      <c r="I507" s="1" t="s">
        <v>15</v>
      </c>
      <c r="J507" s="9">
        <v>72.599999999999994</v>
      </c>
    </row>
    <row r="508" spans="1:10" x14ac:dyDescent="0.35">
      <c r="A508" s="1" t="s">
        <v>26</v>
      </c>
      <c r="B508" s="1" t="s">
        <v>90</v>
      </c>
      <c r="C508" s="1" t="s">
        <v>12</v>
      </c>
      <c r="D508" s="1" t="s">
        <v>95</v>
      </c>
      <c r="E508" s="7" t="s">
        <v>133</v>
      </c>
      <c r="F508" s="5">
        <v>2024</v>
      </c>
      <c r="G508" s="1" t="s">
        <v>98</v>
      </c>
      <c r="H508" s="1" t="s">
        <v>14</v>
      </c>
      <c r="I508" s="1" t="s">
        <v>15</v>
      </c>
      <c r="J508" s="9">
        <v>81.099999999999994</v>
      </c>
    </row>
    <row r="509" spans="1:10" x14ac:dyDescent="0.35">
      <c r="A509" s="1" t="s">
        <v>26</v>
      </c>
      <c r="B509" s="1" t="s">
        <v>91</v>
      </c>
      <c r="C509" s="1" t="s">
        <v>12</v>
      </c>
      <c r="D509" s="1" t="s">
        <v>95</v>
      </c>
      <c r="E509" s="7" t="s">
        <v>133</v>
      </c>
      <c r="F509" s="5">
        <v>2024</v>
      </c>
      <c r="G509" s="1" t="s">
        <v>98</v>
      </c>
      <c r="H509" s="1" t="s">
        <v>14</v>
      </c>
      <c r="I509" s="1" t="s">
        <v>15</v>
      </c>
      <c r="J509" s="9">
        <v>65.099999999999994</v>
      </c>
    </row>
    <row r="510" spans="1:10" x14ac:dyDescent="0.35">
      <c r="A510" s="1" t="s">
        <v>33</v>
      </c>
      <c r="B510" s="1" t="s">
        <v>92</v>
      </c>
      <c r="C510" s="1" t="s">
        <v>12</v>
      </c>
      <c r="D510" s="1" t="s">
        <v>95</v>
      </c>
      <c r="E510" s="7" t="s">
        <v>133</v>
      </c>
      <c r="F510" s="5">
        <v>2024</v>
      </c>
      <c r="G510" s="1" t="s">
        <v>98</v>
      </c>
      <c r="H510" s="1" t="s">
        <v>14</v>
      </c>
      <c r="I510" s="1" t="s">
        <v>15</v>
      </c>
      <c r="J510" s="9">
        <v>77.099999999999994</v>
      </c>
    </row>
    <row r="511" spans="1:10" x14ac:dyDescent="0.35">
      <c r="A511" s="1" t="s">
        <v>35</v>
      </c>
      <c r="B511" s="1" t="s">
        <v>93</v>
      </c>
      <c r="C511" s="1" t="s">
        <v>12</v>
      </c>
      <c r="D511" s="1" t="s">
        <v>95</v>
      </c>
      <c r="E511" s="7" t="s">
        <v>133</v>
      </c>
      <c r="F511" s="5">
        <v>2024</v>
      </c>
      <c r="G511" s="1" t="s">
        <v>98</v>
      </c>
      <c r="H511" s="1" t="s">
        <v>14</v>
      </c>
      <c r="I511" s="1" t="s">
        <v>15</v>
      </c>
      <c r="J511" s="9">
        <v>80.2</v>
      </c>
    </row>
    <row r="512" spans="1:10" x14ac:dyDescent="0.35">
      <c r="A512" s="1" t="s">
        <v>20</v>
      </c>
      <c r="B512" s="1" t="s">
        <v>94</v>
      </c>
      <c r="C512" s="1" t="s">
        <v>12</v>
      </c>
      <c r="D512" s="1" t="s">
        <v>95</v>
      </c>
      <c r="E512" s="7" t="s">
        <v>133</v>
      </c>
      <c r="F512" s="5">
        <v>2024</v>
      </c>
      <c r="G512" s="1" t="s">
        <v>98</v>
      </c>
      <c r="H512" s="1" t="s">
        <v>14</v>
      </c>
      <c r="I512" s="1" t="s">
        <v>15</v>
      </c>
      <c r="J512" s="9">
        <v>51.8</v>
      </c>
    </row>
    <row r="513" spans="1:10" x14ac:dyDescent="0.35">
      <c r="A513" s="1" t="s">
        <v>10</v>
      </c>
      <c r="B513" s="1" t="s">
        <v>11</v>
      </c>
      <c r="C513" s="1" t="s">
        <v>12</v>
      </c>
      <c r="D513" s="1" t="s">
        <v>96</v>
      </c>
      <c r="E513" s="7" t="s">
        <v>133</v>
      </c>
      <c r="F513" s="5">
        <v>2024</v>
      </c>
      <c r="G513" s="1" t="s">
        <v>97</v>
      </c>
      <c r="H513" s="1" t="s">
        <v>14</v>
      </c>
      <c r="I513" s="1" t="s">
        <v>15</v>
      </c>
      <c r="J513" s="9">
        <v>26.9</v>
      </c>
    </row>
    <row r="514" spans="1:10" x14ac:dyDescent="0.35">
      <c r="A514" s="1" t="s">
        <v>10</v>
      </c>
      <c r="B514" s="1" t="s">
        <v>16</v>
      </c>
      <c r="C514" s="1" t="s">
        <v>12</v>
      </c>
      <c r="D514" s="1" t="s">
        <v>96</v>
      </c>
      <c r="E514" s="7" t="s">
        <v>133</v>
      </c>
      <c r="F514" s="5">
        <v>2024</v>
      </c>
      <c r="G514" s="1" t="s">
        <v>97</v>
      </c>
      <c r="H514" s="1" t="s">
        <v>14</v>
      </c>
      <c r="I514" s="1" t="s">
        <v>15</v>
      </c>
      <c r="J514" s="9">
        <v>17.7</v>
      </c>
    </row>
    <row r="515" spans="1:10" x14ac:dyDescent="0.35">
      <c r="A515" s="1" t="s">
        <v>10</v>
      </c>
      <c r="B515" s="1" t="s">
        <v>17</v>
      </c>
      <c r="C515" s="1" t="s">
        <v>12</v>
      </c>
      <c r="D515" s="1" t="s">
        <v>96</v>
      </c>
      <c r="E515" s="7" t="s">
        <v>133</v>
      </c>
      <c r="F515" s="5">
        <v>2024</v>
      </c>
      <c r="G515" s="1" t="s">
        <v>97</v>
      </c>
      <c r="H515" s="1" t="s">
        <v>14</v>
      </c>
      <c r="I515" s="1" t="s">
        <v>15</v>
      </c>
      <c r="J515" s="9">
        <v>14.1</v>
      </c>
    </row>
    <row r="516" spans="1:10" x14ac:dyDescent="0.35">
      <c r="A516" s="1" t="s">
        <v>10</v>
      </c>
      <c r="B516" s="1" t="s">
        <v>18</v>
      </c>
      <c r="C516" s="1" t="s">
        <v>12</v>
      </c>
      <c r="D516" s="1" t="s">
        <v>96</v>
      </c>
      <c r="E516" s="7" t="s">
        <v>133</v>
      </c>
      <c r="F516" s="5">
        <v>2024</v>
      </c>
      <c r="G516" s="1" t="s">
        <v>97</v>
      </c>
      <c r="H516" s="1" t="s">
        <v>14</v>
      </c>
      <c r="I516" s="1" t="s">
        <v>15</v>
      </c>
      <c r="J516" s="9">
        <v>12.7</v>
      </c>
    </row>
    <row r="517" spans="1:10" x14ac:dyDescent="0.35">
      <c r="A517" s="1" t="s">
        <v>10</v>
      </c>
      <c r="B517" s="1" t="s">
        <v>19</v>
      </c>
      <c r="C517" s="1" t="s">
        <v>12</v>
      </c>
      <c r="D517" s="1" t="s">
        <v>96</v>
      </c>
      <c r="E517" s="7" t="s">
        <v>133</v>
      </c>
      <c r="F517" s="5">
        <v>2024</v>
      </c>
      <c r="G517" s="1" t="s">
        <v>97</v>
      </c>
      <c r="H517" s="1" t="s">
        <v>14</v>
      </c>
      <c r="I517" s="1" t="s">
        <v>15</v>
      </c>
      <c r="J517" s="9">
        <v>12.6</v>
      </c>
    </row>
    <row r="518" spans="1:10" x14ac:dyDescent="0.35">
      <c r="A518" s="1" t="s">
        <v>20</v>
      </c>
      <c r="B518" s="1" t="s">
        <v>21</v>
      </c>
      <c r="C518" s="1" t="s">
        <v>12</v>
      </c>
      <c r="D518" s="1" t="s">
        <v>96</v>
      </c>
      <c r="E518" s="7" t="s">
        <v>133</v>
      </c>
      <c r="F518" s="5">
        <v>2024</v>
      </c>
      <c r="G518" s="1" t="s">
        <v>97</v>
      </c>
      <c r="H518" s="1" t="s">
        <v>14</v>
      </c>
      <c r="I518" s="1" t="s">
        <v>15</v>
      </c>
      <c r="J518" s="9">
        <v>19.3</v>
      </c>
    </row>
    <row r="519" spans="1:10" x14ac:dyDescent="0.35">
      <c r="A519" s="1" t="s">
        <v>22</v>
      </c>
      <c r="B519" s="1" t="s">
        <v>23</v>
      </c>
      <c r="C519" s="1" t="s">
        <v>12</v>
      </c>
      <c r="D519" s="1" t="s">
        <v>96</v>
      </c>
      <c r="E519" s="7" t="s">
        <v>133</v>
      </c>
      <c r="F519" s="5">
        <v>2024</v>
      </c>
      <c r="G519" s="1" t="s">
        <v>97</v>
      </c>
      <c r="H519" s="1" t="s">
        <v>14</v>
      </c>
      <c r="I519" s="1" t="s">
        <v>15</v>
      </c>
      <c r="J519" s="9">
        <v>16.600000000000001</v>
      </c>
    </row>
    <row r="520" spans="1:10" x14ac:dyDescent="0.35">
      <c r="A520" s="1" t="s">
        <v>10</v>
      </c>
      <c r="B520" s="1" t="s">
        <v>24</v>
      </c>
      <c r="C520" s="1" t="s">
        <v>12</v>
      </c>
      <c r="D520" s="1" t="s">
        <v>96</v>
      </c>
      <c r="E520" s="7" t="s">
        <v>133</v>
      </c>
      <c r="F520" s="5">
        <v>2024</v>
      </c>
      <c r="G520" s="1" t="s">
        <v>97</v>
      </c>
      <c r="H520" s="1" t="s">
        <v>14</v>
      </c>
      <c r="I520" s="1" t="s">
        <v>15</v>
      </c>
      <c r="J520" s="9">
        <v>19.3</v>
      </c>
    </row>
    <row r="521" spans="1:10" x14ac:dyDescent="0.35">
      <c r="A521" s="1" t="s">
        <v>10</v>
      </c>
      <c r="B521" s="1" t="s">
        <v>25</v>
      </c>
      <c r="C521" s="1" t="s">
        <v>12</v>
      </c>
      <c r="D521" s="1" t="s">
        <v>96</v>
      </c>
      <c r="E521" s="7" t="s">
        <v>133</v>
      </c>
      <c r="F521" s="5">
        <v>2024</v>
      </c>
      <c r="G521" s="1" t="s">
        <v>97</v>
      </c>
      <c r="H521" s="1" t="s">
        <v>14</v>
      </c>
      <c r="I521" s="1" t="s">
        <v>15</v>
      </c>
      <c r="J521" s="9">
        <v>22.9</v>
      </c>
    </row>
    <row r="522" spans="1:10" x14ac:dyDescent="0.35">
      <c r="A522" s="1" t="s">
        <v>26</v>
      </c>
      <c r="B522" s="1" t="s">
        <v>27</v>
      </c>
      <c r="C522" s="1" t="s">
        <v>12</v>
      </c>
      <c r="D522" s="1" t="s">
        <v>96</v>
      </c>
      <c r="E522" s="7" t="s">
        <v>133</v>
      </c>
      <c r="F522" s="5">
        <v>2024</v>
      </c>
      <c r="G522" s="1" t="s">
        <v>97</v>
      </c>
      <c r="H522" s="1" t="s">
        <v>14</v>
      </c>
      <c r="I522" s="1" t="s">
        <v>15</v>
      </c>
      <c r="J522" s="9">
        <v>25</v>
      </c>
    </row>
    <row r="523" spans="1:10" x14ac:dyDescent="0.35">
      <c r="A523" s="1" t="s">
        <v>28</v>
      </c>
      <c r="B523" s="1" t="s">
        <v>29</v>
      </c>
      <c r="C523" s="1" t="s">
        <v>12</v>
      </c>
      <c r="D523" s="1" t="s">
        <v>96</v>
      </c>
      <c r="E523" s="7" t="s">
        <v>133</v>
      </c>
      <c r="F523" s="5">
        <v>2024</v>
      </c>
      <c r="G523" s="1" t="s">
        <v>97</v>
      </c>
      <c r="H523" s="1" t="s">
        <v>14</v>
      </c>
      <c r="I523" s="1" t="s">
        <v>15</v>
      </c>
      <c r="J523" s="9">
        <v>27.9</v>
      </c>
    </row>
    <row r="524" spans="1:10" x14ac:dyDescent="0.35">
      <c r="A524" s="1" t="s">
        <v>10</v>
      </c>
      <c r="B524" s="1" t="s">
        <v>30</v>
      </c>
      <c r="C524" s="1" t="s">
        <v>12</v>
      </c>
      <c r="D524" s="1" t="s">
        <v>96</v>
      </c>
      <c r="E524" s="7" t="s">
        <v>133</v>
      </c>
      <c r="F524" s="5">
        <v>2024</v>
      </c>
      <c r="G524" s="1" t="s">
        <v>97</v>
      </c>
      <c r="H524" s="1" t="s">
        <v>14</v>
      </c>
      <c r="I524" s="1" t="s">
        <v>15</v>
      </c>
      <c r="J524" s="9">
        <v>13.5</v>
      </c>
    </row>
    <row r="525" spans="1:10" x14ac:dyDescent="0.35">
      <c r="A525" s="1" t="s">
        <v>26</v>
      </c>
      <c r="B525" s="1" t="s">
        <v>31</v>
      </c>
      <c r="C525" s="1" t="s">
        <v>12</v>
      </c>
      <c r="D525" s="1" t="s">
        <v>96</v>
      </c>
      <c r="E525" s="7" t="s">
        <v>133</v>
      </c>
      <c r="F525" s="5">
        <v>2024</v>
      </c>
      <c r="G525" s="1" t="s">
        <v>97</v>
      </c>
      <c r="H525" s="1" t="s">
        <v>14</v>
      </c>
      <c r="I525" s="1" t="s">
        <v>15</v>
      </c>
      <c r="J525" s="9">
        <v>17.8</v>
      </c>
    </row>
    <row r="526" spans="1:10" x14ac:dyDescent="0.35">
      <c r="A526" s="1" t="s">
        <v>28</v>
      </c>
      <c r="B526" s="1" t="s">
        <v>32</v>
      </c>
      <c r="C526" s="1" t="s">
        <v>12</v>
      </c>
      <c r="D526" s="1" t="s">
        <v>96</v>
      </c>
      <c r="E526" s="7" t="s">
        <v>133</v>
      </c>
      <c r="F526" s="5">
        <v>2024</v>
      </c>
      <c r="G526" s="1" t="s">
        <v>97</v>
      </c>
      <c r="H526" s="1" t="s">
        <v>14</v>
      </c>
      <c r="I526" s="1" t="s">
        <v>15</v>
      </c>
      <c r="J526" s="9">
        <v>29</v>
      </c>
    </row>
    <row r="527" spans="1:10" x14ac:dyDescent="0.35">
      <c r="A527" s="1" t="s">
        <v>33</v>
      </c>
      <c r="B527" s="1" t="s">
        <v>34</v>
      </c>
      <c r="C527" s="1" t="s">
        <v>12</v>
      </c>
      <c r="D527" s="1" t="s">
        <v>96</v>
      </c>
      <c r="E527" s="7" t="s">
        <v>133</v>
      </c>
      <c r="F527" s="5">
        <v>2024</v>
      </c>
      <c r="G527" s="1" t="s">
        <v>97</v>
      </c>
      <c r="H527" s="1" t="s">
        <v>14</v>
      </c>
      <c r="I527" s="1" t="s">
        <v>15</v>
      </c>
      <c r="J527" s="9">
        <v>26.8</v>
      </c>
    </row>
    <row r="528" spans="1:10" x14ac:dyDescent="0.35">
      <c r="A528" s="1" t="s">
        <v>35</v>
      </c>
      <c r="B528" s="1" t="s">
        <v>36</v>
      </c>
      <c r="C528" s="1" t="s">
        <v>12</v>
      </c>
      <c r="D528" s="1" t="s">
        <v>96</v>
      </c>
      <c r="E528" s="7" t="s">
        <v>133</v>
      </c>
      <c r="F528" s="5">
        <v>2024</v>
      </c>
      <c r="G528" s="1" t="s">
        <v>97</v>
      </c>
      <c r="H528" s="1" t="s">
        <v>14</v>
      </c>
      <c r="I528" s="1" t="s">
        <v>15</v>
      </c>
      <c r="J528" s="9">
        <v>25.2</v>
      </c>
    </row>
    <row r="529" spans="1:10" x14ac:dyDescent="0.35">
      <c r="A529" s="1" t="s">
        <v>28</v>
      </c>
      <c r="B529" s="1" t="s">
        <v>37</v>
      </c>
      <c r="C529" s="1" t="s">
        <v>12</v>
      </c>
      <c r="D529" s="1" t="s">
        <v>96</v>
      </c>
      <c r="E529" s="7" t="s">
        <v>133</v>
      </c>
      <c r="F529" s="5">
        <v>2024</v>
      </c>
      <c r="G529" s="1" t="s">
        <v>97</v>
      </c>
      <c r="H529" s="1" t="s">
        <v>14</v>
      </c>
      <c r="I529" s="1" t="s">
        <v>15</v>
      </c>
      <c r="J529" s="9">
        <v>15.8</v>
      </c>
    </row>
    <row r="530" spans="1:10" x14ac:dyDescent="0.35">
      <c r="A530" s="1" t="s">
        <v>20</v>
      </c>
      <c r="B530" s="1" t="s">
        <v>38</v>
      </c>
      <c r="C530" s="1" t="s">
        <v>12</v>
      </c>
      <c r="D530" s="1" t="s">
        <v>96</v>
      </c>
      <c r="E530" s="7" t="s">
        <v>133</v>
      </c>
      <c r="F530" s="5">
        <v>2024</v>
      </c>
      <c r="G530" s="1" t="s">
        <v>97</v>
      </c>
      <c r="H530" s="1" t="s">
        <v>14</v>
      </c>
      <c r="I530" s="1" t="s">
        <v>15</v>
      </c>
      <c r="J530" s="9"/>
    </row>
    <row r="531" spans="1:10" x14ac:dyDescent="0.35">
      <c r="A531" s="1" t="s">
        <v>33</v>
      </c>
      <c r="B531" s="1" t="s">
        <v>39</v>
      </c>
      <c r="C531" s="1" t="s">
        <v>12</v>
      </c>
      <c r="D531" s="1" t="s">
        <v>96</v>
      </c>
      <c r="E531" s="7" t="s">
        <v>133</v>
      </c>
      <c r="F531" s="5">
        <v>2024</v>
      </c>
      <c r="G531" s="1" t="s">
        <v>97</v>
      </c>
      <c r="H531" s="1" t="s">
        <v>14</v>
      </c>
      <c r="I531" s="1" t="s">
        <v>15</v>
      </c>
      <c r="J531" s="9">
        <v>18.2</v>
      </c>
    </row>
    <row r="532" spans="1:10" x14ac:dyDescent="0.35">
      <c r="A532" s="1" t="s">
        <v>20</v>
      </c>
      <c r="B532" s="1" t="s">
        <v>40</v>
      </c>
      <c r="C532" s="1" t="s">
        <v>12</v>
      </c>
      <c r="D532" s="1" t="s">
        <v>96</v>
      </c>
      <c r="E532" s="7" t="s">
        <v>133</v>
      </c>
      <c r="F532" s="5">
        <v>2024</v>
      </c>
      <c r="G532" s="1" t="s">
        <v>97</v>
      </c>
      <c r="H532" s="1" t="s">
        <v>14</v>
      </c>
      <c r="I532" s="1" t="s">
        <v>15</v>
      </c>
      <c r="J532" s="9">
        <v>34.700000000000003</v>
      </c>
    </row>
    <row r="533" spans="1:10" x14ac:dyDescent="0.35">
      <c r="A533" s="1" t="s">
        <v>35</v>
      </c>
      <c r="B533" s="1" t="s">
        <v>41</v>
      </c>
      <c r="C533" s="1" t="s">
        <v>12</v>
      </c>
      <c r="D533" s="1" t="s">
        <v>96</v>
      </c>
      <c r="E533" s="7" t="s">
        <v>133</v>
      </c>
      <c r="F533" s="5">
        <v>2024</v>
      </c>
      <c r="G533" s="1" t="s">
        <v>97</v>
      </c>
      <c r="H533" s="1" t="s">
        <v>14</v>
      </c>
      <c r="I533" s="1" t="s">
        <v>15</v>
      </c>
      <c r="J533" s="9">
        <v>28.3</v>
      </c>
    </row>
    <row r="534" spans="1:10" x14ac:dyDescent="0.35">
      <c r="A534" s="1" t="s">
        <v>35</v>
      </c>
      <c r="B534" s="1" t="s">
        <v>42</v>
      </c>
      <c r="C534" s="1" t="s">
        <v>12</v>
      </c>
      <c r="D534" s="1" t="s">
        <v>96</v>
      </c>
      <c r="E534" s="7" t="s">
        <v>133</v>
      </c>
      <c r="F534" s="5">
        <v>2024</v>
      </c>
      <c r="G534" s="1" t="s">
        <v>97</v>
      </c>
      <c r="H534" s="1" t="s">
        <v>14</v>
      </c>
      <c r="I534" s="1" t="s">
        <v>15</v>
      </c>
      <c r="J534" s="9">
        <v>30.1</v>
      </c>
    </row>
    <row r="535" spans="1:10" x14ac:dyDescent="0.35">
      <c r="A535" s="1" t="s">
        <v>35</v>
      </c>
      <c r="B535" s="1" t="s">
        <v>43</v>
      </c>
      <c r="C535" s="1" t="s">
        <v>12</v>
      </c>
      <c r="D535" s="1" t="s">
        <v>96</v>
      </c>
      <c r="E535" s="7" t="s">
        <v>133</v>
      </c>
      <c r="F535" s="5">
        <v>2024</v>
      </c>
      <c r="G535" s="1" t="s">
        <v>97</v>
      </c>
      <c r="H535" s="1" t="s">
        <v>14</v>
      </c>
      <c r="I535" s="1" t="s">
        <v>15</v>
      </c>
      <c r="J535" s="9">
        <v>20.8</v>
      </c>
    </row>
    <row r="536" spans="1:10" x14ac:dyDescent="0.35">
      <c r="A536" s="1" t="s">
        <v>28</v>
      </c>
      <c r="B536" s="1" t="s">
        <v>44</v>
      </c>
      <c r="C536" s="1" t="s">
        <v>12</v>
      </c>
      <c r="D536" s="1" t="s">
        <v>96</v>
      </c>
      <c r="E536" s="7" t="s">
        <v>133</v>
      </c>
      <c r="F536" s="5">
        <v>2024</v>
      </c>
      <c r="G536" s="1" t="s">
        <v>97</v>
      </c>
      <c r="H536" s="1" t="s">
        <v>14</v>
      </c>
      <c r="I536" s="1" t="s">
        <v>15</v>
      </c>
      <c r="J536" s="9">
        <v>18.899999999999999</v>
      </c>
    </row>
    <row r="537" spans="1:10" x14ac:dyDescent="0.35">
      <c r="A537" s="1" t="s">
        <v>10</v>
      </c>
      <c r="B537" s="1" t="s">
        <v>45</v>
      </c>
      <c r="C537" s="1" t="s">
        <v>12</v>
      </c>
      <c r="D537" s="1" t="s">
        <v>96</v>
      </c>
      <c r="E537" s="7" t="s">
        <v>133</v>
      </c>
      <c r="F537" s="5">
        <v>2024</v>
      </c>
      <c r="G537" s="1" t="s">
        <v>97</v>
      </c>
      <c r="H537" s="1" t="s">
        <v>14</v>
      </c>
      <c r="I537" s="1" t="s">
        <v>15</v>
      </c>
      <c r="J537" s="9">
        <v>18</v>
      </c>
    </row>
    <row r="538" spans="1:10" x14ac:dyDescent="0.35">
      <c r="A538" s="1" t="s">
        <v>10</v>
      </c>
      <c r="B538" s="1" t="s">
        <v>46</v>
      </c>
      <c r="C538" s="1" t="s">
        <v>12</v>
      </c>
      <c r="D538" s="1" t="s">
        <v>96</v>
      </c>
      <c r="E538" s="7" t="s">
        <v>133</v>
      </c>
      <c r="F538" s="5">
        <v>2024</v>
      </c>
      <c r="G538" s="1" t="s">
        <v>97</v>
      </c>
      <c r="H538" s="1" t="s">
        <v>14</v>
      </c>
      <c r="I538" s="1" t="s">
        <v>15</v>
      </c>
      <c r="J538" s="9">
        <v>23.7</v>
      </c>
    </row>
    <row r="539" spans="1:10" x14ac:dyDescent="0.35">
      <c r="A539" s="1" t="s">
        <v>33</v>
      </c>
      <c r="B539" s="1" t="s">
        <v>47</v>
      </c>
      <c r="C539" s="1" t="s">
        <v>12</v>
      </c>
      <c r="D539" s="1" t="s">
        <v>96</v>
      </c>
      <c r="E539" s="7" t="s">
        <v>133</v>
      </c>
      <c r="F539" s="5">
        <v>2024</v>
      </c>
      <c r="G539" s="1" t="s">
        <v>97</v>
      </c>
      <c r="H539" s="1" t="s">
        <v>14</v>
      </c>
      <c r="I539" s="1" t="s">
        <v>15</v>
      </c>
      <c r="J539" s="9">
        <v>18.899999999999999</v>
      </c>
    </row>
    <row r="540" spans="1:10" x14ac:dyDescent="0.35">
      <c r="A540" s="1" t="s">
        <v>20</v>
      </c>
      <c r="B540" s="1" t="s">
        <v>48</v>
      </c>
      <c r="C540" s="1" t="s">
        <v>12</v>
      </c>
      <c r="D540" s="1" t="s">
        <v>96</v>
      </c>
      <c r="E540" s="7" t="s">
        <v>133</v>
      </c>
      <c r="F540" s="5">
        <v>2024</v>
      </c>
      <c r="G540" s="1" t="s">
        <v>97</v>
      </c>
      <c r="H540" s="1" t="s">
        <v>14</v>
      </c>
      <c r="I540" s="1" t="s">
        <v>15</v>
      </c>
      <c r="J540" s="9">
        <v>15.7</v>
      </c>
    </row>
    <row r="541" spans="1:10" x14ac:dyDescent="0.35">
      <c r="A541" s="1" t="s">
        <v>28</v>
      </c>
      <c r="B541" s="1" t="s">
        <v>49</v>
      </c>
      <c r="C541" s="1" t="s">
        <v>12</v>
      </c>
      <c r="D541" s="1" t="s">
        <v>96</v>
      </c>
      <c r="E541" s="7" t="s">
        <v>133</v>
      </c>
      <c r="F541" s="5">
        <v>2024</v>
      </c>
      <c r="G541" s="1" t="s">
        <v>97</v>
      </c>
      <c r="H541" s="1" t="s">
        <v>14</v>
      </c>
      <c r="I541" s="1" t="s">
        <v>15</v>
      </c>
      <c r="J541" s="9">
        <v>17.8</v>
      </c>
    </row>
    <row r="542" spans="1:10" x14ac:dyDescent="0.35">
      <c r="A542" s="1" t="s">
        <v>35</v>
      </c>
      <c r="B542" s="1" t="s">
        <v>50</v>
      </c>
      <c r="C542" s="1" t="s">
        <v>12</v>
      </c>
      <c r="D542" s="1" t="s">
        <v>96</v>
      </c>
      <c r="E542" s="7" t="s">
        <v>133</v>
      </c>
      <c r="F542" s="5">
        <v>2024</v>
      </c>
      <c r="G542" s="1" t="s">
        <v>97</v>
      </c>
      <c r="H542" s="1" t="s">
        <v>14</v>
      </c>
      <c r="I542" s="1" t="s">
        <v>15</v>
      </c>
      <c r="J542" s="9">
        <v>19.600000000000001</v>
      </c>
    </row>
    <row r="543" spans="1:10" x14ac:dyDescent="0.35">
      <c r="A543" s="1" t="s">
        <v>22</v>
      </c>
      <c r="B543" s="1" t="s">
        <v>51</v>
      </c>
      <c r="C543" s="1" t="s">
        <v>12</v>
      </c>
      <c r="D543" s="1" t="s">
        <v>96</v>
      </c>
      <c r="E543" s="7" t="s">
        <v>133</v>
      </c>
      <c r="F543" s="5">
        <v>2024</v>
      </c>
      <c r="G543" s="1" t="s">
        <v>97</v>
      </c>
      <c r="H543" s="1" t="s">
        <v>14</v>
      </c>
      <c r="I543" s="1" t="s">
        <v>15</v>
      </c>
      <c r="J543" s="9">
        <v>10.6</v>
      </c>
    </row>
    <row r="544" spans="1:10" x14ac:dyDescent="0.35">
      <c r="A544" s="1" t="s">
        <v>22</v>
      </c>
      <c r="B544" s="1" t="s">
        <v>52</v>
      </c>
      <c r="C544" s="1" t="s">
        <v>12</v>
      </c>
      <c r="D544" s="1" t="s">
        <v>96</v>
      </c>
      <c r="E544" s="7" t="s">
        <v>133</v>
      </c>
      <c r="F544" s="5">
        <v>2024</v>
      </c>
      <c r="G544" s="1" t="s">
        <v>97</v>
      </c>
      <c r="H544" s="1" t="s">
        <v>14</v>
      </c>
      <c r="I544" s="1" t="s">
        <v>15</v>
      </c>
      <c r="J544" s="9">
        <v>31.7</v>
      </c>
    </row>
    <row r="545" spans="1:10" x14ac:dyDescent="0.35">
      <c r="A545" s="1" t="s">
        <v>22</v>
      </c>
      <c r="B545" s="1" t="s">
        <v>53</v>
      </c>
      <c r="C545" s="1" t="s">
        <v>12</v>
      </c>
      <c r="D545" s="1" t="s">
        <v>96</v>
      </c>
      <c r="E545" s="7" t="s">
        <v>133</v>
      </c>
      <c r="F545" s="5">
        <v>2024</v>
      </c>
      <c r="G545" s="1" t="s">
        <v>97</v>
      </c>
      <c r="H545" s="1" t="s">
        <v>14</v>
      </c>
      <c r="I545" s="1" t="s">
        <v>15</v>
      </c>
      <c r="J545" s="9">
        <v>22.9</v>
      </c>
    </row>
    <row r="546" spans="1:10" x14ac:dyDescent="0.35">
      <c r="A546" s="1" t="s">
        <v>22</v>
      </c>
      <c r="B546" s="1" t="s">
        <v>54</v>
      </c>
      <c r="C546" s="1" t="s">
        <v>12</v>
      </c>
      <c r="D546" s="1" t="s">
        <v>96</v>
      </c>
      <c r="E546" s="7" t="s">
        <v>133</v>
      </c>
      <c r="F546" s="5">
        <v>2024</v>
      </c>
      <c r="G546" s="1" t="s">
        <v>97</v>
      </c>
      <c r="H546" s="1" t="s">
        <v>14</v>
      </c>
      <c r="I546" s="1" t="s">
        <v>15</v>
      </c>
      <c r="J546" s="9">
        <v>8.6</v>
      </c>
    </row>
    <row r="547" spans="1:10" x14ac:dyDescent="0.35">
      <c r="A547" s="1" t="s">
        <v>22</v>
      </c>
      <c r="B547" s="1" t="s">
        <v>55</v>
      </c>
      <c r="C547" s="1" t="s">
        <v>12</v>
      </c>
      <c r="D547" s="1" t="s">
        <v>96</v>
      </c>
      <c r="E547" s="7" t="s">
        <v>133</v>
      </c>
      <c r="F547" s="5">
        <v>2024</v>
      </c>
      <c r="G547" s="1" t="s">
        <v>97</v>
      </c>
      <c r="H547" s="1" t="s">
        <v>14</v>
      </c>
      <c r="I547" s="1" t="s">
        <v>15</v>
      </c>
      <c r="J547" s="9"/>
    </row>
    <row r="548" spans="1:10" x14ac:dyDescent="0.35">
      <c r="A548" s="1" t="s">
        <v>22</v>
      </c>
      <c r="B548" s="1" t="s">
        <v>56</v>
      </c>
      <c r="C548" s="1" t="s">
        <v>12</v>
      </c>
      <c r="D548" s="1" t="s">
        <v>96</v>
      </c>
      <c r="E548" s="7" t="s">
        <v>133</v>
      </c>
      <c r="F548" s="5">
        <v>2024</v>
      </c>
      <c r="G548" s="1" t="s">
        <v>97</v>
      </c>
      <c r="H548" s="1" t="s">
        <v>14</v>
      </c>
      <c r="I548" s="1" t="s">
        <v>15</v>
      </c>
      <c r="J548" s="9"/>
    </row>
    <row r="549" spans="1:10" x14ac:dyDescent="0.35">
      <c r="A549" s="1" t="s">
        <v>26</v>
      </c>
      <c r="B549" s="1" t="s">
        <v>57</v>
      </c>
      <c r="C549" s="1" t="s">
        <v>12</v>
      </c>
      <c r="D549" s="1" t="s">
        <v>96</v>
      </c>
      <c r="E549" s="7" t="s">
        <v>133</v>
      </c>
      <c r="F549" s="5">
        <v>2024</v>
      </c>
      <c r="G549" s="1" t="s">
        <v>97</v>
      </c>
      <c r="H549" s="1" t="s">
        <v>14</v>
      </c>
      <c r="I549" s="1" t="s">
        <v>15</v>
      </c>
      <c r="J549" s="9">
        <v>16.8</v>
      </c>
    </row>
    <row r="550" spans="1:10" x14ac:dyDescent="0.35">
      <c r="A550" s="1" t="s">
        <v>28</v>
      </c>
      <c r="B550" s="1" t="s">
        <v>58</v>
      </c>
      <c r="C550" s="1" t="s">
        <v>12</v>
      </c>
      <c r="D550" s="1" t="s">
        <v>96</v>
      </c>
      <c r="E550" s="7" t="s">
        <v>133</v>
      </c>
      <c r="F550" s="5">
        <v>2024</v>
      </c>
      <c r="G550" s="1" t="s">
        <v>97</v>
      </c>
      <c r="H550" s="1" t="s">
        <v>14</v>
      </c>
      <c r="I550" s="1" t="s">
        <v>15</v>
      </c>
      <c r="J550" s="9">
        <v>20.5</v>
      </c>
    </row>
    <row r="551" spans="1:10" x14ac:dyDescent="0.35">
      <c r="A551" s="1" t="s">
        <v>20</v>
      </c>
      <c r="B551" s="1" t="s">
        <v>59</v>
      </c>
      <c r="C551" s="1" t="s">
        <v>12</v>
      </c>
      <c r="D551" s="1" t="s">
        <v>96</v>
      </c>
      <c r="E551" s="7" t="s">
        <v>133</v>
      </c>
      <c r="F551" s="5">
        <v>2024</v>
      </c>
      <c r="G551" s="1" t="s">
        <v>97</v>
      </c>
      <c r="H551" s="1" t="s">
        <v>14</v>
      </c>
      <c r="I551" s="1" t="s">
        <v>15</v>
      </c>
      <c r="J551" s="9">
        <v>17.899999999999999</v>
      </c>
    </row>
    <row r="552" spans="1:10" x14ac:dyDescent="0.35">
      <c r="A552" s="1" t="s">
        <v>20</v>
      </c>
      <c r="B552" s="1" t="s">
        <v>60</v>
      </c>
      <c r="C552" s="1" t="s">
        <v>12</v>
      </c>
      <c r="D552" s="1" t="s">
        <v>96</v>
      </c>
      <c r="E552" s="7" t="s">
        <v>133</v>
      </c>
      <c r="F552" s="5">
        <v>2024</v>
      </c>
      <c r="G552" s="1" t="s">
        <v>97</v>
      </c>
      <c r="H552" s="1" t="s">
        <v>14</v>
      </c>
      <c r="I552" s="1" t="s">
        <v>15</v>
      </c>
      <c r="J552" s="9">
        <v>21.9</v>
      </c>
    </row>
    <row r="553" spans="1:10" x14ac:dyDescent="0.35">
      <c r="A553" s="1" t="s">
        <v>28</v>
      </c>
      <c r="B553" s="1" t="s">
        <v>61</v>
      </c>
      <c r="C553" s="1" t="s">
        <v>12</v>
      </c>
      <c r="D553" s="1" t="s">
        <v>96</v>
      </c>
      <c r="E553" s="7" t="s">
        <v>133</v>
      </c>
      <c r="F553" s="5">
        <v>2024</v>
      </c>
      <c r="G553" s="1" t="s">
        <v>97</v>
      </c>
      <c r="H553" s="1" t="s">
        <v>14</v>
      </c>
      <c r="I553" s="1" t="s">
        <v>15</v>
      </c>
      <c r="J553" s="9">
        <v>22.9</v>
      </c>
    </row>
    <row r="554" spans="1:10" x14ac:dyDescent="0.35">
      <c r="A554" s="1" t="s">
        <v>62</v>
      </c>
      <c r="B554" s="1" t="s">
        <v>63</v>
      </c>
      <c r="C554" s="1" t="s">
        <v>12</v>
      </c>
      <c r="D554" s="1" t="s">
        <v>96</v>
      </c>
      <c r="E554" s="7" t="s">
        <v>133</v>
      </c>
      <c r="F554" s="5">
        <v>2024</v>
      </c>
      <c r="G554" s="1" t="s">
        <v>97</v>
      </c>
      <c r="H554" s="1" t="s">
        <v>14</v>
      </c>
      <c r="I554" s="1" t="s">
        <v>15</v>
      </c>
      <c r="J554" s="9">
        <v>16.5</v>
      </c>
    </row>
    <row r="555" spans="1:10" x14ac:dyDescent="0.35">
      <c r="A555" s="1" t="s">
        <v>62</v>
      </c>
      <c r="B555" s="1" t="s">
        <v>64</v>
      </c>
      <c r="C555" s="1" t="s">
        <v>12</v>
      </c>
      <c r="D555" s="1" t="s">
        <v>96</v>
      </c>
      <c r="E555" s="7" t="s">
        <v>133</v>
      </c>
      <c r="F555" s="5">
        <v>2024</v>
      </c>
      <c r="G555" s="1" t="s">
        <v>97</v>
      </c>
      <c r="H555" s="1" t="s">
        <v>14</v>
      </c>
      <c r="I555" s="1" t="s">
        <v>15</v>
      </c>
      <c r="J555" s="9">
        <v>18.7</v>
      </c>
    </row>
    <row r="556" spans="1:10" x14ac:dyDescent="0.35">
      <c r="A556" s="1" t="s">
        <v>62</v>
      </c>
      <c r="B556" s="1" t="s">
        <v>65</v>
      </c>
      <c r="C556" s="1" t="s">
        <v>12</v>
      </c>
      <c r="D556" s="1" t="s">
        <v>96</v>
      </c>
      <c r="E556" s="7" t="s">
        <v>133</v>
      </c>
      <c r="F556" s="5">
        <v>2024</v>
      </c>
      <c r="G556" s="1" t="s">
        <v>97</v>
      </c>
      <c r="H556" s="1" t="s">
        <v>14</v>
      </c>
      <c r="I556" s="1" t="s">
        <v>15</v>
      </c>
      <c r="J556" s="9">
        <v>21.7</v>
      </c>
    </row>
    <row r="557" spans="1:10" x14ac:dyDescent="0.35">
      <c r="A557" s="1" t="s">
        <v>62</v>
      </c>
      <c r="B557" s="1" t="s">
        <v>66</v>
      </c>
      <c r="C557" s="1" t="s">
        <v>12</v>
      </c>
      <c r="D557" s="1" t="s">
        <v>96</v>
      </c>
      <c r="E557" s="7" t="s">
        <v>133</v>
      </c>
      <c r="F557" s="5">
        <v>2024</v>
      </c>
      <c r="G557" s="1" t="s">
        <v>97</v>
      </c>
      <c r="H557" s="1" t="s">
        <v>14</v>
      </c>
      <c r="I557" s="1" t="s">
        <v>15</v>
      </c>
      <c r="J557" s="9">
        <v>32.1</v>
      </c>
    </row>
    <row r="558" spans="1:10" x14ac:dyDescent="0.35">
      <c r="A558" s="1" t="s">
        <v>62</v>
      </c>
      <c r="B558" s="1" t="s">
        <v>67</v>
      </c>
      <c r="C558" s="1" t="s">
        <v>12</v>
      </c>
      <c r="D558" s="1" t="s">
        <v>96</v>
      </c>
      <c r="E558" s="7" t="s">
        <v>133</v>
      </c>
      <c r="F558" s="5">
        <v>2024</v>
      </c>
      <c r="G558" s="1" t="s">
        <v>97</v>
      </c>
      <c r="H558" s="1" t="s">
        <v>14</v>
      </c>
      <c r="I558" s="1" t="s">
        <v>15</v>
      </c>
      <c r="J558" s="9">
        <v>19.100000000000001</v>
      </c>
    </row>
    <row r="559" spans="1:10" x14ac:dyDescent="0.35">
      <c r="A559" s="1" t="s">
        <v>62</v>
      </c>
      <c r="B559" s="1" t="s">
        <v>68</v>
      </c>
      <c r="C559" s="1" t="s">
        <v>12</v>
      </c>
      <c r="D559" s="1" t="s">
        <v>96</v>
      </c>
      <c r="E559" s="7" t="s">
        <v>133</v>
      </c>
      <c r="F559" s="5">
        <v>2024</v>
      </c>
      <c r="G559" s="1" t="s">
        <v>97</v>
      </c>
      <c r="H559" s="1" t="s">
        <v>14</v>
      </c>
      <c r="I559" s="1" t="s">
        <v>15</v>
      </c>
      <c r="J559" s="9">
        <v>39.200000000000003</v>
      </c>
    </row>
    <row r="560" spans="1:10" x14ac:dyDescent="0.35">
      <c r="A560" s="1" t="s">
        <v>62</v>
      </c>
      <c r="B560" s="1" t="s">
        <v>69</v>
      </c>
      <c r="C560" s="1" t="s">
        <v>12</v>
      </c>
      <c r="D560" s="1" t="s">
        <v>96</v>
      </c>
      <c r="E560" s="7" t="s">
        <v>133</v>
      </c>
      <c r="F560" s="5">
        <v>2024</v>
      </c>
      <c r="G560" s="1" t="s">
        <v>97</v>
      </c>
      <c r="H560" s="1" t="s">
        <v>14</v>
      </c>
      <c r="I560" s="1" t="s">
        <v>15</v>
      </c>
      <c r="J560" s="9">
        <v>26.7</v>
      </c>
    </row>
    <row r="561" spans="1:10" x14ac:dyDescent="0.35">
      <c r="A561" s="1" t="s">
        <v>62</v>
      </c>
      <c r="B561" s="1" t="s">
        <v>70</v>
      </c>
      <c r="C561" s="1" t="s">
        <v>12</v>
      </c>
      <c r="D561" s="1" t="s">
        <v>96</v>
      </c>
      <c r="E561" s="7" t="s">
        <v>133</v>
      </c>
      <c r="F561" s="5">
        <v>2024</v>
      </c>
      <c r="G561" s="1" t="s">
        <v>97</v>
      </c>
      <c r="H561" s="1" t="s">
        <v>14</v>
      </c>
      <c r="I561" s="1" t="s">
        <v>15</v>
      </c>
      <c r="J561" s="9">
        <v>28.4</v>
      </c>
    </row>
    <row r="562" spans="1:10" x14ac:dyDescent="0.35">
      <c r="A562" s="1" t="s">
        <v>35</v>
      </c>
      <c r="B562" s="1" t="s">
        <v>71</v>
      </c>
      <c r="C562" s="1" t="s">
        <v>12</v>
      </c>
      <c r="D562" s="1" t="s">
        <v>96</v>
      </c>
      <c r="E562" s="7" t="s">
        <v>133</v>
      </c>
      <c r="F562" s="5">
        <v>2024</v>
      </c>
      <c r="G562" s="1" t="s">
        <v>97</v>
      </c>
      <c r="H562" s="1" t="s">
        <v>14</v>
      </c>
      <c r="I562" s="1" t="s">
        <v>15</v>
      </c>
      <c r="J562" s="9">
        <v>29.6</v>
      </c>
    </row>
    <row r="563" spans="1:10" x14ac:dyDescent="0.35">
      <c r="A563" s="1" t="s">
        <v>20</v>
      </c>
      <c r="B563" s="1" t="s">
        <v>72</v>
      </c>
      <c r="C563" s="1" t="s">
        <v>12</v>
      </c>
      <c r="D563" s="1" t="s">
        <v>96</v>
      </c>
      <c r="E563" s="7" t="s">
        <v>133</v>
      </c>
      <c r="F563" s="5">
        <v>2024</v>
      </c>
      <c r="G563" s="1" t="s">
        <v>97</v>
      </c>
      <c r="H563" s="1" t="s">
        <v>14</v>
      </c>
      <c r="I563" s="1" t="s">
        <v>15</v>
      </c>
      <c r="J563" s="9">
        <v>25.4</v>
      </c>
    </row>
    <row r="564" spans="1:10" x14ac:dyDescent="0.35">
      <c r="A564" s="1" t="s">
        <v>26</v>
      </c>
      <c r="B564" s="1" t="s">
        <v>73</v>
      </c>
      <c r="C564" s="1" t="s">
        <v>12</v>
      </c>
      <c r="D564" s="1" t="s">
        <v>96</v>
      </c>
      <c r="E564" s="7" t="s">
        <v>133</v>
      </c>
      <c r="F564" s="5">
        <v>2024</v>
      </c>
      <c r="G564" s="1" t="s">
        <v>97</v>
      </c>
      <c r="H564" s="1" t="s">
        <v>14</v>
      </c>
      <c r="I564" s="1" t="s">
        <v>15</v>
      </c>
      <c r="J564" s="9">
        <v>23.9</v>
      </c>
    </row>
    <row r="565" spans="1:10" x14ac:dyDescent="0.35">
      <c r="A565" s="1" t="s">
        <v>28</v>
      </c>
      <c r="B565" s="1" t="s">
        <v>74</v>
      </c>
      <c r="C565" s="1" t="s">
        <v>12</v>
      </c>
      <c r="D565" s="1" t="s">
        <v>96</v>
      </c>
      <c r="E565" s="7" t="s">
        <v>133</v>
      </c>
      <c r="F565" s="5">
        <v>2024</v>
      </c>
      <c r="G565" s="1" t="s">
        <v>97</v>
      </c>
      <c r="H565" s="1" t="s">
        <v>14</v>
      </c>
      <c r="I565" s="1" t="s">
        <v>15</v>
      </c>
      <c r="J565" s="9">
        <v>22.3</v>
      </c>
    </row>
    <row r="566" spans="1:10" x14ac:dyDescent="0.35">
      <c r="A566" s="1" t="s">
        <v>33</v>
      </c>
      <c r="B566" s="1" t="s">
        <v>75</v>
      </c>
      <c r="C566" s="1" t="s">
        <v>12</v>
      </c>
      <c r="D566" s="1" t="s">
        <v>96</v>
      </c>
      <c r="E566" s="7" t="s">
        <v>133</v>
      </c>
      <c r="F566" s="5">
        <v>2024</v>
      </c>
      <c r="G566" s="1" t="s">
        <v>97</v>
      </c>
      <c r="H566" s="1" t="s">
        <v>14</v>
      </c>
      <c r="I566" s="1" t="s">
        <v>15</v>
      </c>
      <c r="J566" s="9">
        <v>24.1</v>
      </c>
    </row>
    <row r="567" spans="1:10" x14ac:dyDescent="0.35">
      <c r="A567" s="1" t="s">
        <v>22</v>
      </c>
      <c r="B567" s="1" t="s">
        <v>76</v>
      </c>
      <c r="C567" s="1" t="s">
        <v>12</v>
      </c>
      <c r="D567" s="1" t="s">
        <v>96</v>
      </c>
      <c r="E567" s="7" t="s">
        <v>133</v>
      </c>
      <c r="F567" s="5">
        <v>2024</v>
      </c>
      <c r="G567" s="1" t="s">
        <v>97</v>
      </c>
      <c r="H567" s="1" t="s">
        <v>14</v>
      </c>
      <c r="I567" s="1" t="s">
        <v>15</v>
      </c>
      <c r="J567" s="9">
        <v>25.9</v>
      </c>
    </row>
    <row r="568" spans="1:10" x14ac:dyDescent="0.35">
      <c r="A568" s="1" t="s">
        <v>33</v>
      </c>
      <c r="B568" s="1" t="s">
        <v>77</v>
      </c>
      <c r="C568" s="1" t="s">
        <v>12</v>
      </c>
      <c r="D568" s="1" t="s">
        <v>96</v>
      </c>
      <c r="E568" s="7" t="s">
        <v>133</v>
      </c>
      <c r="F568" s="5">
        <v>2024</v>
      </c>
      <c r="G568" s="1" t="s">
        <v>97</v>
      </c>
      <c r="H568" s="1" t="s">
        <v>14</v>
      </c>
      <c r="I568" s="1" t="s">
        <v>15</v>
      </c>
      <c r="J568" s="9">
        <v>16.600000000000001</v>
      </c>
    </row>
    <row r="569" spans="1:10" x14ac:dyDescent="0.35">
      <c r="A569" s="1" t="s">
        <v>22</v>
      </c>
      <c r="B569" s="1" t="s">
        <v>78</v>
      </c>
      <c r="C569" s="1" t="s">
        <v>12</v>
      </c>
      <c r="D569" s="1" t="s">
        <v>96</v>
      </c>
      <c r="E569" s="7" t="s">
        <v>133</v>
      </c>
      <c r="F569" s="5">
        <v>2024</v>
      </c>
      <c r="G569" s="1" t="s">
        <v>97</v>
      </c>
      <c r="H569" s="1" t="s">
        <v>14</v>
      </c>
      <c r="I569" s="1" t="s">
        <v>15</v>
      </c>
      <c r="J569" s="9">
        <v>16</v>
      </c>
    </row>
    <row r="570" spans="1:10" x14ac:dyDescent="0.35">
      <c r="A570" s="1" t="s">
        <v>28</v>
      </c>
      <c r="B570" s="1" t="s">
        <v>79</v>
      </c>
      <c r="C570" s="1" t="s">
        <v>12</v>
      </c>
      <c r="D570" s="1" t="s">
        <v>96</v>
      </c>
      <c r="E570" s="7" t="s">
        <v>133</v>
      </c>
      <c r="F570" s="5">
        <v>2024</v>
      </c>
      <c r="G570" s="1" t="s">
        <v>97</v>
      </c>
      <c r="H570" s="1" t="s">
        <v>14</v>
      </c>
      <c r="I570" s="1" t="s">
        <v>15</v>
      </c>
      <c r="J570" s="9">
        <v>11.6</v>
      </c>
    </row>
    <row r="571" spans="1:10" x14ac:dyDescent="0.35">
      <c r="A571" s="1" t="s">
        <v>26</v>
      </c>
      <c r="B571" s="1" t="s">
        <v>80</v>
      </c>
      <c r="C571" s="1" t="s">
        <v>12</v>
      </c>
      <c r="D571" s="1" t="s">
        <v>96</v>
      </c>
      <c r="E571" s="7" t="s">
        <v>133</v>
      </c>
      <c r="F571" s="5">
        <v>2024</v>
      </c>
      <c r="G571" s="1" t="s">
        <v>97</v>
      </c>
      <c r="H571" s="1" t="s">
        <v>14</v>
      </c>
      <c r="I571" s="1" t="s">
        <v>15</v>
      </c>
      <c r="J571" s="9">
        <v>14.2</v>
      </c>
    </row>
    <row r="572" spans="1:10" x14ac:dyDescent="0.35">
      <c r="A572" s="1" t="s">
        <v>20</v>
      </c>
      <c r="B572" s="1" t="s">
        <v>81</v>
      </c>
      <c r="C572" s="1" t="s">
        <v>12</v>
      </c>
      <c r="D572" s="1" t="s">
        <v>96</v>
      </c>
      <c r="E572" s="7" t="s">
        <v>133</v>
      </c>
      <c r="F572" s="5">
        <v>2024</v>
      </c>
      <c r="G572" s="1" t="s">
        <v>97</v>
      </c>
      <c r="H572" s="1" t="s">
        <v>14</v>
      </c>
      <c r="I572" s="1" t="s">
        <v>15</v>
      </c>
      <c r="J572" s="9">
        <v>24.9</v>
      </c>
    </row>
    <row r="573" spans="1:10" x14ac:dyDescent="0.35">
      <c r="A573" s="1" t="s">
        <v>33</v>
      </c>
      <c r="B573" s="1" t="s">
        <v>82</v>
      </c>
      <c r="C573" s="1" t="s">
        <v>12</v>
      </c>
      <c r="D573" s="1" t="s">
        <v>96</v>
      </c>
      <c r="E573" s="7" t="s">
        <v>133</v>
      </c>
      <c r="F573" s="5">
        <v>2024</v>
      </c>
      <c r="G573" s="1" t="s">
        <v>97</v>
      </c>
      <c r="H573" s="1" t="s">
        <v>14</v>
      </c>
      <c r="I573" s="1" t="s">
        <v>15</v>
      </c>
      <c r="J573" s="9">
        <v>28</v>
      </c>
    </row>
    <row r="574" spans="1:10" x14ac:dyDescent="0.35">
      <c r="A574" s="1" t="s">
        <v>26</v>
      </c>
      <c r="B574" s="1" t="s">
        <v>83</v>
      </c>
      <c r="C574" s="1" t="s">
        <v>12</v>
      </c>
      <c r="D574" s="1" t="s">
        <v>96</v>
      </c>
      <c r="E574" s="7" t="s">
        <v>133</v>
      </c>
      <c r="F574" s="5">
        <v>2024</v>
      </c>
      <c r="G574" s="1" t="s">
        <v>97</v>
      </c>
      <c r="H574" s="1" t="s">
        <v>14</v>
      </c>
      <c r="I574" s="1" t="s">
        <v>15</v>
      </c>
      <c r="J574" s="9"/>
    </row>
    <row r="575" spans="1:10" x14ac:dyDescent="0.35">
      <c r="A575" s="1" t="s">
        <v>35</v>
      </c>
      <c r="B575" s="1" t="s">
        <v>84</v>
      </c>
      <c r="C575" s="1" t="s">
        <v>12</v>
      </c>
      <c r="D575" s="1" t="s">
        <v>96</v>
      </c>
      <c r="E575" s="7" t="s">
        <v>133</v>
      </c>
      <c r="F575" s="5">
        <v>2024</v>
      </c>
      <c r="G575" s="1" t="s">
        <v>97</v>
      </c>
      <c r="H575" s="1" t="s">
        <v>14</v>
      </c>
      <c r="I575" s="1" t="s">
        <v>15</v>
      </c>
      <c r="J575" s="9">
        <v>17</v>
      </c>
    </row>
    <row r="576" spans="1:10" x14ac:dyDescent="0.35">
      <c r="A576" s="1" t="s">
        <v>33</v>
      </c>
      <c r="B576" s="1" t="s">
        <v>85</v>
      </c>
      <c r="C576" s="1" t="s">
        <v>12</v>
      </c>
      <c r="D576" s="1" t="s">
        <v>96</v>
      </c>
      <c r="E576" s="7" t="s">
        <v>133</v>
      </c>
      <c r="F576" s="5">
        <v>2024</v>
      </c>
      <c r="G576" s="1" t="s">
        <v>97</v>
      </c>
      <c r="H576" s="1" t="s">
        <v>14</v>
      </c>
      <c r="I576" s="1" t="s">
        <v>15</v>
      </c>
      <c r="J576" s="9">
        <v>22.3</v>
      </c>
    </row>
    <row r="577" spans="1:10" x14ac:dyDescent="0.35">
      <c r="A577" s="1" t="s">
        <v>33</v>
      </c>
      <c r="B577" s="1" t="s">
        <v>86</v>
      </c>
      <c r="C577" s="1" t="s">
        <v>12</v>
      </c>
      <c r="D577" s="1" t="s">
        <v>96</v>
      </c>
      <c r="E577" s="7" t="s">
        <v>133</v>
      </c>
      <c r="F577" s="5">
        <v>2024</v>
      </c>
      <c r="G577" s="1" t="s">
        <v>97</v>
      </c>
      <c r="H577" s="1" t="s">
        <v>14</v>
      </c>
      <c r="I577" s="1" t="s">
        <v>15</v>
      </c>
      <c r="J577" s="9">
        <v>19.7</v>
      </c>
    </row>
    <row r="578" spans="1:10" x14ac:dyDescent="0.35">
      <c r="A578" s="1" t="s">
        <v>35</v>
      </c>
      <c r="B578" s="1" t="s">
        <v>87</v>
      </c>
      <c r="C578" s="1" t="s">
        <v>12</v>
      </c>
      <c r="D578" s="1" t="s">
        <v>96</v>
      </c>
      <c r="E578" s="7" t="s">
        <v>133</v>
      </c>
      <c r="F578" s="5">
        <v>2024</v>
      </c>
      <c r="G578" s="1" t="s">
        <v>97</v>
      </c>
      <c r="H578" s="1" t="s">
        <v>14</v>
      </c>
      <c r="I578" s="1" t="s">
        <v>15</v>
      </c>
      <c r="J578" s="9">
        <v>37.6</v>
      </c>
    </row>
    <row r="579" spans="1:10" x14ac:dyDescent="0.35">
      <c r="A579" s="1" t="s">
        <v>35</v>
      </c>
      <c r="B579" s="1" t="s">
        <v>88</v>
      </c>
      <c r="C579" s="1" t="s">
        <v>12</v>
      </c>
      <c r="D579" s="1" t="s">
        <v>96</v>
      </c>
      <c r="E579" s="7" t="s">
        <v>133</v>
      </c>
      <c r="F579" s="5">
        <v>2024</v>
      </c>
      <c r="G579" s="1" t="s">
        <v>97</v>
      </c>
      <c r="H579" s="1" t="s">
        <v>14</v>
      </c>
      <c r="I579" s="1" t="s">
        <v>15</v>
      </c>
      <c r="J579" s="9">
        <v>20.399999999999999</v>
      </c>
    </row>
    <row r="580" spans="1:10" x14ac:dyDescent="0.35">
      <c r="A580" s="1" t="s">
        <v>62</v>
      </c>
      <c r="B580" s="1" t="s">
        <v>89</v>
      </c>
      <c r="C580" s="1" t="s">
        <v>12</v>
      </c>
      <c r="D580" s="1" t="s">
        <v>96</v>
      </c>
      <c r="E580" s="7" t="s">
        <v>133</v>
      </c>
      <c r="F580" s="5">
        <v>2024</v>
      </c>
      <c r="G580" s="1" t="s">
        <v>97</v>
      </c>
      <c r="H580" s="1" t="s">
        <v>14</v>
      </c>
      <c r="I580" s="1" t="s">
        <v>15</v>
      </c>
      <c r="J580" s="9">
        <v>22.7</v>
      </c>
    </row>
    <row r="581" spans="1:10" x14ac:dyDescent="0.35">
      <c r="A581" s="1" t="s">
        <v>26</v>
      </c>
      <c r="B581" s="1" t="s">
        <v>90</v>
      </c>
      <c r="C581" s="1" t="s">
        <v>12</v>
      </c>
      <c r="D581" s="1" t="s">
        <v>96</v>
      </c>
      <c r="E581" s="7" t="s">
        <v>133</v>
      </c>
      <c r="F581" s="5">
        <v>2024</v>
      </c>
      <c r="G581" s="1" t="s">
        <v>97</v>
      </c>
      <c r="H581" s="1" t="s">
        <v>14</v>
      </c>
      <c r="I581" s="1" t="s">
        <v>15</v>
      </c>
      <c r="J581" s="9"/>
    </row>
    <row r="582" spans="1:10" x14ac:dyDescent="0.35">
      <c r="A582" s="1" t="s">
        <v>26</v>
      </c>
      <c r="B582" s="1" t="s">
        <v>91</v>
      </c>
      <c r="C582" s="1" t="s">
        <v>12</v>
      </c>
      <c r="D582" s="1" t="s">
        <v>96</v>
      </c>
      <c r="E582" s="7" t="s">
        <v>133</v>
      </c>
      <c r="F582" s="5">
        <v>2024</v>
      </c>
      <c r="G582" s="1" t="s">
        <v>97</v>
      </c>
      <c r="H582" s="1" t="s">
        <v>14</v>
      </c>
      <c r="I582" s="1" t="s">
        <v>15</v>
      </c>
      <c r="J582" s="9">
        <v>18.3</v>
      </c>
    </row>
    <row r="583" spans="1:10" x14ac:dyDescent="0.35">
      <c r="A583" s="1" t="s">
        <v>33</v>
      </c>
      <c r="B583" s="1" t="s">
        <v>92</v>
      </c>
      <c r="C583" s="1" t="s">
        <v>12</v>
      </c>
      <c r="D583" s="1" t="s">
        <v>96</v>
      </c>
      <c r="E583" s="7" t="s">
        <v>133</v>
      </c>
      <c r="F583" s="5">
        <v>2024</v>
      </c>
      <c r="G583" s="1" t="s">
        <v>97</v>
      </c>
      <c r="H583" s="1" t="s">
        <v>14</v>
      </c>
      <c r="I583" s="1" t="s">
        <v>15</v>
      </c>
      <c r="J583" s="9">
        <v>15.9</v>
      </c>
    </row>
    <row r="584" spans="1:10" x14ac:dyDescent="0.35">
      <c r="A584" s="1" t="s">
        <v>35</v>
      </c>
      <c r="B584" s="1" t="s">
        <v>93</v>
      </c>
      <c r="C584" s="1" t="s">
        <v>12</v>
      </c>
      <c r="D584" s="1" t="s">
        <v>96</v>
      </c>
      <c r="E584" s="7" t="s">
        <v>133</v>
      </c>
      <c r="F584" s="5">
        <v>2024</v>
      </c>
      <c r="G584" s="1" t="s">
        <v>97</v>
      </c>
      <c r="H584" s="1" t="s">
        <v>14</v>
      </c>
      <c r="I584" s="1" t="s">
        <v>15</v>
      </c>
      <c r="J584" s="9">
        <v>21.3</v>
      </c>
    </row>
    <row r="585" spans="1:10" x14ac:dyDescent="0.35">
      <c r="A585" s="1" t="s">
        <v>20</v>
      </c>
      <c r="B585" s="1" t="s">
        <v>94</v>
      </c>
      <c r="C585" s="1" t="s">
        <v>12</v>
      </c>
      <c r="D585" s="1" t="s">
        <v>96</v>
      </c>
      <c r="E585" s="7" t="s">
        <v>133</v>
      </c>
      <c r="F585" s="5">
        <v>2024</v>
      </c>
      <c r="G585" s="1" t="s">
        <v>97</v>
      </c>
      <c r="H585" s="1" t="s">
        <v>14</v>
      </c>
      <c r="I585" s="1" t="s">
        <v>15</v>
      </c>
      <c r="J585" s="9">
        <v>14.3</v>
      </c>
    </row>
    <row r="586" spans="1:10" x14ac:dyDescent="0.35">
      <c r="A586" s="1" t="s">
        <v>10</v>
      </c>
      <c r="B586" s="1" t="s">
        <v>11</v>
      </c>
      <c r="C586" s="1" t="s">
        <v>12</v>
      </c>
      <c r="D586" s="1" t="s">
        <v>96</v>
      </c>
      <c r="E586" s="7" t="s">
        <v>133</v>
      </c>
      <c r="F586" s="5">
        <v>2024</v>
      </c>
      <c r="G586" s="1" t="s">
        <v>98</v>
      </c>
      <c r="H586" s="1" t="s">
        <v>14</v>
      </c>
      <c r="I586" s="1" t="s">
        <v>15</v>
      </c>
      <c r="J586" s="9">
        <v>8.9</v>
      </c>
    </row>
    <row r="587" spans="1:10" x14ac:dyDescent="0.35">
      <c r="A587" s="1" t="s">
        <v>10</v>
      </c>
      <c r="B587" s="1" t="s">
        <v>16</v>
      </c>
      <c r="C587" s="1" t="s">
        <v>12</v>
      </c>
      <c r="D587" s="1" t="s">
        <v>96</v>
      </c>
      <c r="E587" s="7" t="s">
        <v>133</v>
      </c>
      <c r="F587" s="5">
        <v>2024</v>
      </c>
      <c r="G587" s="1" t="s">
        <v>98</v>
      </c>
      <c r="H587" s="1" t="s">
        <v>14</v>
      </c>
      <c r="I587" s="1" t="s">
        <v>15</v>
      </c>
      <c r="J587" s="9">
        <v>24.5</v>
      </c>
    </row>
    <row r="588" spans="1:10" x14ac:dyDescent="0.35">
      <c r="A588" s="1" t="s">
        <v>10</v>
      </c>
      <c r="B588" s="1" t="s">
        <v>17</v>
      </c>
      <c r="C588" s="1" t="s">
        <v>12</v>
      </c>
      <c r="D588" s="1" t="s">
        <v>96</v>
      </c>
      <c r="E588" s="7" t="s">
        <v>133</v>
      </c>
      <c r="F588" s="5">
        <v>2024</v>
      </c>
      <c r="G588" s="1" t="s">
        <v>98</v>
      </c>
      <c r="H588" s="1" t="s">
        <v>14</v>
      </c>
      <c r="I588" s="1" t="s">
        <v>15</v>
      </c>
      <c r="J588" s="9">
        <v>20.8</v>
      </c>
    </row>
    <row r="589" spans="1:10" x14ac:dyDescent="0.35">
      <c r="A589" s="1" t="s">
        <v>10</v>
      </c>
      <c r="B589" s="1" t="s">
        <v>18</v>
      </c>
      <c r="C589" s="1" t="s">
        <v>12</v>
      </c>
      <c r="D589" s="1" t="s">
        <v>96</v>
      </c>
      <c r="E589" s="7" t="s">
        <v>133</v>
      </c>
      <c r="F589" s="5">
        <v>2024</v>
      </c>
      <c r="G589" s="1" t="s">
        <v>98</v>
      </c>
      <c r="H589" s="1" t="s">
        <v>14</v>
      </c>
      <c r="I589" s="1" t="s">
        <v>15</v>
      </c>
      <c r="J589" s="9">
        <v>12.5</v>
      </c>
    </row>
    <row r="590" spans="1:10" x14ac:dyDescent="0.35">
      <c r="A590" s="1" t="s">
        <v>10</v>
      </c>
      <c r="B590" s="1" t="s">
        <v>19</v>
      </c>
      <c r="C590" s="1" t="s">
        <v>12</v>
      </c>
      <c r="D590" s="1" t="s">
        <v>96</v>
      </c>
      <c r="E590" s="7" t="s">
        <v>133</v>
      </c>
      <c r="F590" s="5">
        <v>2024</v>
      </c>
      <c r="G590" s="1" t="s">
        <v>98</v>
      </c>
      <c r="H590" s="1" t="s">
        <v>14</v>
      </c>
      <c r="I590" s="1" t="s">
        <v>15</v>
      </c>
      <c r="J590" s="9">
        <v>15</v>
      </c>
    </row>
    <row r="591" spans="1:10" x14ac:dyDescent="0.35">
      <c r="A591" s="1" t="s">
        <v>20</v>
      </c>
      <c r="B591" s="1" t="s">
        <v>21</v>
      </c>
      <c r="C591" s="1" t="s">
        <v>12</v>
      </c>
      <c r="D591" s="1" t="s">
        <v>96</v>
      </c>
      <c r="E591" s="7" t="s">
        <v>133</v>
      </c>
      <c r="F591" s="5">
        <v>2024</v>
      </c>
      <c r="G591" s="1" t="s">
        <v>98</v>
      </c>
      <c r="H591" s="1" t="s">
        <v>14</v>
      </c>
      <c r="I591" s="1" t="s">
        <v>15</v>
      </c>
      <c r="J591" s="9">
        <v>22.3</v>
      </c>
    </row>
    <row r="592" spans="1:10" x14ac:dyDescent="0.35">
      <c r="A592" s="1" t="s">
        <v>22</v>
      </c>
      <c r="B592" s="1" t="s">
        <v>23</v>
      </c>
      <c r="C592" s="1" t="s">
        <v>12</v>
      </c>
      <c r="D592" s="1" t="s">
        <v>96</v>
      </c>
      <c r="E592" s="7" t="s">
        <v>133</v>
      </c>
      <c r="F592" s="5">
        <v>2024</v>
      </c>
      <c r="G592" s="1" t="s">
        <v>98</v>
      </c>
      <c r="H592" s="1" t="s">
        <v>14</v>
      </c>
      <c r="I592" s="1" t="s">
        <v>15</v>
      </c>
      <c r="J592" s="9">
        <v>32</v>
      </c>
    </row>
    <row r="593" spans="1:10" x14ac:dyDescent="0.35">
      <c r="A593" s="1" t="s">
        <v>10</v>
      </c>
      <c r="B593" s="1" t="s">
        <v>24</v>
      </c>
      <c r="C593" s="1" t="s">
        <v>12</v>
      </c>
      <c r="D593" s="1" t="s">
        <v>96</v>
      </c>
      <c r="E593" s="7" t="s">
        <v>133</v>
      </c>
      <c r="F593" s="5">
        <v>2024</v>
      </c>
      <c r="G593" s="1" t="s">
        <v>98</v>
      </c>
      <c r="H593" s="1" t="s">
        <v>14</v>
      </c>
      <c r="I593" s="1" t="s">
        <v>15</v>
      </c>
      <c r="J593" s="9">
        <v>29.1</v>
      </c>
    </row>
    <row r="594" spans="1:10" x14ac:dyDescent="0.35">
      <c r="A594" s="1" t="s">
        <v>10</v>
      </c>
      <c r="B594" s="1" t="s">
        <v>25</v>
      </c>
      <c r="C594" s="1" t="s">
        <v>12</v>
      </c>
      <c r="D594" s="1" t="s">
        <v>96</v>
      </c>
      <c r="E594" s="7" t="s">
        <v>133</v>
      </c>
      <c r="F594" s="5">
        <v>2024</v>
      </c>
      <c r="G594" s="1" t="s">
        <v>98</v>
      </c>
      <c r="H594" s="1" t="s">
        <v>14</v>
      </c>
      <c r="I594" s="1" t="s">
        <v>15</v>
      </c>
      <c r="J594" s="9">
        <v>26.9</v>
      </c>
    </row>
    <row r="595" spans="1:10" x14ac:dyDescent="0.35">
      <c r="A595" s="1" t="s">
        <v>26</v>
      </c>
      <c r="B595" s="1" t="s">
        <v>27</v>
      </c>
      <c r="C595" s="1" t="s">
        <v>12</v>
      </c>
      <c r="D595" s="1" t="s">
        <v>96</v>
      </c>
      <c r="E595" s="7" t="s">
        <v>133</v>
      </c>
      <c r="F595" s="5">
        <v>2024</v>
      </c>
      <c r="G595" s="1" t="s">
        <v>98</v>
      </c>
      <c r="H595" s="1" t="s">
        <v>14</v>
      </c>
      <c r="I595" s="1" t="s">
        <v>15</v>
      </c>
      <c r="J595" s="9">
        <v>32</v>
      </c>
    </row>
    <row r="596" spans="1:10" x14ac:dyDescent="0.35">
      <c r="A596" s="1" t="s">
        <v>28</v>
      </c>
      <c r="B596" s="1" t="s">
        <v>29</v>
      </c>
      <c r="C596" s="1" t="s">
        <v>12</v>
      </c>
      <c r="D596" s="1" t="s">
        <v>96</v>
      </c>
      <c r="E596" s="7" t="s">
        <v>133</v>
      </c>
      <c r="F596" s="5">
        <v>2024</v>
      </c>
      <c r="G596" s="1" t="s">
        <v>98</v>
      </c>
      <c r="H596" s="1" t="s">
        <v>14</v>
      </c>
      <c r="I596" s="1" t="s">
        <v>15</v>
      </c>
      <c r="J596" s="9">
        <v>24.3</v>
      </c>
    </row>
    <row r="597" spans="1:10" x14ac:dyDescent="0.35">
      <c r="A597" s="1" t="s">
        <v>10</v>
      </c>
      <c r="B597" s="1" t="s">
        <v>30</v>
      </c>
      <c r="C597" s="1" t="s">
        <v>12</v>
      </c>
      <c r="D597" s="1" t="s">
        <v>96</v>
      </c>
      <c r="E597" s="7" t="s">
        <v>133</v>
      </c>
      <c r="F597" s="5">
        <v>2024</v>
      </c>
      <c r="G597" s="1" t="s">
        <v>98</v>
      </c>
      <c r="H597" s="1" t="s">
        <v>14</v>
      </c>
      <c r="I597" s="1" t="s">
        <v>15</v>
      </c>
      <c r="J597" s="9">
        <v>32.4</v>
      </c>
    </row>
    <row r="598" spans="1:10" x14ac:dyDescent="0.35">
      <c r="A598" s="1" t="s">
        <v>26</v>
      </c>
      <c r="B598" s="1" t="s">
        <v>31</v>
      </c>
      <c r="C598" s="1" t="s">
        <v>12</v>
      </c>
      <c r="D598" s="1" t="s">
        <v>96</v>
      </c>
      <c r="E598" s="7" t="s">
        <v>133</v>
      </c>
      <c r="F598" s="5">
        <v>2024</v>
      </c>
      <c r="G598" s="1" t="s">
        <v>98</v>
      </c>
      <c r="H598" s="1" t="s">
        <v>14</v>
      </c>
      <c r="I598" s="1" t="s">
        <v>15</v>
      </c>
      <c r="J598" s="9">
        <v>24.1</v>
      </c>
    </row>
    <row r="599" spans="1:10" x14ac:dyDescent="0.35">
      <c r="A599" s="1" t="s">
        <v>28</v>
      </c>
      <c r="B599" s="1" t="s">
        <v>32</v>
      </c>
      <c r="C599" s="1" t="s">
        <v>12</v>
      </c>
      <c r="D599" s="1" t="s">
        <v>96</v>
      </c>
      <c r="E599" s="7" t="s">
        <v>133</v>
      </c>
      <c r="F599" s="5">
        <v>2024</v>
      </c>
      <c r="G599" s="1" t="s">
        <v>98</v>
      </c>
      <c r="H599" s="1" t="s">
        <v>14</v>
      </c>
      <c r="I599" s="1" t="s">
        <v>15</v>
      </c>
      <c r="J599" s="9">
        <v>20.7</v>
      </c>
    </row>
    <row r="600" spans="1:10" x14ac:dyDescent="0.35">
      <c r="A600" s="1" t="s">
        <v>33</v>
      </c>
      <c r="B600" s="1" t="s">
        <v>34</v>
      </c>
      <c r="C600" s="1" t="s">
        <v>12</v>
      </c>
      <c r="D600" s="1" t="s">
        <v>96</v>
      </c>
      <c r="E600" s="7" t="s">
        <v>133</v>
      </c>
      <c r="F600" s="5">
        <v>2024</v>
      </c>
      <c r="G600" s="1" t="s">
        <v>98</v>
      </c>
      <c r="H600" s="1" t="s">
        <v>14</v>
      </c>
      <c r="I600" s="1" t="s">
        <v>15</v>
      </c>
      <c r="J600" s="9">
        <v>26.9</v>
      </c>
    </row>
    <row r="601" spans="1:10" x14ac:dyDescent="0.35">
      <c r="A601" s="1" t="s">
        <v>35</v>
      </c>
      <c r="B601" s="1" t="s">
        <v>36</v>
      </c>
      <c r="C601" s="1" t="s">
        <v>12</v>
      </c>
      <c r="D601" s="1" t="s">
        <v>96</v>
      </c>
      <c r="E601" s="7" t="s">
        <v>133</v>
      </c>
      <c r="F601" s="5">
        <v>2024</v>
      </c>
      <c r="G601" s="1" t="s">
        <v>98</v>
      </c>
      <c r="H601" s="1" t="s">
        <v>14</v>
      </c>
      <c r="I601" s="1" t="s">
        <v>15</v>
      </c>
      <c r="J601" s="9">
        <v>23.1</v>
      </c>
    </row>
    <row r="602" spans="1:10" x14ac:dyDescent="0.35">
      <c r="A602" s="1" t="s">
        <v>28</v>
      </c>
      <c r="B602" s="1" t="s">
        <v>37</v>
      </c>
      <c r="C602" s="1" t="s">
        <v>12</v>
      </c>
      <c r="D602" s="1" t="s">
        <v>96</v>
      </c>
      <c r="E602" s="7" t="s">
        <v>133</v>
      </c>
      <c r="F602" s="5">
        <v>2024</v>
      </c>
      <c r="G602" s="1" t="s">
        <v>98</v>
      </c>
      <c r="H602" s="1" t="s">
        <v>14</v>
      </c>
      <c r="I602" s="1" t="s">
        <v>15</v>
      </c>
      <c r="J602" s="9">
        <v>27.2</v>
      </c>
    </row>
    <row r="603" spans="1:10" x14ac:dyDescent="0.35">
      <c r="A603" s="1" t="s">
        <v>20</v>
      </c>
      <c r="B603" s="1" t="s">
        <v>38</v>
      </c>
      <c r="C603" s="1" t="s">
        <v>12</v>
      </c>
      <c r="D603" s="1" t="s">
        <v>96</v>
      </c>
      <c r="E603" s="7" t="s">
        <v>133</v>
      </c>
      <c r="F603" s="5">
        <v>2024</v>
      </c>
      <c r="G603" s="1" t="s">
        <v>98</v>
      </c>
      <c r="H603" s="1" t="s">
        <v>14</v>
      </c>
      <c r="I603" s="1" t="s">
        <v>15</v>
      </c>
      <c r="J603" s="9">
        <v>33.5</v>
      </c>
    </row>
    <row r="604" spans="1:10" x14ac:dyDescent="0.35">
      <c r="A604" s="1" t="s">
        <v>33</v>
      </c>
      <c r="B604" s="1" t="s">
        <v>39</v>
      </c>
      <c r="C604" s="1" t="s">
        <v>12</v>
      </c>
      <c r="D604" s="1" t="s">
        <v>96</v>
      </c>
      <c r="E604" s="7" t="s">
        <v>133</v>
      </c>
      <c r="F604" s="5">
        <v>2024</v>
      </c>
      <c r="G604" s="1" t="s">
        <v>98</v>
      </c>
      <c r="H604" s="1" t="s">
        <v>14</v>
      </c>
      <c r="I604" s="1" t="s">
        <v>15</v>
      </c>
      <c r="J604" s="9">
        <v>23.8</v>
      </c>
    </row>
    <row r="605" spans="1:10" x14ac:dyDescent="0.35">
      <c r="A605" s="1" t="s">
        <v>20</v>
      </c>
      <c r="B605" s="1" t="s">
        <v>40</v>
      </c>
      <c r="C605" s="1" t="s">
        <v>12</v>
      </c>
      <c r="D605" s="1" t="s">
        <v>96</v>
      </c>
      <c r="E605" s="7" t="s">
        <v>133</v>
      </c>
      <c r="F605" s="5">
        <v>2024</v>
      </c>
      <c r="G605" s="1" t="s">
        <v>98</v>
      </c>
      <c r="H605" s="1" t="s">
        <v>14</v>
      </c>
      <c r="I605" s="1" t="s">
        <v>15</v>
      </c>
      <c r="J605" s="9">
        <v>33.299999999999997</v>
      </c>
    </row>
    <row r="606" spans="1:10" x14ac:dyDescent="0.35">
      <c r="A606" s="1" t="s">
        <v>35</v>
      </c>
      <c r="B606" s="1" t="s">
        <v>41</v>
      </c>
      <c r="C606" s="1" t="s">
        <v>12</v>
      </c>
      <c r="D606" s="1" t="s">
        <v>96</v>
      </c>
      <c r="E606" s="7" t="s">
        <v>133</v>
      </c>
      <c r="F606" s="5">
        <v>2024</v>
      </c>
      <c r="G606" s="1" t="s">
        <v>98</v>
      </c>
      <c r="H606" s="1" t="s">
        <v>14</v>
      </c>
      <c r="I606" s="1" t="s">
        <v>15</v>
      </c>
      <c r="J606" s="9">
        <v>31.6</v>
      </c>
    </row>
    <row r="607" spans="1:10" x14ac:dyDescent="0.35">
      <c r="A607" s="1" t="s">
        <v>35</v>
      </c>
      <c r="B607" s="1" t="s">
        <v>42</v>
      </c>
      <c r="C607" s="1" t="s">
        <v>12</v>
      </c>
      <c r="D607" s="1" t="s">
        <v>96</v>
      </c>
      <c r="E607" s="7" t="s">
        <v>133</v>
      </c>
      <c r="F607" s="5">
        <v>2024</v>
      </c>
      <c r="G607" s="1" t="s">
        <v>98</v>
      </c>
      <c r="H607" s="1" t="s">
        <v>14</v>
      </c>
      <c r="I607" s="1" t="s">
        <v>15</v>
      </c>
      <c r="J607" s="9">
        <v>37.1</v>
      </c>
    </row>
    <row r="608" spans="1:10" x14ac:dyDescent="0.35">
      <c r="A608" s="1" t="s">
        <v>35</v>
      </c>
      <c r="B608" s="1" t="s">
        <v>43</v>
      </c>
      <c r="C608" s="1" t="s">
        <v>12</v>
      </c>
      <c r="D608" s="1" t="s">
        <v>96</v>
      </c>
      <c r="E608" s="7" t="s">
        <v>133</v>
      </c>
      <c r="F608" s="5">
        <v>2024</v>
      </c>
      <c r="G608" s="1" t="s">
        <v>98</v>
      </c>
      <c r="H608" s="1" t="s">
        <v>14</v>
      </c>
      <c r="I608" s="1" t="s">
        <v>15</v>
      </c>
      <c r="J608" s="9">
        <v>22</v>
      </c>
    </row>
    <row r="609" spans="1:10" x14ac:dyDescent="0.35">
      <c r="A609" s="1" t="s">
        <v>28</v>
      </c>
      <c r="B609" s="1" t="s">
        <v>44</v>
      </c>
      <c r="C609" s="1" t="s">
        <v>12</v>
      </c>
      <c r="D609" s="1" t="s">
        <v>96</v>
      </c>
      <c r="E609" s="7" t="s">
        <v>133</v>
      </c>
      <c r="F609" s="5">
        <v>2024</v>
      </c>
      <c r="G609" s="1" t="s">
        <v>98</v>
      </c>
      <c r="H609" s="1" t="s">
        <v>14</v>
      </c>
      <c r="I609" s="1" t="s">
        <v>15</v>
      </c>
      <c r="J609" s="9">
        <v>22.6</v>
      </c>
    </row>
    <row r="610" spans="1:10" x14ac:dyDescent="0.35">
      <c r="A610" s="1" t="s">
        <v>10</v>
      </c>
      <c r="B610" s="1" t="s">
        <v>45</v>
      </c>
      <c r="C610" s="1" t="s">
        <v>12</v>
      </c>
      <c r="D610" s="1" t="s">
        <v>96</v>
      </c>
      <c r="E610" s="7" t="s">
        <v>133</v>
      </c>
      <c r="F610" s="5">
        <v>2024</v>
      </c>
      <c r="G610" s="1" t="s">
        <v>98</v>
      </c>
      <c r="H610" s="1" t="s">
        <v>14</v>
      </c>
      <c r="I610" s="1" t="s">
        <v>15</v>
      </c>
      <c r="J610" s="9">
        <v>29.4</v>
      </c>
    </row>
    <row r="611" spans="1:10" x14ac:dyDescent="0.35">
      <c r="A611" s="1" t="s">
        <v>10</v>
      </c>
      <c r="B611" s="1" t="s">
        <v>46</v>
      </c>
      <c r="C611" s="1" t="s">
        <v>12</v>
      </c>
      <c r="D611" s="1" t="s">
        <v>96</v>
      </c>
      <c r="E611" s="7" t="s">
        <v>133</v>
      </c>
      <c r="F611" s="5">
        <v>2024</v>
      </c>
      <c r="G611" s="1" t="s">
        <v>98</v>
      </c>
      <c r="H611" s="1" t="s">
        <v>14</v>
      </c>
      <c r="I611" s="1" t="s">
        <v>15</v>
      </c>
      <c r="J611" s="9">
        <v>30</v>
      </c>
    </row>
    <row r="612" spans="1:10" x14ac:dyDescent="0.35">
      <c r="A612" s="1" t="s">
        <v>33</v>
      </c>
      <c r="B612" s="1" t="s">
        <v>47</v>
      </c>
      <c r="C612" s="1" t="s">
        <v>12</v>
      </c>
      <c r="D612" s="1" t="s">
        <v>96</v>
      </c>
      <c r="E612" s="7" t="s">
        <v>133</v>
      </c>
      <c r="F612" s="5">
        <v>2024</v>
      </c>
      <c r="G612" s="1" t="s">
        <v>98</v>
      </c>
      <c r="H612" s="1" t="s">
        <v>14</v>
      </c>
      <c r="I612" s="1" t="s">
        <v>15</v>
      </c>
      <c r="J612" s="9">
        <v>12.5</v>
      </c>
    </row>
    <row r="613" spans="1:10" x14ac:dyDescent="0.35">
      <c r="A613" s="1" t="s">
        <v>20</v>
      </c>
      <c r="B613" s="1" t="s">
        <v>48</v>
      </c>
      <c r="C613" s="1" t="s">
        <v>12</v>
      </c>
      <c r="D613" s="1" t="s">
        <v>96</v>
      </c>
      <c r="E613" s="7" t="s">
        <v>133</v>
      </c>
      <c r="F613" s="5">
        <v>2024</v>
      </c>
      <c r="G613" s="1" t="s">
        <v>98</v>
      </c>
      <c r="H613" s="1" t="s">
        <v>14</v>
      </c>
      <c r="I613" s="1" t="s">
        <v>15</v>
      </c>
      <c r="J613" s="9">
        <v>24.3</v>
      </c>
    </row>
    <row r="614" spans="1:10" x14ac:dyDescent="0.35">
      <c r="A614" s="1" t="s">
        <v>28</v>
      </c>
      <c r="B614" s="1" t="s">
        <v>49</v>
      </c>
      <c r="C614" s="1" t="s">
        <v>12</v>
      </c>
      <c r="D614" s="1" t="s">
        <v>96</v>
      </c>
      <c r="E614" s="7" t="s">
        <v>133</v>
      </c>
      <c r="F614" s="5">
        <v>2024</v>
      </c>
      <c r="G614" s="1" t="s">
        <v>98</v>
      </c>
      <c r="H614" s="1" t="s">
        <v>14</v>
      </c>
      <c r="I614" s="1" t="s">
        <v>15</v>
      </c>
      <c r="J614" s="9">
        <v>16.3</v>
      </c>
    </row>
    <row r="615" spans="1:10" x14ac:dyDescent="0.35">
      <c r="A615" s="1" t="s">
        <v>35</v>
      </c>
      <c r="B615" s="1" t="s">
        <v>50</v>
      </c>
      <c r="C615" s="1" t="s">
        <v>12</v>
      </c>
      <c r="D615" s="1" t="s">
        <v>96</v>
      </c>
      <c r="E615" s="7" t="s">
        <v>133</v>
      </c>
      <c r="F615" s="5">
        <v>2024</v>
      </c>
      <c r="G615" s="1" t="s">
        <v>98</v>
      </c>
      <c r="H615" s="1" t="s">
        <v>14</v>
      </c>
      <c r="I615" s="1" t="s">
        <v>15</v>
      </c>
      <c r="J615" s="9">
        <v>18.399999999999999</v>
      </c>
    </row>
    <row r="616" spans="1:10" x14ac:dyDescent="0.35">
      <c r="A616" s="1" t="s">
        <v>22</v>
      </c>
      <c r="B616" s="1" t="s">
        <v>51</v>
      </c>
      <c r="C616" s="1" t="s">
        <v>12</v>
      </c>
      <c r="D616" s="1" t="s">
        <v>96</v>
      </c>
      <c r="E616" s="7" t="s">
        <v>133</v>
      </c>
      <c r="F616" s="5">
        <v>2024</v>
      </c>
      <c r="G616" s="1" t="s">
        <v>98</v>
      </c>
      <c r="H616" s="1" t="s">
        <v>14</v>
      </c>
      <c r="I616" s="1" t="s">
        <v>15</v>
      </c>
      <c r="J616" s="9">
        <v>29.6</v>
      </c>
    </row>
    <row r="617" spans="1:10" x14ac:dyDescent="0.35">
      <c r="A617" s="1" t="s">
        <v>22</v>
      </c>
      <c r="B617" s="1" t="s">
        <v>52</v>
      </c>
      <c r="C617" s="1" t="s">
        <v>12</v>
      </c>
      <c r="D617" s="1" t="s">
        <v>96</v>
      </c>
      <c r="E617" s="7" t="s">
        <v>133</v>
      </c>
      <c r="F617" s="5">
        <v>2024</v>
      </c>
      <c r="G617" s="1" t="s">
        <v>98</v>
      </c>
      <c r="H617" s="1" t="s">
        <v>14</v>
      </c>
      <c r="I617" s="1" t="s">
        <v>15</v>
      </c>
      <c r="J617" s="9">
        <v>30</v>
      </c>
    </row>
    <row r="618" spans="1:10" x14ac:dyDescent="0.35">
      <c r="A618" s="1" t="s">
        <v>22</v>
      </c>
      <c r="B618" s="1" t="s">
        <v>53</v>
      </c>
      <c r="C618" s="1" t="s">
        <v>12</v>
      </c>
      <c r="D618" s="1" t="s">
        <v>96</v>
      </c>
      <c r="E618" s="7" t="s">
        <v>133</v>
      </c>
      <c r="F618" s="5">
        <v>2024</v>
      </c>
      <c r="G618" s="1" t="s">
        <v>98</v>
      </c>
      <c r="H618" s="1" t="s">
        <v>14</v>
      </c>
      <c r="I618" s="1" t="s">
        <v>15</v>
      </c>
      <c r="J618" s="9">
        <v>12.6</v>
      </c>
    </row>
    <row r="619" spans="1:10" x14ac:dyDescent="0.35">
      <c r="A619" s="1" t="s">
        <v>22</v>
      </c>
      <c r="B619" s="1" t="s">
        <v>54</v>
      </c>
      <c r="C619" s="1" t="s">
        <v>12</v>
      </c>
      <c r="D619" s="1" t="s">
        <v>96</v>
      </c>
      <c r="E619" s="7" t="s">
        <v>133</v>
      </c>
      <c r="F619" s="5">
        <v>2024</v>
      </c>
      <c r="G619" s="1" t="s">
        <v>98</v>
      </c>
      <c r="H619" s="1" t="s">
        <v>14</v>
      </c>
      <c r="I619" s="1" t="s">
        <v>15</v>
      </c>
      <c r="J619" s="9">
        <v>25.6</v>
      </c>
    </row>
    <row r="620" spans="1:10" x14ac:dyDescent="0.35">
      <c r="A620" s="1" t="s">
        <v>22</v>
      </c>
      <c r="B620" s="1" t="s">
        <v>55</v>
      </c>
      <c r="C620" s="1" t="s">
        <v>12</v>
      </c>
      <c r="D620" s="1" t="s">
        <v>96</v>
      </c>
      <c r="E620" s="7" t="s">
        <v>133</v>
      </c>
      <c r="F620" s="5">
        <v>2024</v>
      </c>
      <c r="G620" s="1" t="s">
        <v>98</v>
      </c>
      <c r="H620" s="1" t="s">
        <v>14</v>
      </c>
      <c r="I620" s="1" t="s">
        <v>15</v>
      </c>
      <c r="J620" s="9">
        <v>16.100000000000001</v>
      </c>
    </row>
    <row r="621" spans="1:10" x14ac:dyDescent="0.35">
      <c r="A621" s="1" t="s">
        <v>22</v>
      </c>
      <c r="B621" s="1" t="s">
        <v>56</v>
      </c>
      <c r="C621" s="1" t="s">
        <v>12</v>
      </c>
      <c r="D621" s="1" t="s">
        <v>96</v>
      </c>
      <c r="E621" s="7" t="s">
        <v>133</v>
      </c>
      <c r="F621" s="5">
        <v>2024</v>
      </c>
      <c r="G621" s="1" t="s">
        <v>98</v>
      </c>
      <c r="H621" s="1" t="s">
        <v>14</v>
      </c>
      <c r="I621" s="1" t="s">
        <v>15</v>
      </c>
      <c r="J621" s="9">
        <v>16.3</v>
      </c>
    </row>
    <row r="622" spans="1:10" x14ac:dyDescent="0.35">
      <c r="A622" s="1" t="s">
        <v>26</v>
      </c>
      <c r="B622" s="1" t="s">
        <v>57</v>
      </c>
      <c r="C622" s="1" t="s">
        <v>12</v>
      </c>
      <c r="D622" s="1" t="s">
        <v>96</v>
      </c>
      <c r="E622" s="7" t="s">
        <v>133</v>
      </c>
      <c r="F622" s="5">
        <v>2024</v>
      </c>
      <c r="G622" s="1" t="s">
        <v>98</v>
      </c>
      <c r="H622" s="1" t="s">
        <v>14</v>
      </c>
      <c r="I622" s="1" t="s">
        <v>15</v>
      </c>
      <c r="J622" s="9">
        <v>22</v>
      </c>
    </row>
    <row r="623" spans="1:10" x14ac:dyDescent="0.35">
      <c r="A623" s="1" t="s">
        <v>28</v>
      </c>
      <c r="B623" s="1" t="s">
        <v>58</v>
      </c>
      <c r="C623" s="1" t="s">
        <v>12</v>
      </c>
      <c r="D623" s="1" t="s">
        <v>96</v>
      </c>
      <c r="E623" s="7" t="s">
        <v>133</v>
      </c>
      <c r="F623" s="5">
        <v>2024</v>
      </c>
      <c r="G623" s="1" t="s">
        <v>98</v>
      </c>
      <c r="H623" s="1" t="s">
        <v>14</v>
      </c>
      <c r="I623" s="1" t="s">
        <v>15</v>
      </c>
      <c r="J623" s="9">
        <v>24.2</v>
      </c>
    </row>
    <row r="624" spans="1:10" x14ac:dyDescent="0.35">
      <c r="A624" s="1" t="s">
        <v>20</v>
      </c>
      <c r="B624" s="1" t="s">
        <v>59</v>
      </c>
      <c r="C624" s="1" t="s">
        <v>12</v>
      </c>
      <c r="D624" s="1" t="s">
        <v>96</v>
      </c>
      <c r="E624" s="7" t="s">
        <v>133</v>
      </c>
      <c r="F624" s="5">
        <v>2024</v>
      </c>
      <c r="G624" s="1" t="s">
        <v>98</v>
      </c>
      <c r="H624" s="1" t="s">
        <v>14</v>
      </c>
      <c r="I624" s="1" t="s">
        <v>15</v>
      </c>
      <c r="J624" s="9">
        <v>25.9</v>
      </c>
    </row>
    <row r="625" spans="1:10" x14ac:dyDescent="0.35">
      <c r="A625" s="1" t="s">
        <v>20</v>
      </c>
      <c r="B625" s="1" t="s">
        <v>60</v>
      </c>
      <c r="C625" s="1" t="s">
        <v>12</v>
      </c>
      <c r="D625" s="1" t="s">
        <v>96</v>
      </c>
      <c r="E625" s="7" t="s">
        <v>133</v>
      </c>
      <c r="F625" s="5">
        <v>2024</v>
      </c>
      <c r="G625" s="1" t="s">
        <v>98</v>
      </c>
      <c r="H625" s="1" t="s">
        <v>14</v>
      </c>
      <c r="I625" s="1" t="s">
        <v>15</v>
      </c>
      <c r="J625" s="9">
        <v>32</v>
      </c>
    </row>
    <row r="626" spans="1:10" x14ac:dyDescent="0.35">
      <c r="A626" s="1" t="s">
        <v>28</v>
      </c>
      <c r="B626" s="1" t="s">
        <v>61</v>
      </c>
      <c r="C626" s="1" t="s">
        <v>12</v>
      </c>
      <c r="D626" s="1" t="s">
        <v>96</v>
      </c>
      <c r="E626" s="7" t="s">
        <v>133</v>
      </c>
      <c r="F626" s="5">
        <v>2024</v>
      </c>
      <c r="G626" s="1" t="s">
        <v>98</v>
      </c>
      <c r="H626" s="1" t="s">
        <v>14</v>
      </c>
      <c r="I626" s="1" t="s">
        <v>15</v>
      </c>
      <c r="J626" s="9">
        <v>22.2</v>
      </c>
    </row>
    <row r="627" spans="1:10" x14ac:dyDescent="0.35">
      <c r="A627" s="1" t="s">
        <v>62</v>
      </c>
      <c r="B627" s="1" t="s">
        <v>63</v>
      </c>
      <c r="C627" s="1" t="s">
        <v>12</v>
      </c>
      <c r="D627" s="1" t="s">
        <v>96</v>
      </c>
      <c r="E627" s="7" t="s">
        <v>133</v>
      </c>
      <c r="F627" s="5">
        <v>2024</v>
      </c>
      <c r="G627" s="1" t="s">
        <v>98</v>
      </c>
      <c r="H627" s="1" t="s">
        <v>14</v>
      </c>
      <c r="I627" s="1" t="s">
        <v>15</v>
      </c>
      <c r="J627" s="9">
        <v>32.4</v>
      </c>
    </row>
    <row r="628" spans="1:10" x14ac:dyDescent="0.35">
      <c r="A628" s="1" t="s">
        <v>62</v>
      </c>
      <c r="B628" s="1" t="s">
        <v>64</v>
      </c>
      <c r="C628" s="1" t="s">
        <v>12</v>
      </c>
      <c r="D628" s="1" t="s">
        <v>96</v>
      </c>
      <c r="E628" s="7" t="s">
        <v>133</v>
      </c>
      <c r="F628" s="5">
        <v>2024</v>
      </c>
      <c r="G628" s="1" t="s">
        <v>98</v>
      </c>
      <c r="H628" s="1" t="s">
        <v>14</v>
      </c>
      <c r="I628" s="1" t="s">
        <v>15</v>
      </c>
      <c r="J628" s="9">
        <v>29</v>
      </c>
    </row>
    <row r="629" spans="1:10" x14ac:dyDescent="0.35">
      <c r="A629" s="1" t="s">
        <v>62</v>
      </c>
      <c r="B629" s="1" t="s">
        <v>65</v>
      </c>
      <c r="C629" s="1" t="s">
        <v>12</v>
      </c>
      <c r="D629" s="1" t="s">
        <v>96</v>
      </c>
      <c r="E629" s="7" t="s">
        <v>133</v>
      </c>
      <c r="F629" s="5">
        <v>2024</v>
      </c>
      <c r="G629" s="1" t="s">
        <v>98</v>
      </c>
      <c r="H629" s="1" t="s">
        <v>14</v>
      </c>
      <c r="I629" s="1" t="s">
        <v>15</v>
      </c>
      <c r="J629" s="9">
        <v>18.3</v>
      </c>
    </row>
    <row r="630" spans="1:10" x14ac:dyDescent="0.35">
      <c r="A630" s="1" t="s">
        <v>62</v>
      </c>
      <c r="B630" s="1" t="s">
        <v>66</v>
      </c>
      <c r="C630" s="1" t="s">
        <v>12</v>
      </c>
      <c r="D630" s="1" t="s">
        <v>96</v>
      </c>
      <c r="E630" s="7" t="s">
        <v>133</v>
      </c>
      <c r="F630" s="5">
        <v>2024</v>
      </c>
      <c r="G630" s="1" t="s">
        <v>98</v>
      </c>
      <c r="H630" s="1" t="s">
        <v>14</v>
      </c>
      <c r="I630" s="1" t="s">
        <v>15</v>
      </c>
      <c r="J630" s="9">
        <v>41.9</v>
      </c>
    </row>
    <row r="631" spans="1:10" x14ac:dyDescent="0.35">
      <c r="A631" s="1" t="s">
        <v>62</v>
      </c>
      <c r="B631" s="1" t="s">
        <v>67</v>
      </c>
      <c r="C631" s="1" t="s">
        <v>12</v>
      </c>
      <c r="D631" s="1" t="s">
        <v>96</v>
      </c>
      <c r="E631" s="7" t="s">
        <v>133</v>
      </c>
      <c r="F631" s="5">
        <v>2024</v>
      </c>
      <c r="G631" s="1" t="s">
        <v>98</v>
      </c>
      <c r="H631" s="1" t="s">
        <v>14</v>
      </c>
      <c r="I631" s="1" t="s">
        <v>15</v>
      </c>
      <c r="J631" s="9">
        <v>38.299999999999997</v>
      </c>
    </row>
    <row r="632" spans="1:10" x14ac:dyDescent="0.35">
      <c r="A632" s="1" t="s">
        <v>62</v>
      </c>
      <c r="B632" s="1" t="s">
        <v>68</v>
      </c>
      <c r="C632" s="1" t="s">
        <v>12</v>
      </c>
      <c r="D632" s="1" t="s">
        <v>96</v>
      </c>
      <c r="E632" s="7" t="s">
        <v>133</v>
      </c>
      <c r="F632" s="5">
        <v>2024</v>
      </c>
      <c r="G632" s="1" t="s">
        <v>98</v>
      </c>
      <c r="H632" s="1" t="s">
        <v>14</v>
      </c>
      <c r="I632" s="1" t="s">
        <v>15</v>
      </c>
      <c r="J632" s="9">
        <v>34.1</v>
      </c>
    </row>
    <row r="633" spans="1:10" x14ac:dyDescent="0.35">
      <c r="A633" s="1" t="s">
        <v>62</v>
      </c>
      <c r="B633" s="1" t="s">
        <v>69</v>
      </c>
      <c r="C633" s="1" t="s">
        <v>12</v>
      </c>
      <c r="D633" s="1" t="s">
        <v>96</v>
      </c>
      <c r="E633" s="7" t="s">
        <v>133</v>
      </c>
      <c r="F633" s="5">
        <v>2024</v>
      </c>
      <c r="G633" s="1" t="s">
        <v>98</v>
      </c>
      <c r="H633" s="1" t="s">
        <v>14</v>
      </c>
      <c r="I633" s="1" t="s">
        <v>15</v>
      </c>
      <c r="J633" s="9">
        <v>30.7</v>
      </c>
    </row>
    <row r="634" spans="1:10" x14ac:dyDescent="0.35">
      <c r="A634" s="1" t="s">
        <v>62</v>
      </c>
      <c r="B634" s="1" t="s">
        <v>70</v>
      </c>
      <c r="C634" s="1" t="s">
        <v>12</v>
      </c>
      <c r="D634" s="1" t="s">
        <v>96</v>
      </c>
      <c r="E634" s="7" t="s">
        <v>133</v>
      </c>
      <c r="F634" s="5">
        <v>2024</v>
      </c>
      <c r="G634" s="1" t="s">
        <v>98</v>
      </c>
      <c r="H634" s="1" t="s">
        <v>14</v>
      </c>
      <c r="I634" s="1" t="s">
        <v>15</v>
      </c>
      <c r="J634" s="9">
        <v>25.6</v>
      </c>
    </row>
    <row r="635" spans="1:10" x14ac:dyDescent="0.35">
      <c r="A635" s="1" t="s">
        <v>35</v>
      </c>
      <c r="B635" s="1" t="s">
        <v>71</v>
      </c>
      <c r="C635" s="1" t="s">
        <v>12</v>
      </c>
      <c r="D635" s="1" t="s">
        <v>96</v>
      </c>
      <c r="E635" s="7" t="s">
        <v>133</v>
      </c>
      <c r="F635" s="5">
        <v>2024</v>
      </c>
      <c r="G635" s="1" t="s">
        <v>98</v>
      </c>
      <c r="H635" s="1" t="s">
        <v>14</v>
      </c>
      <c r="I635" s="1" t="s">
        <v>15</v>
      </c>
      <c r="J635" s="9">
        <v>26.7</v>
      </c>
    </row>
    <row r="636" spans="1:10" x14ac:dyDescent="0.35">
      <c r="A636" s="1" t="s">
        <v>20</v>
      </c>
      <c r="B636" s="1" t="s">
        <v>72</v>
      </c>
      <c r="C636" s="1" t="s">
        <v>12</v>
      </c>
      <c r="D636" s="1" t="s">
        <v>96</v>
      </c>
      <c r="E636" s="7" t="s">
        <v>133</v>
      </c>
      <c r="F636" s="5">
        <v>2024</v>
      </c>
      <c r="G636" s="1" t="s">
        <v>98</v>
      </c>
      <c r="H636" s="1" t="s">
        <v>14</v>
      </c>
      <c r="I636" s="1" t="s">
        <v>15</v>
      </c>
      <c r="J636" s="9">
        <v>22.5</v>
      </c>
    </row>
    <row r="637" spans="1:10" x14ac:dyDescent="0.35">
      <c r="A637" s="1" t="s">
        <v>26</v>
      </c>
      <c r="B637" s="1" t="s">
        <v>73</v>
      </c>
      <c r="C637" s="1" t="s">
        <v>12</v>
      </c>
      <c r="D637" s="1" t="s">
        <v>96</v>
      </c>
      <c r="E637" s="7" t="s">
        <v>133</v>
      </c>
      <c r="F637" s="5">
        <v>2024</v>
      </c>
      <c r="G637" s="1" t="s">
        <v>98</v>
      </c>
      <c r="H637" s="1" t="s">
        <v>14</v>
      </c>
      <c r="I637" s="1" t="s">
        <v>15</v>
      </c>
      <c r="J637" s="9">
        <v>16.100000000000001</v>
      </c>
    </row>
    <row r="638" spans="1:10" x14ac:dyDescent="0.35">
      <c r="A638" s="1" t="s">
        <v>28</v>
      </c>
      <c r="B638" s="1" t="s">
        <v>74</v>
      </c>
      <c r="C638" s="1" t="s">
        <v>12</v>
      </c>
      <c r="D638" s="1" t="s">
        <v>96</v>
      </c>
      <c r="E638" s="7" t="s">
        <v>133</v>
      </c>
      <c r="F638" s="5">
        <v>2024</v>
      </c>
      <c r="G638" s="1" t="s">
        <v>98</v>
      </c>
      <c r="H638" s="1" t="s">
        <v>14</v>
      </c>
      <c r="I638" s="1" t="s">
        <v>15</v>
      </c>
      <c r="J638" s="9">
        <v>26.3</v>
      </c>
    </row>
    <row r="639" spans="1:10" x14ac:dyDescent="0.35">
      <c r="A639" s="1" t="s">
        <v>33</v>
      </c>
      <c r="B639" s="1" t="s">
        <v>75</v>
      </c>
      <c r="C639" s="1" t="s">
        <v>12</v>
      </c>
      <c r="D639" s="1" t="s">
        <v>96</v>
      </c>
      <c r="E639" s="7" t="s">
        <v>133</v>
      </c>
      <c r="F639" s="5">
        <v>2024</v>
      </c>
      <c r="G639" s="1" t="s">
        <v>98</v>
      </c>
      <c r="H639" s="1" t="s">
        <v>14</v>
      </c>
      <c r="I639" s="1" t="s">
        <v>15</v>
      </c>
      <c r="J639" s="9">
        <v>28.6</v>
      </c>
    </row>
    <row r="640" spans="1:10" x14ac:dyDescent="0.35">
      <c r="A640" s="1" t="s">
        <v>22</v>
      </c>
      <c r="B640" s="1" t="s">
        <v>76</v>
      </c>
      <c r="C640" s="1" t="s">
        <v>12</v>
      </c>
      <c r="D640" s="1" t="s">
        <v>96</v>
      </c>
      <c r="E640" s="7" t="s">
        <v>133</v>
      </c>
      <c r="F640" s="5">
        <v>2024</v>
      </c>
      <c r="G640" s="1" t="s">
        <v>98</v>
      </c>
      <c r="H640" s="1" t="s">
        <v>14</v>
      </c>
      <c r="I640" s="1" t="s">
        <v>15</v>
      </c>
      <c r="J640" s="9">
        <v>23.2</v>
      </c>
    </row>
    <row r="641" spans="1:10" x14ac:dyDescent="0.35">
      <c r="A641" s="1" t="s">
        <v>33</v>
      </c>
      <c r="B641" s="1" t="s">
        <v>77</v>
      </c>
      <c r="C641" s="1" t="s">
        <v>12</v>
      </c>
      <c r="D641" s="1" t="s">
        <v>96</v>
      </c>
      <c r="E641" s="7" t="s">
        <v>133</v>
      </c>
      <c r="F641" s="5">
        <v>2024</v>
      </c>
      <c r="G641" s="1" t="s">
        <v>98</v>
      </c>
      <c r="H641" s="1" t="s">
        <v>14</v>
      </c>
      <c r="I641" s="1" t="s">
        <v>15</v>
      </c>
      <c r="J641" s="9">
        <v>19.399999999999999</v>
      </c>
    </row>
    <row r="642" spans="1:10" x14ac:dyDescent="0.35">
      <c r="A642" s="1" t="s">
        <v>22</v>
      </c>
      <c r="B642" s="1" t="s">
        <v>78</v>
      </c>
      <c r="C642" s="1" t="s">
        <v>12</v>
      </c>
      <c r="D642" s="1" t="s">
        <v>96</v>
      </c>
      <c r="E642" s="7" t="s">
        <v>133</v>
      </c>
      <c r="F642" s="5">
        <v>2024</v>
      </c>
      <c r="G642" s="1" t="s">
        <v>98</v>
      </c>
      <c r="H642" s="1" t="s">
        <v>14</v>
      </c>
      <c r="I642" s="1" t="s">
        <v>15</v>
      </c>
      <c r="J642" s="9">
        <v>17.2</v>
      </c>
    </row>
    <row r="643" spans="1:10" x14ac:dyDescent="0.35">
      <c r="A643" s="1" t="s">
        <v>28</v>
      </c>
      <c r="B643" s="1" t="s">
        <v>79</v>
      </c>
      <c r="C643" s="1" t="s">
        <v>12</v>
      </c>
      <c r="D643" s="1" t="s">
        <v>96</v>
      </c>
      <c r="E643" s="7" t="s">
        <v>133</v>
      </c>
      <c r="F643" s="5">
        <v>2024</v>
      </c>
      <c r="G643" s="1" t="s">
        <v>98</v>
      </c>
      <c r="H643" s="1" t="s">
        <v>14</v>
      </c>
      <c r="I643" s="1" t="s">
        <v>15</v>
      </c>
      <c r="J643" s="9">
        <v>18.399999999999999</v>
      </c>
    </row>
    <row r="644" spans="1:10" x14ac:dyDescent="0.35">
      <c r="A644" s="1" t="s">
        <v>26</v>
      </c>
      <c r="B644" s="1" t="s">
        <v>80</v>
      </c>
      <c r="C644" s="1" t="s">
        <v>12</v>
      </c>
      <c r="D644" s="1" t="s">
        <v>96</v>
      </c>
      <c r="E644" s="7" t="s">
        <v>133</v>
      </c>
      <c r="F644" s="5">
        <v>2024</v>
      </c>
      <c r="G644" s="1" t="s">
        <v>98</v>
      </c>
      <c r="H644" s="1" t="s">
        <v>14</v>
      </c>
      <c r="I644" s="1" t="s">
        <v>15</v>
      </c>
      <c r="J644" s="9">
        <v>25.2</v>
      </c>
    </row>
    <row r="645" spans="1:10" x14ac:dyDescent="0.35">
      <c r="A645" s="1" t="s">
        <v>20</v>
      </c>
      <c r="B645" s="1" t="s">
        <v>81</v>
      </c>
      <c r="C645" s="1" t="s">
        <v>12</v>
      </c>
      <c r="D645" s="1" t="s">
        <v>96</v>
      </c>
      <c r="E645" s="7" t="s">
        <v>133</v>
      </c>
      <c r="F645" s="5">
        <v>2024</v>
      </c>
      <c r="G645" s="1" t="s">
        <v>98</v>
      </c>
      <c r="H645" s="1" t="s">
        <v>14</v>
      </c>
      <c r="I645" s="1" t="s">
        <v>15</v>
      </c>
      <c r="J645" s="9">
        <v>33.5</v>
      </c>
    </row>
    <row r="646" spans="1:10" x14ac:dyDescent="0.35">
      <c r="A646" s="1" t="s">
        <v>33</v>
      </c>
      <c r="B646" s="1" t="s">
        <v>82</v>
      </c>
      <c r="C646" s="1" t="s">
        <v>12</v>
      </c>
      <c r="D646" s="1" t="s">
        <v>96</v>
      </c>
      <c r="E646" s="7" t="s">
        <v>133</v>
      </c>
      <c r="F646" s="5">
        <v>2024</v>
      </c>
      <c r="G646" s="1" t="s">
        <v>98</v>
      </c>
      <c r="H646" s="1" t="s">
        <v>14</v>
      </c>
      <c r="I646" s="1" t="s">
        <v>15</v>
      </c>
      <c r="J646" s="9">
        <v>21.8</v>
      </c>
    </row>
    <row r="647" spans="1:10" x14ac:dyDescent="0.35">
      <c r="A647" s="1" t="s">
        <v>26</v>
      </c>
      <c r="B647" s="1" t="s">
        <v>83</v>
      </c>
      <c r="C647" s="1" t="s">
        <v>12</v>
      </c>
      <c r="D647" s="1" t="s">
        <v>96</v>
      </c>
      <c r="E647" s="7" t="s">
        <v>133</v>
      </c>
      <c r="F647" s="5">
        <v>2024</v>
      </c>
      <c r="G647" s="1" t="s">
        <v>98</v>
      </c>
      <c r="H647" s="1" t="s">
        <v>14</v>
      </c>
      <c r="I647" s="1" t="s">
        <v>15</v>
      </c>
      <c r="J647" s="9"/>
    </row>
    <row r="648" spans="1:10" x14ac:dyDescent="0.35">
      <c r="A648" s="1" t="s">
        <v>35</v>
      </c>
      <c r="B648" s="1" t="s">
        <v>84</v>
      </c>
      <c r="C648" s="1" t="s">
        <v>12</v>
      </c>
      <c r="D648" s="1" t="s">
        <v>96</v>
      </c>
      <c r="E648" s="7" t="s">
        <v>133</v>
      </c>
      <c r="F648" s="5">
        <v>2024</v>
      </c>
      <c r="G648" s="1" t="s">
        <v>98</v>
      </c>
      <c r="H648" s="1" t="s">
        <v>14</v>
      </c>
      <c r="I648" s="1" t="s">
        <v>15</v>
      </c>
      <c r="J648" s="9">
        <v>23.4</v>
      </c>
    </row>
    <row r="649" spans="1:10" x14ac:dyDescent="0.35">
      <c r="A649" s="1" t="s">
        <v>33</v>
      </c>
      <c r="B649" s="1" t="s">
        <v>85</v>
      </c>
      <c r="C649" s="1" t="s">
        <v>12</v>
      </c>
      <c r="D649" s="1" t="s">
        <v>96</v>
      </c>
      <c r="E649" s="7" t="s">
        <v>133</v>
      </c>
      <c r="F649" s="5">
        <v>2024</v>
      </c>
      <c r="G649" s="1" t="s">
        <v>98</v>
      </c>
      <c r="H649" s="1" t="s">
        <v>14</v>
      </c>
      <c r="I649" s="1" t="s">
        <v>15</v>
      </c>
      <c r="J649" s="9">
        <v>31.7</v>
      </c>
    </row>
    <row r="650" spans="1:10" x14ac:dyDescent="0.35">
      <c r="A650" s="1" t="s">
        <v>33</v>
      </c>
      <c r="B650" s="1" t="s">
        <v>86</v>
      </c>
      <c r="C650" s="1" t="s">
        <v>12</v>
      </c>
      <c r="D650" s="1" t="s">
        <v>96</v>
      </c>
      <c r="E650" s="7" t="s">
        <v>133</v>
      </c>
      <c r="F650" s="5">
        <v>2024</v>
      </c>
      <c r="G650" s="1" t="s">
        <v>98</v>
      </c>
      <c r="H650" s="1" t="s">
        <v>14</v>
      </c>
      <c r="I650" s="1" t="s">
        <v>15</v>
      </c>
      <c r="J650" s="9">
        <v>27.4</v>
      </c>
    </row>
    <row r="651" spans="1:10" x14ac:dyDescent="0.35">
      <c r="A651" s="1" t="s">
        <v>35</v>
      </c>
      <c r="B651" s="1" t="s">
        <v>87</v>
      </c>
      <c r="C651" s="1" t="s">
        <v>12</v>
      </c>
      <c r="D651" s="1" t="s">
        <v>96</v>
      </c>
      <c r="E651" s="7" t="s">
        <v>133</v>
      </c>
      <c r="F651" s="5">
        <v>2024</v>
      </c>
      <c r="G651" s="1" t="s">
        <v>98</v>
      </c>
      <c r="H651" s="1" t="s">
        <v>14</v>
      </c>
      <c r="I651" s="1" t="s">
        <v>15</v>
      </c>
      <c r="J651" s="9">
        <v>27.2</v>
      </c>
    </row>
    <row r="652" spans="1:10" x14ac:dyDescent="0.35">
      <c r="A652" s="1" t="s">
        <v>35</v>
      </c>
      <c r="B652" s="1" t="s">
        <v>88</v>
      </c>
      <c r="C652" s="1" t="s">
        <v>12</v>
      </c>
      <c r="D652" s="1" t="s">
        <v>96</v>
      </c>
      <c r="E652" s="7" t="s">
        <v>133</v>
      </c>
      <c r="F652" s="5">
        <v>2024</v>
      </c>
      <c r="G652" s="1" t="s">
        <v>98</v>
      </c>
      <c r="H652" s="1" t="s">
        <v>14</v>
      </c>
      <c r="I652" s="1" t="s">
        <v>15</v>
      </c>
      <c r="J652" s="9">
        <v>22</v>
      </c>
    </row>
    <row r="653" spans="1:10" x14ac:dyDescent="0.35">
      <c r="A653" s="1" t="s">
        <v>62</v>
      </c>
      <c r="B653" s="1" t="s">
        <v>89</v>
      </c>
      <c r="C653" s="1" t="s">
        <v>12</v>
      </c>
      <c r="D653" s="1" t="s">
        <v>96</v>
      </c>
      <c r="E653" s="7" t="s">
        <v>133</v>
      </c>
      <c r="F653" s="5">
        <v>2024</v>
      </c>
      <c r="G653" s="1" t="s">
        <v>98</v>
      </c>
      <c r="H653" s="1" t="s">
        <v>14</v>
      </c>
      <c r="I653" s="1" t="s">
        <v>15</v>
      </c>
      <c r="J653" s="9">
        <v>27.4</v>
      </c>
    </row>
    <row r="654" spans="1:10" x14ac:dyDescent="0.35">
      <c r="A654" s="1" t="s">
        <v>26</v>
      </c>
      <c r="B654" s="1" t="s">
        <v>90</v>
      </c>
      <c r="C654" s="1" t="s">
        <v>12</v>
      </c>
      <c r="D654" s="1" t="s">
        <v>96</v>
      </c>
      <c r="E654" s="7" t="s">
        <v>133</v>
      </c>
      <c r="F654" s="5">
        <v>2024</v>
      </c>
      <c r="G654" s="1" t="s">
        <v>98</v>
      </c>
      <c r="H654" s="1" t="s">
        <v>14</v>
      </c>
      <c r="I654" s="1" t="s">
        <v>15</v>
      </c>
      <c r="J654" s="9">
        <v>18.899999999999999</v>
      </c>
    </row>
    <row r="655" spans="1:10" x14ac:dyDescent="0.35">
      <c r="A655" s="1" t="s">
        <v>26</v>
      </c>
      <c r="B655" s="1" t="s">
        <v>91</v>
      </c>
      <c r="C655" s="1" t="s">
        <v>12</v>
      </c>
      <c r="D655" s="1" t="s">
        <v>96</v>
      </c>
      <c r="E655" s="7" t="s">
        <v>133</v>
      </c>
      <c r="F655" s="5">
        <v>2024</v>
      </c>
      <c r="G655" s="1" t="s">
        <v>98</v>
      </c>
      <c r="H655" s="1" t="s">
        <v>14</v>
      </c>
      <c r="I655" s="1" t="s">
        <v>15</v>
      </c>
      <c r="J655" s="9">
        <v>34.9</v>
      </c>
    </row>
    <row r="656" spans="1:10" x14ac:dyDescent="0.35">
      <c r="A656" s="1" t="s">
        <v>33</v>
      </c>
      <c r="B656" s="1" t="s">
        <v>92</v>
      </c>
      <c r="C656" s="1" t="s">
        <v>12</v>
      </c>
      <c r="D656" s="1" t="s">
        <v>96</v>
      </c>
      <c r="E656" s="7" t="s">
        <v>133</v>
      </c>
      <c r="F656" s="5">
        <v>2024</v>
      </c>
      <c r="G656" s="1" t="s">
        <v>98</v>
      </c>
      <c r="H656" s="1" t="s">
        <v>14</v>
      </c>
      <c r="I656" s="1" t="s">
        <v>15</v>
      </c>
      <c r="J656" s="9">
        <v>22.9</v>
      </c>
    </row>
    <row r="657" spans="1:10" x14ac:dyDescent="0.35">
      <c r="A657" s="1" t="s">
        <v>35</v>
      </c>
      <c r="B657" s="1" t="s">
        <v>93</v>
      </c>
      <c r="C657" s="1" t="s">
        <v>12</v>
      </c>
      <c r="D657" s="1" t="s">
        <v>96</v>
      </c>
      <c r="E657" s="7" t="s">
        <v>133</v>
      </c>
      <c r="F657" s="5">
        <v>2024</v>
      </c>
      <c r="G657" s="1" t="s">
        <v>98</v>
      </c>
      <c r="H657" s="1" t="s">
        <v>14</v>
      </c>
      <c r="I657" s="1" t="s">
        <v>15</v>
      </c>
      <c r="J657" s="9">
        <v>19.8</v>
      </c>
    </row>
    <row r="658" spans="1:10" x14ac:dyDescent="0.35">
      <c r="A658" s="1" t="s">
        <v>20</v>
      </c>
      <c r="B658" s="1" t="s">
        <v>94</v>
      </c>
      <c r="C658" s="1" t="s">
        <v>12</v>
      </c>
      <c r="D658" s="1" t="s">
        <v>96</v>
      </c>
      <c r="E658" s="7" t="s">
        <v>133</v>
      </c>
      <c r="F658" s="5">
        <v>2024</v>
      </c>
      <c r="G658" s="1" t="s">
        <v>98</v>
      </c>
      <c r="H658" s="1" t="s">
        <v>14</v>
      </c>
      <c r="I658" s="1" t="s">
        <v>15</v>
      </c>
      <c r="J658" s="9">
        <v>45.3</v>
      </c>
    </row>
    <row r="659" spans="1:10" x14ac:dyDescent="0.35">
      <c r="A659" t="s">
        <v>10</v>
      </c>
      <c r="B659" t="s">
        <v>11</v>
      </c>
      <c r="C659" t="s">
        <v>99</v>
      </c>
      <c r="D659" t="s">
        <v>100</v>
      </c>
      <c r="E659">
        <v>2021</v>
      </c>
      <c r="F659" s="3">
        <v>2021</v>
      </c>
      <c r="G659" t="s">
        <v>15</v>
      </c>
      <c r="H659" t="s">
        <v>14</v>
      </c>
      <c r="I659" t="s">
        <v>101</v>
      </c>
      <c r="J659" s="10">
        <v>31.5</v>
      </c>
    </row>
    <row r="660" spans="1:10" x14ac:dyDescent="0.35">
      <c r="A660" t="s">
        <v>10</v>
      </c>
      <c r="B660" t="s">
        <v>11</v>
      </c>
      <c r="C660" t="s">
        <v>99</v>
      </c>
      <c r="D660" t="s">
        <v>100</v>
      </c>
      <c r="E660">
        <v>2021</v>
      </c>
      <c r="F660" s="3">
        <v>2021</v>
      </c>
      <c r="G660" t="s">
        <v>15</v>
      </c>
      <c r="H660" t="s">
        <v>14</v>
      </c>
      <c r="I660" t="s">
        <v>102</v>
      </c>
      <c r="J660" s="10">
        <v>18.7</v>
      </c>
    </row>
    <row r="661" spans="1:10" x14ac:dyDescent="0.35">
      <c r="A661" t="s">
        <v>10</v>
      </c>
      <c r="B661" t="s">
        <v>11</v>
      </c>
      <c r="C661" t="s">
        <v>99</v>
      </c>
      <c r="D661" t="s">
        <v>100</v>
      </c>
      <c r="E661">
        <v>2021</v>
      </c>
      <c r="F661" s="3">
        <v>2021</v>
      </c>
      <c r="G661" t="s">
        <v>15</v>
      </c>
      <c r="H661" t="s">
        <v>14</v>
      </c>
      <c r="I661" t="s">
        <v>103</v>
      </c>
      <c r="J661" s="10">
        <v>12.7</v>
      </c>
    </row>
    <row r="662" spans="1:10" x14ac:dyDescent="0.35">
      <c r="A662" t="s">
        <v>10</v>
      </c>
      <c r="B662" t="s">
        <v>11</v>
      </c>
      <c r="C662" t="s">
        <v>99</v>
      </c>
      <c r="D662" t="s">
        <v>100</v>
      </c>
      <c r="E662">
        <v>2021</v>
      </c>
      <c r="F662" s="3">
        <v>2021</v>
      </c>
      <c r="G662" t="s">
        <v>15</v>
      </c>
      <c r="H662" t="s">
        <v>14</v>
      </c>
      <c r="I662" t="s">
        <v>104</v>
      </c>
      <c r="J662" s="10">
        <v>17.5</v>
      </c>
    </row>
    <row r="663" spans="1:10" x14ac:dyDescent="0.35">
      <c r="A663" t="s">
        <v>10</v>
      </c>
      <c r="B663" t="s">
        <v>11</v>
      </c>
      <c r="C663" t="s">
        <v>99</v>
      </c>
      <c r="D663" t="s">
        <v>100</v>
      </c>
      <c r="E663">
        <v>2021</v>
      </c>
      <c r="F663" s="3">
        <v>2021</v>
      </c>
      <c r="G663" t="s">
        <v>15</v>
      </c>
      <c r="H663" t="s">
        <v>14</v>
      </c>
      <c r="I663" t="s">
        <v>105</v>
      </c>
      <c r="J663" s="10">
        <v>9.4</v>
      </c>
    </row>
    <row r="664" spans="1:10" x14ac:dyDescent="0.35">
      <c r="A664" t="s">
        <v>10</v>
      </c>
      <c r="B664" t="s">
        <v>11</v>
      </c>
      <c r="C664" t="s">
        <v>99</v>
      </c>
      <c r="D664" t="s">
        <v>100</v>
      </c>
      <c r="E664">
        <v>2021</v>
      </c>
      <c r="F664" s="3">
        <v>2021</v>
      </c>
      <c r="G664" t="s">
        <v>15</v>
      </c>
      <c r="H664" t="s">
        <v>14</v>
      </c>
      <c r="I664" t="s">
        <v>106</v>
      </c>
      <c r="J664" s="10">
        <v>5</v>
      </c>
    </row>
    <row r="665" spans="1:10" x14ac:dyDescent="0.35">
      <c r="A665" t="s">
        <v>10</v>
      </c>
      <c r="B665" t="s">
        <v>11</v>
      </c>
      <c r="C665" t="s">
        <v>99</v>
      </c>
      <c r="D665" t="s">
        <v>100</v>
      </c>
      <c r="E665">
        <v>2021</v>
      </c>
      <c r="F665" s="3">
        <v>2021</v>
      </c>
      <c r="G665" t="s">
        <v>15</v>
      </c>
      <c r="H665" t="s">
        <v>14</v>
      </c>
      <c r="I665" t="s">
        <v>107</v>
      </c>
      <c r="J665" s="10">
        <v>4.7</v>
      </c>
    </row>
    <row r="666" spans="1:10" x14ac:dyDescent="0.35">
      <c r="A666" t="s">
        <v>10</v>
      </c>
      <c r="B666" t="s">
        <v>11</v>
      </c>
      <c r="C666" t="s">
        <v>99</v>
      </c>
      <c r="D666" t="s">
        <v>100</v>
      </c>
      <c r="E666">
        <v>2021</v>
      </c>
      <c r="F666" s="3">
        <v>2021</v>
      </c>
      <c r="G666" t="s">
        <v>15</v>
      </c>
      <c r="H666" t="s">
        <v>14</v>
      </c>
      <c r="I666" t="s">
        <v>108</v>
      </c>
      <c r="J666" s="10">
        <v>0.4</v>
      </c>
    </row>
    <row r="667" spans="1:10" x14ac:dyDescent="0.35">
      <c r="A667" t="s">
        <v>10</v>
      </c>
      <c r="B667" t="s">
        <v>16</v>
      </c>
      <c r="C667" t="s">
        <v>99</v>
      </c>
      <c r="D667" t="s">
        <v>100</v>
      </c>
      <c r="E667">
        <v>2021</v>
      </c>
      <c r="F667" s="3">
        <v>2021</v>
      </c>
      <c r="G667" t="s">
        <v>15</v>
      </c>
      <c r="H667" t="s">
        <v>14</v>
      </c>
      <c r="I667" t="s">
        <v>101</v>
      </c>
      <c r="J667" s="10">
        <v>10.9</v>
      </c>
    </row>
    <row r="668" spans="1:10" x14ac:dyDescent="0.35">
      <c r="A668" t="s">
        <v>10</v>
      </c>
      <c r="B668" t="s">
        <v>16</v>
      </c>
      <c r="C668" t="s">
        <v>99</v>
      </c>
      <c r="D668" t="s">
        <v>100</v>
      </c>
      <c r="E668">
        <v>2021</v>
      </c>
      <c r="F668" s="3">
        <v>2021</v>
      </c>
      <c r="G668" t="s">
        <v>15</v>
      </c>
      <c r="H668" t="s">
        <v>14</v>
      </c>
      <c r="I668" t="s">
        <v>102</v>
      </c>
      <c r="J668" s="10">
        <v>30.5</v>
      </c>
    </row>
    <row r="669" spans="1:10" x14ac:dyDescent="0.35">
      <c r="A669" t="s">
        <v>10</v>
      </c>
      <c r="B669" t="s">
        <v>16</v>
      </c>
      <c r="C669" t="s">
        <v>99</v>
      </c>
      <c r="D669" t="s">
        <v>100</v>
      </c>
      <c r="E669">
        <v>2021</v>
      </c>
      <c r="F669" s="3">
        <v>2021</v>
      </c>
      <c r="G669" t="s">
        <v>15</v>
      </c>
      <c r="H669" t="s">
        <v>14</v>
      </c>
      <c r="I669" t="s">
        <v>103</v>
      </c>
      <c r="J669" s="10">
        <v>21.2</v>
      </c>
    </row>
    <row r="670" spans="1:10" x14ac:dyDescent="0.35">
      <c r="A670" t="s">
        <v>10</v>
      </c>
      <c r="B670" t="s">
        <v>16</v>
      </c>
      <c r="C670" t="s">
        <v>99</v>
      </c>
      <c r="D670" t="s">
        <v>100</v>
      </c>
      <c r="E670">
        <v>2021</v>
      </c>
      <c r="F670" s="3">
        <v>2021</v>
      </c>
      <c r="G670" t="s">
        <v>15</v>
      </c>
      <c r="H670" t="s">
        <v>14</v>
      </c>
      <c r="I670" t="s">
        <v>104</v>
      </c>
      <c r="J670" s="10">
        <v>12.6</v>
      </c>
    </row>
    <row r="671" spans="1:10" x14ac:dyDescent="0.35">
      <c r="A671" t="s">
        <v>10</v>
      </c>
      <c r="B671" t="s">
        <v>16</v>
      </c>
      <c r="C671" t="s">
        <v>99</v>
      </c>
      <c r="D671" t="s">
        <v>100</v>
      </c>
      <c r="E671">
        <v>2021</v>
      </c>
      <c r="F671" s="3">
        <v>2021</v>
      </c>
      <c r="G671" t="s">
        <v>15</v>
      </c>
      <c r="H671" t="s">
        <v>14</v>
      </c>
      <c r="I671" t="s">
        <v>105</v>
      </c>
      <c r="J671" s="10">
        <v>13.9</v>
      </c>
    </row>
    <row r="672" spans="1:10" x14ac:dyDescent="0.35">
      <c r="A672" t="s">
        <v>10</v>
      </c>
      <c r="B672" t="s">
        <v>16</v>
      </c>
      <c r="C672" t="s">
        <v>99</v>
      </c>
      <c r="D672" t="s">
        <v>100</v>
      </c>
      <c r="E672">
        <v>2021</v>
      </c>
      <c r="F672" s="3">
        <v>2021</v>
      </c>
      <c r="G672" t="s">
        <v>15</v>
      </c>
      <c r="H672" t="s">
        <v>14</v>
      </c>
      <c r="I672" t="s">
        <v>106</v>
      </c>
      <c r="J672" s="10">
        <v>7</v>
      </c>
    </row>
    <row r="673" spans="1:10" x14ac:dyDescent="0.35">
      <c r="A673" t="s">
        <v>10</v>
      </c>
      <c r="B673" t="s">
        <v>16</v>
      </c>
      <c r="C673" t="s">
        <v>99</v>
      </c>
      <c r="D673" t="s">
        <v>100</v>
      </c>
      <c r="E673">
        <v>2021</v>
      </c>
      <c r="F673" s="3">
        <v>2021</v>
      </c>
      <c r="G673" t="s">
        <v>15</v>
      </c>
      <c r="H673" t="s">
        <v>14</v>
      </c>
      <c r="I673" t="s">
        <v>107</v>
      </c>
      <c r="J673" s="10">
        <v>3.9</v>
      </c>
    </row>
    <row r="674" spans="1:10" x14ac:dyDescent="0.35">
      <c r="A674" t="s">
        <v>10</v>
      </c>
      <c r="B674" t="s">
        <v>16</v>
      </c>
      <c r="C674" t="s">
        <v>99</v>
      </c>
      <c r="D674" t="s">
        <v>100</v>
      </c>
      <c r="E674">
        <v>2021</v>
      </c>
      <c r="F674" s="3">
        <v>2021</v>
      </c>
      <c r="G674" t="s">
        <v>15</v>
      </c>
      <c r="H674" t="s">
        <v>14</v>
      </c>
      <c r="I674" t="s">
        <v>108</v>
      </c>
      <c r="J674" s="10">
        <v>0.1</v>
      </c>
    </row>
    <row r="675" spans="1:10" x14ac:dyDescent="0.35">
      <c r="A675" t="s">
        <v>10</v>
      </c>
      <c r="B675" t="s">
        <v>17</v>
      </c>
      <c r="C675" t="s">
        <v>99</v>
      </c>
      <c r="D675" t="s">
        <v>100</v>
      </c>
      <c r="E675">
        <v>2021</v>
      </c>
      <c r="F675" s="3">
        <v>2021</v>
      </c>
      <c r="G675" t="s">
        <v>15</v>
      </c>
      <c r="H675" t="s">
        <v>14</v>
      </c>
      <c r="I675" t="s">
        <v>101</v>
      </c>
      <c r="J675" s="10">
        <v>11.6</v>
      </c>
    </row>
    <row r="676" spans="1:10" x14ac:dyDescent="0.35">
      <c r="A676" t="s">
        <v>10</v>
      </c>
      <c r="B676" t="s">
        <v>17</v>
      </c>
      <c r="C676" t="s">
        <v>99</v>
      </c>
      <c r="D676" t="s">
        <v>100</v>
      </c>
      <c r="E676">
        <v>2021</v>
      </c>
      <c r="F676" s="3">
        <v>2021</v>
      </c>
      <c r="G676" t="s">
        <v>15</v>
      </c>
      <c r="H676" t="s">
        <v>14</v>
      </c>
      <c r="I676" t="s">
        <v>102</v>
      </c>
      <c r="J676" s="10">
        <v>17.8</v>
      </c>
    </row>
    <row r="677" spans="1:10" x14ac:dyDescent="0.35">
      <c r="A677" t="s">
        <v>10</v>
      </c>
      <c r="B677" t="s">
        <v>17</v>
      </c>
      <c r="C677" t="s">
        <v>99</v>
      </c>
      <c r="D677" t="s">
        <v>100</v>
      </c>
      <c r="E677">
        <v>2021</v>
      </c>
      <c r="F677" s="3">
        <v>2021</v>
      </c>
      <c r="G677" t="s">
        <v>15</v>
      </c>
      <c r="H677" t="s">
        <v>14</v>
      </c>
      <c r="I677" t="s">
        <v>103</v>
      </c>
      <c r="J677" s="10">
        <v>15.2</v>
      </c>
    </row>
    <row r="678" spans="1:10" x14ac:dyDescent="0.35">
      <c r="A678" t="s">
        <v>10</v>
      </c>
      <c r="B678" t="s">
        <v>17</v>
      </c>
      <c r="C678" t="s">
        <v>99</v>
      </c>
      <c r="D678" t="s">
        <v>100</v>
      </c>
      <c r="E678">
        <v>2021</v>
      </c>
      <c r="F678" s="3">
        <v>2021</v>
      </c>
      <c r="G678" t="s">
        <v>15</v>
      </c>
      <c r="H678" t="s">
        <v>14</v>
      </c>
      <c r="I678" t="s">
        <v>104</v>
      </c>
      <c r="J678" s="10">
        <v>10.9</v>
      </c>
    </row>
    <row r="679" spans="1:10" x14ac:dyDescent="0.35">
      <c r="A679" t="s">
        <v>10</v>
      </c>
      <c r="B679" t="s">
        <v>17</v>
      </c>
      <c r="C679" t="s">
        <v>99</v>
      </c>
      <c r="D679" t="s">
        <v>100</v>
      </c>
      <c r="E679">
        <v>2021</v>
      </c>
      <c r="F679" s="3">
        <v>2021</v>
      </c>
      <c r="G679" t="s">
        <v>15</v>
      </c>
      <c r="H679" t="s">
        <v>14</v>
      </c>
      <c r="I679" t="s">
        <v>105</v>
      </c>
      <c r="J679" s="10">
        <v>16.899999999999999</v>
      </c>
    </row>
    <row r="680" spans="1:10" x14ac:dyDescent="0.35">
      <c r="A680" t="s">
        <v>10</v>
      </c>
      <c r="B680" t="s">
        <v>17</v>
      </c>
      <c r="C680" t="s">
        <v>99</v>
      </c>
      <c r="D680" t="s">
        <v>100</v>
      </c>
      <c r="E680">
        <v>2021</v>
      </c>
      <c r="F680" s="3">
        <v>2021</v>
      </c>
      <c r="G680" t="s">
        <v>15</v>
      </c>
      <c r="H680" t="s">
        <v>14</v>
      </c>
      <c r="I680" t="s">
        <v>106</v>
      </c>
      <c r="J680" s="10">
        <v>13.1</v>
      </c>
    </row>
    <row r="681" spans="1:10" x14ac:dyDescent="0.35">
      <c r="A681" t="s">
        <v>10</v>
      </c>
      <c r="B681" t="s">
        <v>17</v>
      </c>
      <c r="C681" t="s">
        <v>99</v>
      </c>
      <c r="D681" t="s">
        <v>100</v>
      </c>
      <c r="E681">
        <v>2021</v>
      </c>
      <c r="F681" s="3">
        <v>2021</v>
      </c>
      <c r="G681" t="s">
        <v>15</v>
      </c>
      <c r="H681" t="s">
        <v>14</v>
      </c>
      <c r="I681" t="s">
        <v>107</v>
      </c>
      <c r="J681" s="10">
        <v>12</v>
      </c>
    </row>
    <row r="682" spans="1:10" x14ac:dyDescent="0.35">
      <c r="A682" t="s">
        <v>10</v>
      </c>
      <c r="B682" t="s">
        <v>17</v>
      </c>
      <c r="C682" t="s">
        <v>99</v>
      </c>
      <c r="D682" t="s">
        <v>100</v>
      </c>
      <c r="E682">
        <v>2021</v>
      </c>
      <c r="F682" s="3">
        <v>2021</v>
      </c>
      <c r="G682" t="s">
        <v>15</v>
      </c>
      <c r="H682" t="s">
        <v>14</v>
      </c>
      <c r="I682" t="s">
        <v>108</v>
      </c>
      <c r="J682" s="10">
        <v>2.5</v>
      </c>
    </row>
    <row r="683" spans="1:10" x14ac:dyDescent="0.35">
      <c r="A683" t="s">
        <v>10</v>
      </c>
      <c r="B683" t="s">
        <v>18</v>
      </c>
      <c r="C683" t="s">
        <v>99</v>
      </c>
      <c r="D683" t="s">
        <v>100</v>
      </c>
      <c r="E683">
        <v>2021</v>
      </c>
      <c r="F683" s="3">
        <v>2021</v>
      </c>
      <c r="G683" t="s">
        <v>15</v>
      </c>
      <c r="H683" t="s">
        <v>14</v>
      </c>
      <c r="I683" t="s">
        <v>101</v>
      </c>
      <c r="J683" s="10">
        <v>13.4</v>
      </c>
    </row>
    <row r="684" spans="1:10" x14ac:dyDescent="0.35">
      <c r="A684" t="s">
        <v>10</v>
      </c>
      <c r="B684" t="s">
        <v>18</v>
      </c>
      <c r="C684" t="s">
        <v>99</v>
      </c>
      <c r="D684" t="s">
        <v>100</v>
      </c>
      <c r="E684">
        <v>2021</v>
      </c>
      <c r="F684" s="3">
        <v>2021</v>
      </c>
      <c r="G684" t="s">
        <v>15</v>
      </c>
      <c r="H684" t="s">
        <v>14</v>
      </c>
      <c r="I684" t="s">
        <v>102</v>
      </c>
      <c r="J684" s="10">
        <v>12.9</v>
      </c>
    </row>
    <row r="685" spans="1:10" x14ac:dyDescent="0.35">
      <c r="A685" t="s">
        <v>10</v>
      </c>
      <c r="B685" t="s">
        <v>18</v>
      </c>
      <c r="C685" t="s">
        <v>99</v>
      </c>
      <c r="D685" t="s">
        <v>100</v>
      </c>
      <c r="E685">
        <v>2021</v>
      </c>
      <c r="F685" s="3">
        <v>2021</v>
      </c>
      <c r="G685" t="s">
        <v>15</v>
      </c>
      <c r="H685" t="s">
        <v>14</v>
      </c>
      <c r="I685" t="s">
        <v>103</v>
      </c>
      <c r="J685" s="10">
        <v>13.7</v>
      </c>
    </row>
    <row r="686" spans="1:10" x14ac:dyDescent="0.35">
      <c r="A686" t="s">
        <v>10</v>
      </c>
      <c r="B686" t="s">
        <v>18</v>
      </c>
      <c r="C686" t="s">
        <v>99</v>
      </c>
      <c r="D686" t="s">
        <v>100</v>
      </c>
      <c r="E686">
        <v>2021</v>
      </c>
      <c r="F686" s="3">
        <v>2021</v>
      </c>
      <c r="G686" t="s">
        <v>15</v>
      </c>
      <c r="H686" t="s">
        <v>14</v>
      </c>
      <c r="I686" t="s">
        <v>104</v>
      </c>
      <c r="J686" s="10">
        <v>17.399999999999999</v>
      </c>
    </row>
    <row r="687" spans="1:10" x14ac:dyDescent="0.35">
      <c r="A687" t="s">
        <v>10</v>
      </c>
      <c r="B687" t="s">
        <v>18</v>
      </c>
      <c r="C687" t="s">
        <v>99</v>
      </c>
      <c r="D687" t="s">
        <v>100</v>
      </c>
      <c r="E687">
        <v>2021</v>
      </c>
      <c r="F687" s="3">
        <v>2021</v>
      </c>
      <c r="G687" t="s">
        <v>15</v>
      </c>
      <c r="H687" t="s">
        <v>14</v>
      </c>
      <c r="I687" t="s">
        <v>105</v>
      </c>
      <c r="J687" s="10">
        <v>19.5</v>
      </c>
    </row>
    <row r="688" spans="1:10" x14ac:dyDescent="0.35">
      <c r="A688" t="s">
        <v>10</v>
      </c>
      <c r="B688" t="s">
        <v>18</v>
      </c>
      <c r="C688" t="s">
        <v>99</v>
      </c>
      <c r="D688" t="s">
        <v>100</v>
      </c>
      <c r="E688">
        <v>2021</v>
      </c>
      <c r="F688" s="3">
        <v>2021</v>
      </c>
      <c r="G688" t="s">
        <v>15</v>
      </c>
      <c r="H688" t="s">
        <v>14</v>
      </c>
      <c r="I688" t="s">
        <v>106</v>
      </c>
      <c r="J688" s="10">
        <v>15.6</v>
      </c>
    </row>
    <row r="689" spans="1:10" x14ac:dyDescent="0.35">
      <c r="A689" t="s">
        <v>10</v>
      </c>
      <c r="B689" t="s">
        <v>18</v>
      </c>
      <c r="C689" t="s">
        <v>99</v>
      </c>
      <c r="D689" t="s">
        <v>100</v>
      </c>
      <c r="E689">
        <v>2021</v>
      </c>
      <c r="F689" s="3">
        <v>2021</v>
      </c>
      <c r="G689" t="s">
        <v>15</v>
      </c>
      <c r="H689" t="s">
        <v>14</v>
      </c>
      <c r="I689" t="s">
        <v>107</v>
      </c>
      <c r="J689" s="10">
        <v>7.2</v>
      </c>
    </row>
    <row r="690" spans="1:10" x14ac:dyDescent="0.35">
      <c r="A690" t="s">
        <v>10</v>
      </c>
      <c r="B690" t="s">
        <v>18</v>
      </c>
      <c r="C690" t="s">
        <v>99</v>
      </c>
      <c r="D690" t="s">
        <v>100</v>
      </c>
      <c r="E690">
        <v>2021</v>
      </c>
      <c r="F690" s="3">
        <v>2021</v>
      </c>
      <c r="G690" t="s">
        <v>15</v>
      </c>
      <c r="H690" t="s">
        <v>14</v>
      </c>
      <c r="I690" t="s">
        <v>108</v>
      </c>
      <c r="J690" s="10">
        <v>0.3</v>
      </c>
    </row>
    <row r="691" spans="1:10" x14ac:dyDescent="0.35">
      <c r="A691" t="s">
        <v>10</v>
      </c>
      <c r="B691" t="s">
        <v>19</v>
      </c>
      <c r="C691" t="s">
        <v>99</v>
      </c>
      <c r="D691" t="s">
        <v>100</v>
      </c>
      <c r="E691">
        <v>2021</v>
      </c>
      <c r="F691" s="3">
        <v>2021</v>
      </c>
      <c r="G691" t="s">
        <v>15</v>
      </c>
      <c r="H691" t="s">
        <v>14</v>
      </c>
      <c r="I691" t="s">
        <v>101</v>
      </c>
      <c r="J691" s="10">
        <v>7.4</v>
      </c>
    </row>
    <row r="692" spans="1:10" x14ac:dyDescent="0.35">
      <c r="A692" t="s">
        <v>10</v>
      </c>
      <c r="B692" t="s">
        <v>19</v>
      </c>
      <c r="C692" t="s">
        <v>99</v>
      </c>
      <c r="D692" t="s">
        <v>100</v>
      </c>
      <c r="E692">
        <v>2021</v>
      </c>
      <c r="F692" s="3">
        <v>2021</v>
      </c>
      <c r="G692" t="s">
        <v>15</v>
      </c>
      <c r="H692" t="s">
        <v>14</v>
      </c>
      <c r="I692" t="s">
        <v>102</v>
      </c>
      <c r="J692" s="10">
        <v>11.8</v>
      </c>
    </row>
    <row r="693" spans="1:10" x14ac:dyDescent="0.35">
      <c r="A693" t="s">
        <v>10</v>
      </c>
      <c r="B693" t="s">
        <v>19</v>
      </c>
      <c r="C693" t="s">
        <v>99</v>
      </c>
      <c r="D693" t="s">
        <v>100</v>
      </c>
      <c r="E693">
        <v>2021</v>
      </c>
      <c r="F693" s="3">
        <v>2021</v>
      </c>
      <c r="G693" t="s">
        <v>15</v>
      </c>
      <c r="H693" t="s">
        <v>14</v>
      </c>
      <c r="I693" t="s">
        <v>103</v>
      </c>
      <c r="J693" s="10">
        <v>8.8000000000000007</v>
      </c>
    </row>
    <row r="694" spans="1:10" x14ac:dyDescent="0.35">
      <c r="A694" t="s">
        <v>10</v>
      </c>
      <c r="B694" t="s">
        <v>19</v>
      </c>
      <c r="C694" t="s">
        <v>99</v>
      </c>
      <c r="D694" t="s">
        <v>100</v>
      </c>
      <c r="E694">
        <v>2021</v>
      </c>
      <c r="F694" s="3">
        <v>2021</v>
      </c>
      <c r="G694" t="s">
        <v>15</v>
      </c>
      <c r="H694" t="s">
        <v>14</v>
      </c>
      <c r="I694" t="s">
        <v>104</v>
      </c>
      <c r="J694" s="10">
        <v>14.6</v>
      </c>
    </row>
    <row r="695" spans="1:10" x14ac:dyDescent="0.35">
      <c r="A695" t="s">
        <v>10</v>
      </c>
      <c r="B695" t="s">
        <v>19</v>
      </c>
      <c r="C695" t="s">
        <v>99</v>
      </c>
      <c r="D695" t="s">
        <v>100</v>
      </c>
      <c r="E695">
        <v>2021</v>
      </c>
      <c r="F695" s="3">
        <v>2021</v>
      </c>
      <c r="G695" t="s">
        <v>15</v>
      </c>
      <c r="H695" t="s">
        <v>14</v>
      </c>
      <c r="I695" t="s">
        <v>105</v>
      </c>
      <c r="J695" s="10">
        <v>19.5</v>
      </c>
    </row>
    <row r="696" spans="1:10" x14ac:dyDescent="0.35">
      <c r="A696" t="s">
        <v>10</v>
      </c>
      <c r="B696" t="s">
        <v>19</v>
      </c>
      <c r="C696" t="s">
        <v>99</v>
      </c>
      <c r="D696" t="s">
        <v>100</v>
      </c>
      <c r="E696">
        <v>2021</v>
      </c>
      <c r="F696" s="3">
        <v>2021</v>
      </c>
      <c r="G696" t="s">
        <v>15</v>
      </c>
      <c r="H696" t="s">
        <v>14</v>
      </c>
      <c r="I696" t="s">
        <v>106</v>
      </c>
      <c r="J696" s="10">
        <v>19.399999999999999</v>
      </c>
    </row>
    <row r="697" spans="1:10" x14ac:dyDescent="0.35">
      <c r="A697" t="s">
        <v>10</v>
      </c>
      <c r="B697" t="s">
        <v>19</v>
      </c>
      <c r="C697" t="s">
        <v>99</v>
      </c>
      <c r="D697" t="s">
        <v>100</v>
      </c>
      <c r="E697">
        <v>2021</v>
      </c>
      <c r="F697" s="3">
        <v>2021</v>
      </c>
      <c r="G697" t="s">
        <v>15</v>
      </c>
      <c r="H697" t="s">
        <v>14</v>
      </c>
      <c r="I697" t="s">
        <v>107</v>
      </c>
      <c r="J697" s="10">
        <v>17.5</v>
      </c>
    </row>
    <row r="698" spans="1:10" x14ac:dyDescent="0.35">
      <c r="A698" t="s">
        <v>10</v>
      </c>
      <c r="B698" t="s">
        <v>19</v>
      </c>
      <c r="C698" t="s">
        <v>99</v>
      </c>
      <c r="D698" t="s">
        <v>100</v>
      </c>
      <c r="E698">
        <v>2021</v>
      </c>
      <c r="F698" s="3">
        <v>2021</v>
      </c>
      <c r="G698" t="s">
        <v>15</v>
      </c>
      <c r="H698" t="s">
        <v>14</v>
      </c>
      <c r="I698" t="s">
        <v>108</v>
      </c>
      <c r="J698" s="10">
        <v>0.9</v>
      </c>
    </row>
    <row r="699" spans="1:10" x14ac:dyDescent="0.35">
      <c r="A699" t="s">
        <v>20</v>
      </c>
      <c r="B699" t="s">
        <v>21</v>
      </c>
      <c r="C699" t="s">
        <v>99</v>
      </c>
      <c r="D699" t="s">
        <v>100</v>
      </c>
      <c r="E699">
        <v>2021</v>
      </c>
      <c r="F699" s="3">
        <v>2021</v>
      </c>
      <c r="G699" t="s">
        <v>15</v>
      </c>
      <c r="H699" t="s">
        <v>14</v>
      </c>
      <c r="I699" t="s">
        <v>101</v>
      </c>
      <c r="J699" s="10">
        <v>34</v>
      </c>
    </row>
    <row r="700" spans="1:10" x14ac:dyDescent="0.35">
      <c r="A700" t="s">
        <v>20</v>
      </c>
      <c r="B700" t="s">
        <v>21</v>
      </c>
      <c r="C700" t="s">
        <v>99</v>
      </c>
      <c r="D700" t="s">
        <v>100</v>
      </c>
      <c r="E700">
        <v>2021</v>
      </c>
      <c r="F700" s="3">
        <v>2021</v>
      </c>
      <c r="G700" t="s">
        <v>15</v>
      </c>
      <c r="H700" t="s">
        <v>14</v>
      </c>
      <c r="I700" t="s">
        <v>102</v>
      </c>
      <c r="J700" s="10">
        <v>22.3</v>
      </c>
    </row>
    <row r="701" spans="1:10" x14ac:dyDescent="0.35">
      <c r="A701" t="s">
        <v>20</v>
      </c>
      <c r="B701" t="s">
        <v>21</v>
      </c>
      <c r="C701" t="s">
        <v>99</v>
      </c>
      <c r="D701" t="s">
        <v>100</v>
      </c>
      <c r="E701">
        <v>2021</v>
      </c>
      <c r="F701" s="3">
        <v>2021</v>
      </c>
      <c r="G701" t="s">
        <v>15</v>
      </c>
      <c r="H701" t="s">
        <v>14</v>
      </c>
      <c r="I701" t="s">
        <v>103</v>
      </c>
      <c r="J701" s="10">
        <v>12.9</v>
      </c>
    </row>
    <row r="702" spans="1:10" x14ac:dyDescent="0.35">
      <c r="A702" t="s">
        <v>20</v>
      </c>
      <c r="B702" t="s">
        <v>21</v>
      </c>
      <c r="C702" t="s">
        <v>99</v>
      </c>
      <c r="D702" t="s">
        <v>100</v>
      </c>
      <c r="E702">
        <v>2021</v>
      </c>
      <c r="F702" s="3">
        <v>2021</v>
      </c>
      <c r="G702" t="s">
        <v>15</v>
      </c>
      <c r="H702" t="s">
        <v>14</v>
      </c>
      <c r="I702" t="s">
        <v>104</v>
      </c>
      <c r="J702" s="10">
        <v>12</v>
      </c>
    </row>
    <row r="703" spans="1:10" x14ac:dyDescent="0.35">
      <c r="A703" t="s">
        <v>20</v>
      </c>
      <c r="B703" t="s">
        <v>21</v>
      </c>
      <c r="C703" t="s">
        <v>99</v>
      </c>
      <c r="D703" t="s">
        <v>100</v>
      </c>
      <c r="E703">
        <v>2021</v>
      </c>
      <c r="F703" s="3">
        <v>2021</v>
      </c>
      <c r="G703" t="s">
        <v>15</v>
      </c>
      <c r="H703" t="s">
        <v>14</v>
      </c>
      <c r="I703" t="s">
        <v>105</v>
      </c>
      <c r="J703" s="10">
        <v>10.8</v>
      </c>
    </row>
    <row r="704" spans="1:10" x14ac:dyDescent="0.35">
      <c r="A704" t="s">
        <v>20</v>
      </c>
      <c r="B704" t="s">
        <v>21</v>
      </c>
      <c r="C704" t="s">
        <v>99</v>
      </c>
      <c r="D704" t="s">
        <v>100</v>
      </c>
      <c r="E704">
        <v>2021</v>
      </c>
      <c r="F704" s="3">
        <v>2021</v>
      </c>
      <c r="G704" t="s">
        <v>15</v>
      </c>
      <c r="H704" t="s">
        <v>14</v>
      </c>
      <c r="I704" t="s">
        <v>106</v>
      </c>
      <c r="J704" s="10">
        <v>6.4</v>
      </c>
    </row>
    <row r="705" spans="1:10" x14ac:dyDescent="0.35">
      <c r="A705" t="s">
        <v>20</v>
      </c>
      <c r="B705" t="s">
        <v>21</v>
      </c>
      <c r="C705" t="s">
        <v>99</v>
      </c>
      <c r="D705" t="s">
        <v>100</v>
      </c>
      <c r="E705">
        <v>2021</v>
      </c>
      <c r="F705" s="3">
        <v>2021</v>
      </c>
      <c r="G705" t="s">
        <v>15</v>
      </c>
      <c r="H705" t="s">
        <v>14</v>
      </c>
      <c r="I705" t="s">
        <v>107</v>
      </c>
      <c r="J705" s="10">
        <v>1.6</v>
      </c>
    </row>
    <row r="706" spans="1:10" x14ac:dyDescent="0.35">
      <c r="A706" t="s">
        <v>20</v>
      </c>
      <c r="B706" t="s">
        <v>21</v>
      </c>
      <c r="C706" t="s">
        <v>99</v>
      </c>
      <c r="D706" t="s">
        <v>100</v>
      </c>
      <c r="E706">
        <v>2021</v>
      </c>
      <c r="F706" s="3">
        <v>2021</v>
      </c>
      <c r="G706" t="s">
        <v>15</v>
      </c>
      <c r="H706" t="s">
        <v>14</v>
      </c>
      <c r="I706" t="s">
        <v>108</v>
      </c>
      <c r="J706" s="10">
        <v>0</v>
      </c>
    </row>
    <row r="707" spans="1:10" x14ac:dyDescent="0.35">
      <c r="A707" t="s">
        <v>22</v>
      </c>
      <c r="B707" t="s">
        <v>23</v>
      </c>
      <c r="C707" t="s">
        <v>99</v>
      </c>
      <c r="D707" t="s">
        <v>100</v>
      </c>
      <c r="E707">
        <v>2021</v>
      </c>
      <c r="F707" s="3">
        <v>2021</v>
      </c>
      <c r="G707" t="s">
        <v>15</v>
      </c>
      <c r="H707" t="s">
        <v>14</v>
      </c>
      <c r="I707" t="s">
        <v>101</v>
      </c>
      <c r="J707" s="10">
        <v>19.5</v>
      </c>
    </row>
    <row r="708" spans="1:10" x14ac:dyDescent="0.35">
      <c r="A708" t="s">
        <v>22</v>
      </c>
      <c r="B708" t="s">
        <v>23</v>
      </c>
      <c r="C708" t="s">
        <v>99</v>
      </c>
      <c r="D708" t="s">
        <v>100</v>
      </c>
      <c r="E708">
        <v>2021</v>
      </c>
      <c r="F708" s="3">
        <v>2021</v>
      </c>
      <c r="G708" t="s">
        <v>15</v>
      </c>
      <c r="H708" t="s">
        <v>14</v>
      </c>
      <c r="I708" t="s">
        <v>102</v>
      </c>
      <c r="J708" s="10">
        <v>33.799999999999997</v>
      </c>
    </row>
    <row r="709" spans="1:10" x14ac:dyDescent="0.35">
      <c r="A709" t="s">
        <v>22</v>
      </c>
      <c r="B709" t="s">
        <v>23</v>
      </c>
      <c r="C709" t="s">
        <v>99</v>
      </c>
      <c r="D709" t="s">
        <v>100</v>
      </c>
      <c r="E709">
        <v>2021</v>
      </c>
      <c r="F709" s="3">
        <v>2021</v>
      </c>
      <c r="G709" t="s">
        <v>15</v>
      </c>
      <c r="H709" t="s">
        <v>14</v>
      </c>
      <c r="I709" t="s">
        <v>103</v>
      </c>
      <c r="J709" s="10">
        <v>13.5</v>
      </c>
    </row>
    <row r="710" spans="1:10" x14ac:dyDescent="0.35">
      <c r="A710" t="s">
        <v>22</v>
      </c>
      <c r="B710" t="s">
        <v>23</v>
      </c>
      <c r="C710" t="s">
        <v>99</v>
      </c>
      <c r="D710" t="s">
        <v>100</v>
      </c>
      <c r="E710">
        <v>2021</v>
      </c>
      <c r="F710" s="3">
        <v>2021</v>
      </c>
      <c r="G710" t="s">
        <v>15</v>
      </c>
      <c r="H710" t="s">
        <v>14</v>
      </c>
      <c r="I710" t="s">
        <v>104</v>
      </c>
      <c r="J710" s="10">
        <v>9.9</v>
      </c>
    </row>
    <row r="711" spans="1:10" x14ac:dyDescent="0.35">
      <c r="A711" t="s">
        <v>22</v>
      </c>
      <c r="B711" t="s">
        <v>23</v>
      </c>
      <c r="C711" t="s">
        <v>99</v>
      </c>
      <c r="D711" t="s">
        <v>100</v>
      </c>
      <c r="E711">
        <v>2021</v>
      </c>
      <c r="F711" s="3">
        <v>2021</v>
      </c>
      <c r="G711" t="s">
        <v>15</v>
      </c>
      <c r="H711" t="s">
        <v>14</v>
      </c>
      <c r="I711" t="s">
        <v>105</v>
      </c>
      <c r="J711" s="10">
        <v>11.8</v>
      </c>
    </row>
    <row r="712" spans="1:10" x14ac:dyDescent="0.35">
      <c r="A712" t="s">
        <v>22</v>
      </c>
      <c r="B712" t="s">
        <v>23</v>
      </c>
      <c r="C712" t="s">
        <v>99</v>
      </c>
      <c r="D712" t="s">
        <v>100</v>
      </c>
      <c r="E712">
        <v>2021</v>
      </c>
      <c r="F712" s="3">
        <v>2021</v>
      </c>
      <c r="G712" t="s">
        <v>15</v>
      </c>
      <c r="H712" t="s">
        <v>14</v>
      </c>
      <c r="I712" t="s">
        <v>106</v>
      </c>
      <c r="J712" s="10">
        <v>7.7</v>
      </c>
    </row>
    <row r="713" spans="1:10" x14ac:dyDescent="0.35">
      <c r="A713" t="s">
        <v>22</v>
      </c>
      <c r="B713" t="s">
        <v>23</v>
      </c>
      <c r="C713" t="s">
        <v>99</v>
      </c>
      <c r="D713" t="s">
        <v>100</v>
      </c>
      <c r="E713">
        <v>2021</v>
      </c>
      <c r="F713" s="3">
        <v>2021</v>
      </c>
      <c r="G713" t="s">
        <v>15</v>
      </c>
      <c r="H713" t="s">
        <v>14</v>
      </c>
      <c r="I713" t="s">
        <v>107</v>
      </c>
      <c r="J713" s="10">
        <v>3.6</v>
      </c>
    </row>
    <row r="714" spans="1:10" x14ac:dyDescent="0.35">
      <c r="A714" t="s">
        <v>22</v>
      </c>
      <c r="B714" t="s">
        <v>23</v>
      </c>
      <c r="C714" t="s">
        <v>99</v>
      </c>
      <c r="D714" t="s">
        <v>100</v>
      </c>
      <c r="E714">
        <v>2021</v>
      </c>
      <c r="F714" s="3">
        <v>2021</v>
      </c>
      <c r="G714" t="s">
        <v>15</v>
      </c>
      <c r="H714" t="s">
        <v>14</v>
      </c>
      <c r="I714" t="s">
        <v>108</v>
      </c>
      <c r="J714" s="10">
        <v>0.2</v>
      </c>
    </row>
    <row r="715" spans="1:10" x14ac:dyDescent="0.35">
      <c r="A715" t="s">
        <v>10</v>
      </c>
      <c r="B715" t="s">
        <v>24</v>
      </c>
      <c r="C715" t="s">
        <v>99</v>
      </c>
      <c r="D715" t="s">
        <v>100</v>
      </c>
      <c r="E715">
        <v>2021</v>
      </c>
      <c r="F715" s="3">
        <v>2021</v>
      </c>
      <c r="G715" t="s">
        <v>15</v>
      </c>
      <c r="H715" t="s">
        <v>14</v>
      </c>
      <c r="I715" t="s">
        <v>101</v>
      </c>
      <c r="J715" s="10">
        <v>24.6</v>
      </c>
    </row>
    <row r="716" spans="1:10" x14ac:dyDescent="0.35">
      <c r="A716" t="s">
        <v>10</v>
      </c>
      <c r="B716" t="s">
        <v>24</v>
      </c>
      <c r="C716" t="s">
        <v>99</v>
      </c>
      <c r="D716" t="s">
        <v>100</v>
      </c>
      <c r="E716">
        <v>2021</v>
      </c>
      <c r="F716" s="3">
        <v>2021</v>
      </c>
      <c r="G716" t="s">
        <v>15</v>
      </c>
      <c r="H716" t="s">
        <v>14</v>
      </c>
      <c r="I716" t="s">
        <v>102</v>
      </c>
      <c r="J716" s="10">
        <v>20.8</v>
      </c>
    </row>
    <row r="717" spans="1:10" x14ac:dyDescent="0.35">
      <c r="A717" t="s">
        <v>10</v>
      </c>
      <c r="B717" t="s">
        <v>24</v>
      </c>
      <c r="C717" t="s">
        <v>99</v>
      </c>
      <c r="D717" t="s">
        <v>100</v>
      </c>
      <c r="E717">
        <v>2021</v>
      </c>
      <c r="F717" s="3">
        <v>2021</v>
      </c>
      <c r="G717" t="s">
        <v>15</v>
      </c>
      <c r="H717" t="s">
        <v>14</v>
      </c>
      <c r="I717" t="s">
        <v>103</v>
      </c>
      <c r="J717" s="10">
        <v>13.4</v>
      </c>
    </row>
    <row r="718" spans="1:10" x14ac:dyDescent="0.35">
      <c r="A718" t="s">
        <v>10</v>
      </c>
      <c r="B718" t="s">
        <v>24</v>
      </c>
      <c r="C718" t="s">
        <v>99</v>
      </c>
      <c r="D718" t="s">
        <v>100</v>
      </c>
      <c r="E718">
        <v>2021</v>
      </c>
      <c r="F718" s="3">
        <v>2021</v>
      </c>
      <c r="G718" t="s">
        <v>15</v>
      </c>
      <c r="H718" t="s">
        <v>14</v>
      </c>
      <c r="I718" t="s">
        <v>104</v>
      </c>
      <c r="J718" s="10">
        <v>12.8</v>
      </c>
    </row>
    <row r="719" spans="1:10" x14ac:dyDescent="0.35">
      <c r="A719" t="s">
        <v>10</v>
      </c>
      <c r="B719" t="s">
        <v>24</v>
      </c>
      <c r="C719" t="s">
        <v>99</v>
      </c>
      <c r="D719" t="s">
        <v>100</v>
      </c>
      <c r="E719">
        <v>2021</v>
      </c>
      <c r="F719" s="3">
        <v>2021</v>
      </c>
      <c r="G719" t="s">
        <v>15</v>
      </c>
      <c r="H719" t="s">
        <v>14</v>
      </c>
      <c r="I719" t="s">
        <v>105</v>
      </c>
      <c r="J719" s="10">
        <v>14.1</v>
      </c>
    </row>
    <row r="720" spans="1:10" x14ac:dyDescent="0.35">
      <c r="A720" t="s">
        <v>10</v>
      </c>
      <c r="B720" t="s">
        <v>24</v>
      </c>
      <c r="C720" t="s">
        <v>99</v>
      </c>
      <c r="D720" t="s">
        <v>100</v>
      </c>
      <c r="E720">
        <v>2021</v>
      </c>
      <c r="F720" s="3">
        <v>2021</v>
      </c>
      <c r="G720" t="s">
        <v>15</v>
      </c>
      <c r="H720" t="s">
        <v>14</v>
      </c>
      <c r="I720" t="s">
        <v>106</v>
      </c>
      <c r="J720" s="10">
        <v>8.1</v>
      </c>
    </row>
    <row r="721" spans="1:10" x14ac:dyDescent="0.35">
      <c r="A721" t="s">
        <v>10</v>
      </c>
      <c r="B721" t="s">
        <v>24</v>
      </c>
      <c r="C721" t="s">
        <v>99</v>
      </c>
      <c r="D721" t="s">
        <v>100</v>
      </c>
      <c r="E721">
        <v>2021</v>
      </c>
      <c r="F721" s="3">
        <v>2021</v>
      </c>
      <c r="G721" t="s">
        <v>15</v>
      </c>
      <c r="H721" t="s">
        <v>14</v>
      </c>
      <c r="I721" t="s">
        <v>107</v>
      </c>
      <c r="J721" s="10">
        <v>5.8</v>
      </c>
    </row>
    <row r="722" spans="1:10" x14ac:dyDescent="0.35">
      <c r="A722" t="s">
        <v>10</v>
      </c>
      <c r="B722" t="s">
        <v>24</v>
      </c>
      <c r="C722" t="s">
        <v>99</v>
      </c>
      <c r="D722" t="s">
        <v>100</v>
      </c>
      <c r="E722">
        <v>2021</v>
      </c>
      <c r="F722" s="3">
        <v>2021</v>
      </c>
      <c r="G722" t="s">
        <v>15</v>
      </c>
      <c r="H722" t="s">
        <v>14</v>
      </c>
      <c r="I722" t="s">
        <v>108</v>
      </c>
      <c r="J722" s="10">
        <v>0.3</v>
      </c>
    </row>
    <row r="723" spans="1:10" x14ac:dyDescent="0.35">
      <c r="A723" t="s">
        <v>10</v>
      </c>
      <c r="B723" t="s">
        <v>25</v>
      </c>
      <c r="C723" t="s">
        <v>99</v>
      </c>
      <c r="D723" t="s">
        <v>100</v>
      </c>
      <c r="E723">
        <v>2021</v>
      </c>
      <c r="F723" s="3">
        <v>2021</v>
      </c>
      <c r="G723" t="s">
        <v>15</v>
      </c>
      <c r="H723" t="s">
        <v>14</v>
      </c>
      <c r="I723" t="s">
        <v>101</v>
      </c>
      <c r="J723" s="10">
        <v>20.9</v>
      </c>
    </row>
    <row r="724" spans="1:10" x14ac:dyDescent="0.35">
      <c r="A724" t="s">
        <v>10</v>
      </c>
      <c r="B724" t="s">
        <v>25</v>
      </c>
      <c r="C724" t="s">
        <v>99</v>
      </c>
      <c r="D724" t="s">
        <v>100</v>
      </c>
      <c r="E724">
        <v>2021</v>
      </c>
      <c r="F724" s="3">
        <v>2021</v>
      </c>
      <c r="G724" t="s">
        <v>15</v>
      </c>
      <c r="H724" t="s">
        <v>14</v>
      </c>
      <c r="I724" t="s">
        <v>102</v>
      </c>
      <c r="J724" s="10">
        <v>21.8</v>
      </c>
    </row>
    <row r="725" spans="1:10" x14ac:dyDescent="0.35">
      <c r="A725" t="s">
        <v>10</v>
      </c>
      <c r="B725" t="s">
        <v>25</v>
      </c>
      <c r="C725" t="s">
        <v>99</v>
      </c>
      <c r="D725" t="s">
        <v>100</v>
      </c>
      <c r="E725">
        <v>2021</v>
      </c>
      <c r="F725" s="3">
        <v>2021</v>
      </c>
      <c r="G725" t="s">
        <v>15</v>
      </c>
      <c r="H725" t="s">
        <v>14</v>
      </c>
      <c r="I725" t="s">
        <v>103</v>
      </c>
      <c r="J725" s="10">
        <v>13.8</v>
      </c>
    </row>
    <row r="726" spans="1:10" x14ac:dyDescent="0.35">
      <c r="A726" t="s">
        <v>10</v>
      </c>
      <c r="B726" t="s">
        <v>25</v>
      </c>
      <c r="C726" t="s">
        <v>99</v>
      </c>
      <c r="D726" t="s">
        <v>100</v>
      </c>
      <c r="E726">
        <v>2021</v>
      </c>
      <c r="F726" s="3">
        <v>2021</v>
      </c>
      <c r="G726" t="s">
        <v>15</v>
      </c>
      <c r="H726" t="s">
        <v>14</v>
      </c>
      <c r="I726" t="s">
        <v>104</v>
      </c>
      <c r="J726" s="10">
        <v>17.600000000000001</v>
      </c>
    </row>
    <row r="727" spans="1:10" x14ac:dyDescent="0.35">
      <c r="A727" t="s">
        <v>10</v>
      </c>
      <c r="B727" t="s">
        <v>25</v>
      </c>
      <c r="C727" t="s">
        <v>99</v>
      </c>
      <c r="D727" t="s">
        <v>100</v>
      </c>
      <c r="E727">
        <v>2021</v>
      </c>
      <c r="F727" s="3">
        <v>2021</v>
      </c>
      <c r="G727" t="s">
        <v>15</v>
      </c>
      <c r="H727" t="s">
        <v>14</v>
      </c>
      <c r="I727" t="s">
        <v>105</v>
      </c>
      <c r="J727" s="10">
        <v>16</v>
      </c>
    </row>
    <row r="728" spans="1:10" x14ac:dyDescent="0.35">
      <c r="A728" t="s">
        <v>10</v>
      </c>
      <c r="B728" t="s">
        <v>25</v>
      </c>
      <c r="C728" t="s">
        <v>99</v>
      </c>
      <c r="D728" t="s">
        <v>100</v>
      </c>
      <c r="E728">
        <v>2021</v>
      </c>
      <c r="F728" s="3">
        <v>2021</v>
      </c>
      <c r="G728" t="s">
        <v>15</v>
      </c>
      <c r="H728" t="s">
        <v>14</v>
      </c>
      <c r="I728" t="s">
        <v>106</v>
      </c>
      <c r="J728" s="10">
        <v>6.4</v>
      </c>
    </row>
    <row r="729" spans="1:10" x14ac:dyDescent="0.35">
      <c r="A729" t="s">
        <v>10</v>
      </c>
      <c r="B729" t="s">
        <v>25</v>
      </c>
      <c r="C729" t="s">
        <v>99</v>
      </c>
      <c r="D729" t="s">
        <v>100</v>
      </c>
      <c r="E729">
        <v>2021</v>
      </c>
      <c r="F729" s="3">
        <v>2021</v>
      </c>
      <c r="G729" t="s">
        <v>15</v>
      </c>
      <c r="H729" t="s">
        <v>14</v>
      </c>
      <c r="I729" t="s">
        <v>107</v>
      </c>
      <c r="J729" s="10">
        <v>3.2</v>
      </c>
    </row>
    <row r="730" spans="1:10" x14ac:dyDescent="0.35">
      <c r="A730" t="s">
        <v>10</v>
      </c>
      <c r="B730" t="s">
        <v>25</v>
      </c>
      <c r="C730" t="s">
        <v>99</v>
      </c>
      <c r="D730" t="s">
        <v>100</v>
      </c>
      <c r="E730">
        <v>2021</v>
      </c>
      <c r="F730" s="3">
        <v>2021</v>
      </c>
      <c r="G730" t="s">
        <v>15</v>
      </c>
      <c r="H730" t="s">
        <v>14</v>
      </c>
      <c r="I730" t="s">
        <v>108</v>
      </c>
      <c r="J730" s="10">
        <v>0.3</v>
      </c>
    </row>
    <row r="731" spans="1:10" x14ac:dyDescent="0.35">
      <c r="A731" t="s">
        <v>26</v>
      </c>
      <c r="B731" t="s">
        <v>27</v>
      </c>
      <c r="C731" t="s">
        <v>99</v>
      </c>
      <c r="D731" t="s">
        <v>100</v>
      </c>
      <c r="E731">
        <v>2021</v>
      </c>
      <c r="F731" s="3">
        <v>2021</v>
      </c>
      <c r="G731" t="s">
        <v>15</v>
      </c>
      <c r="H731" t="s">
        <v>14</v>
      </c>
      <c r="I731" t="s">
        <v>101</v>
      </c>
      <c r="J731" s="10">
        <v>19.399999999999999</v>
      </c>
    </row>
    <row r="732" spans="1:10" x14ac:dyDescent="0.35">
      <c r="A732" t="s">
        <v>26</v>
      </c>
      <c r="B732" t="s">
        <v>27</v>
      </c>
      <c r="C732" t="s">
        <v>99</v>
      </c>
      <c r="D732" t="s">
        <v>100</v>
      </c>
      <c r="E732">
        <v>2021</v>
      </c>
      <c r="F732" s="3">
        <v>2021</v>
      </c>
      <c r="G732" t="s">
        <v>15</v>
      </c>
      <c r="H732" t="s">
        <v>14</v>
      </c>
      <c r="I732" t="s">
        <v>102</v>
      </c>
      <c r="J732" s="10">
        <v>23.1</v>
      </c>
    </row>
    <row r="733" spans="1:10" x14ac:dyDescent="0.35">
      <c r="A733" t="s">
        <v>26</v>
      </c>
      <c r="B733" t="s">
        <v>27</v>
      </c>
      <c r="C733" t="s">
        <v>99</v>
      </c>
      <c r="D733" t="s">
        <v>100</v>
      </c>
      <c r="E733">
        <v>2021</v>
      </c>
      <c r="F733" s="3">
        <v>2021</v>
      </c>
      <c r="G733" t="s">
        <v>15</v>
      </c>
      <c r="H733" t="s">
        <v>14</v>
      </c>
      <c r="I733" t="s">
        <v>103</v>
      </c>
      <c r="J733" s="10">
        <v>18.100000000000001</v>
      </c>
    </row>
    <row r="734" spans="1:10" x14ac:dyDescent="0.35">
      <c r="A734" t="s">
        <v>26</v>
      </c>
      <c r="B734" t="s">
        <v>27</v>
      </c>
      <c r="C734" t="s">
        <v>99</v>
      </c>
      <c r="D734" t="s">
        <v>100</v>
      </c>
      <c r="E734">
        <v>2021</v>
      </c>
      <c r="F734" s="3">
        <v>2021</v>
      </c>
      <c r="G734" t="s">
        <v>15</v>
      </c>
      <c r="H734" t="s">
        <v>14</v>
      </c>
      <c r="I734" t="s">
        <v>104</v>
      </c>
      <c r="J734" s="10">
        <v>13.6</v>
      </c>
    </row>
    <row r="735" spans="1:10" x14ac:dyDescent="0.35">
      <c r="A735" t="s">
        <v>26</v>
      </c>
      <c r="B735" t="s">
        <v>27</v>
      </c>
      <c r="C735" t="s">
        <v>99</v>
      </c>
      <c r="D735" t="s">
        <v>100</v>
      </c>
      <c r="E735">
        <v>2021</v>
      </c>
      <c r="F735" s="3">
        <v>2021</v>
      </c>
      <c r="G735" t="s">
        <v>15</v>
      </c>
      <c r="H735" t="s">
        <v>14</v>
      </c>
      <c r="I735" t="s">
        <v>105</v>
      </c>
      <c r="J735" s="10">
        <v>14.5</v>
      </c>
    </row>
    <row r="736" spans="1:10" x14ac:dyDescent="0.35">
      <c r="A736" t="s">
        <v>26</v>
      </c>
      <c r="B736" t="s">
        <v>27</v>
      </c>
      <c r="C736" t="s">
        <v>99</v>
      </c>
      <c r="D736" t="s">
        <v>100</v>
      </c>
      <c r="E736">
        <v>2021</v>
      </c>
      <c r="F736" s="3">
        <v>2021</v>
      </c>
      <c r="G736" t="s">
        <v>15</v>
      </c>
      <c r="H736" t="s">
        <v>14</v>
      </c>
      <c r="I736" t="s">
        <v>106</v>
      </c>
      <c r="J736" s="10">
        <v>7.6</v>
      </c>
    </row>
    <row r="737" spans="1:10" x14ac:dyDescent="0.35">
      <c r="A737" t="s">
        <v>26</v>
      </c>
      <c r="B737" t="s">
        <v>27</v>
      </c>
      <c r="C737" t="s">
        <v>99</v>
      </c>
      <c r="D737" t="s">
        <v>100</v>
      </c>
      <c r="E737">
        <v>2021</v>
      </c>
      <c r="F737" s="3">
        <v>2021</v>
      </c>
      <c r="G737" t="s">
        <v>15</v>
      </c>
      <c r="H737" t="s">
        <v>14</v>
      </c>
      <c r="I737" t="s">
        <v>107</v>
      </c>
      <c r="J737" s="10">
        <v>3.5</v>
      </c>
    </row>
    <row r="738" spans="1:10" x14ac:dyDescent="0.35">
      <c r="A738" t="s">
        <v>26</v>
      </c>
      <c r="B738" t="s">
        <v>27</v>
      </c>
      <c r="C738" t="s">
        <v>99</v>
      </c>
      <c r="D738" t="s">
        <v>100</v>
      </c>
      <c r="E738">
        <v>2021</v>
      </c>
      <c r="F738" s="3">
        <v>2021</v>
      </c>
      <c r="G738" t="s">
        <v>15</v>
      </c>
      <c r="H738" t="s">
        <v>14</v>
      </c>
      <c r="I738" t="s">
        <v>108</v>
      </c>
      <c r="J738" s="10">
        <v>0.3</v>
      </c>
    </row>
    <row r="739" spans="1:10" x14ac:dyDescent="0.35">
      <c r="A739" t="s">
        <v>28</v>
      </c>
      <c r="B739" t="s">
        <v>29</v>
      </c>
      <c r="C739" t="s">
        <v>99</v>
      </c>
      <c r="D739" t="s">
        <v>100</v>
      </c>
      <c r="E739">
        <v>2021</v>
      </c>
      <c r="F739" s="3">
        <v>2021</v>
      </c>
      <c r="G739" t="s">
        <v>15</v>
      </c>
      <c r="H739" t="s">
        <v>14</v>
      </c>
      <c r="I739" t="s">
        <v>101</v>
      </c>
      <c r="J739" s="10">
        <v>8.8000000000000007</v>
      </c>
    </row>
    <row r="740" spans="1:10" x14ac:dyDescent="0.35">
      <c r="A740" t="s">
        <v>28</v>
      </c>
      <c r="B740" t="s">
        <v>29</v>
      </c>
      <c r="C740" t="s">
        <v>99</v>
      </c>
      <c r="D740" t="s">
        <v>100</v>
      </c>
      <c r="E740">
        <v>2021</v>
      </c>
      <c r="F740" s="3">
        <v>2021</v>
      </c>
      <c r="G740" t="s">
        <v>15</v>
      </c>
      <c r="H740" t="s">
        <v>14</v>
      </c>
      <c r="I740" t="s">
        <v>102</v>
      </c>
      <c r="J740" s="10">
        <v>21.5</v>
      </c>
    </row>
    <row r="741" spans="1:10" x14ac:dyDescent="0.35">
      <c r="A741" t="s">
        <v>28</v>
      </c>
      <c r="B741" t="s">
        <v>29</v>
      </c>
      <c r="C741" t="s">
        <v>99</v>
      </c>
      <c r="D741" t="s">
        <v>100</v>
      </c>
      <c r="E741">
        <v>2021</v>
      </c>
      <c r="F741" s="3">
        <v>2021</v>
      </c>
      <c r="G741" t="s">
        <v>15</v>
      </c>
      <c r="H741" t="s">
        <v>14</v>
      </c>
      <c r="I741" t="s">
        <v>103</v>
      </c>
      <c r="J741" s="10">
        <v>17.899999999999999</v>
      </c>
    </row>
    <row r="742" spans="1:10" x14ac:dyDescent="0.35">
      <c r="A742" t="s">
        <v>28</v>
      </c>
      <c r="B742" t="s">
        <v>29</v>
      </c>
      <c r="C742" t="s">
        <v>99</v>
      </c>
      <c r="D742" t="s">
        <v>100</v>
      </c>
      <c r="E742">
        <v>2021</v>
      </c>
      <c r="F742" s="3">
        <v>2021</v>
      </c>
      <c r="G742" t="s">
        <v>15</v>
      </c>
      <c r="H742" t="s">
        <v>14</v>
      </c>
      <c r="I742" t="s">
        <v>104</v>
      </c>
      <c r="J742" s="10">
        <v>15.7</v>
      </c>
    </row>
    <row r="743" spans="1:10" x14ac:dyDescent="0.35">
      <c r="A743" t="s">
        <v>28</v>
      </c>
      <c r="B743" t="s">
        <v>29</v>
      </c>
      <c r="C743" t="s">
        <v>99</v>
      </c>
      <c r="D743" t="s">
        <v>100</v>
      </c>
      <c r="E743">
        <v>2021</v>
      </c>
      <c r="F743" s="3">
        <v>2021</v>
      </c>
      <c r="G743" t="s">
        <v>15</v>
      </c>
      <c r="H743" t="s">
        <v>14</v>
      </c>
      <c r="I743" t="s">
        <v>105</v>
      </c>
      <c r="J743" s="10">
        <v>18.7</v>
      </c>
    </row>
    <row r="744" spans="1:10" x14ac:dyDescent="0.35">
      <c r="A744" t="s">
        <v>28</v>
      </c>
      <c r="B744" t="s">
        <v>29</v>
      </c>
      <c r="C744" t="s">
        <v>99</v>
      </c>
      <c r="D744" t="s">
        <v>100</v>
      </c>
      <c r="E744">
        <v>2021</v>
      </c>
      <c r="F744" s="3">
        <v>2021</v>
      </c>
      <c r="G744" t="s">
        <v>15</v>
      </c>
      <c r="H744" t="s">
        <v>14</v>
      </c>
      <c r="I744" t="s">
        <v>106</v>
      </c>
      <c r="J744" s="10">
        <v>9.8000000000000007</v>
      </c>
    </row>
    <row r="745" spans="1:10" x14ac:dyDescent="0.35">
      <c r="A745" t="s">
        <v>28</v>
      </c>
      <c r="B745" t="s">
        <v>29</v>
      </c>
      <c r="C745" t="s">
        <v>99</v>
      </c>
      <c r="D745" t="s">
        <v>100</v>
      </c>
      <c r="E745">
        <v>2021</v>
      </c>
      <c r="F745" s="3">
        <v>2021</v>
      </c>
      <c r="G745" t="s">
        <v>15</v>
      </c>
      <c r="H745" t="s">
        <v>14</v>
      </c>
      <c r="I745" t="s">
        <v>107</v>
      </c>
      <c r="J745" s="10">
        <v>6.9</v>
      </c>
    </row>
    <row r="746" spans="1:10" x14ac:dyDescent="0.35">
      <c r="A746" t="s">
        <v>28</v>
      </c>
      <c r="B746" t="s">
        <v>29</v>
      </c>
      <c r="C746" t="s">
        <v>99</v>
      </c>
      <c r="D746" t="s">
        <v>100</v>
      </c>
      <c r="E746">
        <v>2021</v>
      </c>
      <c r="F746" s="3">
        <v>2021</v>
      </c>
      <c r="G746" t="s">
        <v>15</v>
      </c>
      <c r="H746" t="s">
        <v>14</v>
      </c>
      <c r="I746" t="s">
        <v>108</v>
      </c>
      <c r="J746" s="10">
        <v>0.6</v>
      </c>
    </row>
    <row r="747" spans="1:10" x14ac:dyDescent="0.35">
      <c r="A747" t="s">
        <v>10</v>
      </c>
      <c r="B747" t="s">
        <v>30</v>
      </c>
      <c r="C747" t="s">
        <v>99</v>
      </c>
      <c r="D747" t="s">
        <v>100</v>
      </c>
      <c r="E747">
        <v>2021</v>
      </c>
      <c r="F747" s="3">
        <v>2021</v>
      </c>
      <c r="G747" t="s">
        <v>15</v>
      </c>
      <c r="H747" t="s">
        <v>14</v>
      </c>
      <c r="I747" t="s">
        <v>101</v>
      </c>
      <c r="J747" s="10">
        <v>39.5</v>
      </c>
    </row>
    <row r="748" spans="1:10" x14ac:dyDescent="0.35">
      <c r="A748" t="s">
        <v>10</v>
      </c>
      <c r="B748" t="s">
        <v>30</v>
      </c>
      <c r="C748" t="s">
        <v>99</v>
      </c>
      <c r="D748" t="s">
        <v>100</v>
      </c>
      <c r="E748">
        <v>2021</v>
      </c>
      <c r="F748" s="3">
        <v>2021</v>
      </c>
      <c r="G748" t="s">
        <v>15</v>
      </c>
      <c r="H748" t="s">
        <v>14</v>
      </c>
      <c r="I748" t="s">
        <v>102</v>
      </c>
      <c r="J748" s="10">
        <v>17.399999999999999</v>
      </c>
    </row>
    <row r="749" spans="1:10" x14ac:dyDescent="0.35">
      <c r="A749" t="s">
        <v>10</v>
      </c>
      <c r="B749" t="s">
        <v>30</v>
      </c>
      <c r="C749" t="s">
        <v>99</v>
      </c>
      <c r="D749" t="s">
        <v>100</v>
      </c>
      <c r="E749">
        <v>2021</v>
      </c>
      <c r="F749" s="3">
        <v>2021</v>
      </c>
      <c r="G749" t="s">
        <v>15</v>
      </c>
      <c r="H749" t="s">
        <v>14</v>
      </c>
      <c r="I749" t="s">
        <v>103</v>
      </c>
      <c r="J749" s="10">
        <v>12.2</v>
      </c>
    </row>
    <row r="750" spans="1:10" x14ac:dyDescent="0.35">
      <c r="A750" t="s">
        <v>10</v>
      </c>
      <c r="B750" t="s">
        <v>30</v>
      </c>
      <c r="C750" t="s">
        <v>99</v>
      </c>
      <c r="D750" t="s">
        <v>100</v>
      </c>
      <c r="E750">
        <v>2021</v>
      </c>
      <c r="F750" s="3">
        <v>2021</v>
      </c>
      <c r="G750" t="s">
        <v>15</v>
      </c>
      <c r="H750" t="s">
        <v>14</v>
      </c>
      <c r="I750" t="s">
        <v>104</v>
      </c>
      <c r="J750" s="10">
        <v>12.5</v>
      </c>
    </row>
    <row r="751" spans="1:10" x14ac:dyDescent="0.35">
      <c r="A751" t="s">
        <v>10</v>
      </c>
      <c r="B751" t="s">
        <v>30</v>
      </c>
      <c r="C751" t="s">
        <v>99</v>
      </c>
      <c r="D751" t="s">
        <v>100</v>
      </c>
      <c r="E751">
        <v>2021</v>
      </c>
      <c r="F751" s="3">
        <v>2021</v>
      </c>
      <c r="G751" t="s">
        <v>15</v>
      </c>
      <c r="H751" t="s">
        <v>14</v>
      </c>
      <c r="I751" t="s">
        <v>105</v>
      </c>
      <c r="J751" s="10">
        <v>13</v>
      </c>
    </row>
    <row r="752" spans="1:10" x14ac:dyDescent="0.35">
      <c r="A752" t="s">
        <v>10</v>
      </c>
      <c r="B752" t="s">
        <v>30</v>
      </c>
      <c r="C752" t="s">
        <v>99</v>
      </c>
      <c r="D752" t="s">
        <v>100</v>
      </c>
      <c r="E752">
        <v>2021</v>
      </c>
      <c r="F752" s="3">
        <v>2021</v>
      </c>
      <c r="G752" t="s">
        <v>15</v>
      </c>
      <c r="H752" t="s">
        <v>14</v>
      </c>
      <c r="I752" t="s">
        <v>106</v>
      </c>
      <c r="J752" s="10">
        <v>4.3</v>
      </c>
    </row>
    <row r="753" spans="1:10" x14ac:dyDescent="0.35">
      <c r="A753" t="s">
        <v>10</v>
      </c>
      <c r="B753" t="s">
        <v>30</v>
      </c>
      <c r="C753" t="s">
        <v>99</v>
      </c>
      <c r="D753" t="s">
        <v>100</v>
      </c>
      <c r="E753">
        <v>2021</v>
      </c>
      <c r="F753" s="3">
        <v>2021</v>
      </c>
      <c r="G753" t="s">
        <v>15</v>
      </c>
      <c r="H753" t="s">
        <v>14</v>
      </c>
      <c r="I753" t="s">
        <v>107</v>
      </c>
      <c r="J753" s="10">
        <v>1.1000000000000001</v>
      </c>
    </row>
    <row r="754" spans="1:10" x14ac:dyDescent="0.35">
      <c r="A754" t="s">
        <v>10</v>
      </c>
      <c r="B754" t="s">
        <v>30</v>
      </c>
      <c r="C754" t="s">
        <v>99</v>
      </c>
      <c r="D754" t="s">
        <v>100</v>
      </c>
      <c r="E754">
        <v>2021</v>
      </c>
      <c r="F754" s="3">
        <v>2021</v>
      </c>
      <c r="G754" t="s">
        <v>15</v>
      </c>
      <c r="H754" t="s">
        <v>14</v>
      </c>
      <c r="I754" t="s">
        <v>108</v>
      </c>
      <c r="J754" s="10">
        <v>0.1</v>
      </c>
    </row>
    <row r="755" spans="1:10" x14ac:dyDescent="0.35">
      <c r="A755" t="s">
        <v>26</v>
      </c>
      <c r="B755" t="s">
        <v>31</v>
      </c>
      <c r="C755" t="s">
        <v>99</v>
      </c>
      <c r="D755" t="s">
        <v>100</v>
      </c>
      <c r="E755">
        <v>2021</v>
      </c>
      <c r="F755" s="3">
        <v>2021</v>
      </c>
      <c r="G755" t="s">
        <v>15</v>
      </c>
      <c r="H755" t="s">
        <v>14</v>
      </c>
      <c r="I755" t="s">
        <v>101</v>
      </c>
      <c r="J755" s="10">
        <v>33.700000000000003</v>
      </c>
    </row>
    <row r="756" spans="1:10" x14ac:dyDescent="0.35">
      <c r="A756" t="s">
        <v>26</v>
      </c>
      <c r="B756" t="s">
        <v>31</v>
      </c>
      <c r="C756" t="s">
        <v>99</v>
      </c>
      <c r="D756" t="s">
        <v>100</v>
      </c>
      <c r="E756">
        <v>2021</v>
      </c>
      <c r="F756" s="3">
        <v>2021</v>
      </c>
      <c r="G756" t="s">
        <v>15</v>
      </c>
      <c r="H756" t="s">
        <v>14</v>
      </c>
      <c r="I756" t="s">
        <v>102</v>
      </c>
      <c r="J756" s="10">
        <v>18</v>
      </c>
    </row>
    <row r="757" spans="1:10" x14ac:dyDescent="0.35">
      <c r="A757" t="s">
        <v>26</v>
      </c>
      <c r="B757" t="s">
        <v>31</v>
      </c>
      <c r="C757" t="s">
        <v>99</v>
      </c>
      <c r="D757" t="s">
        <v>100</v>
      </c>
      <c r="E757">
        <v>2021</v>
      </c>
      <c r="F757" s="3">
        <v>2021</v>
      </c>
      <c r="G757" t="s">
        <v>15</v>
      </c>
      <c r="H757" t="s">
        <v>14</v>
      </c>
      <c r="I757" t="s">
        <v>103</v>
      </c>
      <c r="J757" s="10">
        <v>15.7</v>
      </c>
    </row>
    <row r="758" spans="1:10" x14ac:dyDescent="0.35">
      <c r="A758" t="s">
        <v>26</v>
      </c>
      <c r="B758" t="s">
        <v>31</v>
      </c>
      <c r="C758" t="s">
        <v>99</v>
      </c>
      <c r="D758" t="s">
        <v>100</v>
      </c>
      <c r="E758">
        <v>2021</v>
      </c>
      <c r="F758" s="3">
        <v>2021</v>
      </c>
      <c r="G758" t="s">
        <v>15</v>
      </c>
      <c r="H758" t="s">
        <v>14</v>
      </c>
      <c r="I758" t="s">
        <v>104</v>
      </c>
      <c r="J758" s="10">
        <v>14.8</v>
      </c>
    </row>
    <row r="759" spans="1:10" x14ac:dyDescent="0.35">
      <c r="A759" t="s">
        <v>26</v>
      </c>
      <c r="B759" t="s">
        <v>31</v>
      </c>
      <c r="C759" t="s">
        <v>99</v>
      </c>
      <c r="D759" t="s">
        <v>100</v>
      </c>
      <c r="E759">
        <v>2021</v>
      </c>
      <c r="F759" s="3">
        <v>2021</v>
      </c>
      <c r="G759" t="s">
        <v>15</v>
      </c>
      <c r="H759" t="s">
        <v>14</v>
      </c>
      <c r="I759" t="s">
        <v>105</v>
      </c>
      <c r="J759" s="10">
        <v>11.3</v>
      </c>
    </row>
    <row r="760" spans="1:10" x14ac:dyDescent="0.35">
      <c r="A760" t="s">
        <v>26</v>
      </c>
      <c r="B760" t="s">
        <v>31</v>
      </c>
      <c r="C760" t="s">
        <v>99</v>
      </c>
      <c r="D760" t="s">
        <v>100</v>
      </c>
      <c r="E760">
        <v>2021</v>
      </c>
      <c r="F760" s="3">
        <v>2021</v>
      </c>
      <c r="G760" t="s">
        <v>15</v>
      </c>
      <c r="H760" t="s">
        <v>14</v>
      </c>
      <c r="I760" t="s">
        <v>106</v>
      </c>
      <c r="J760" s="10">
        <v>4.4000000000000004</v>
      </c>
    </row>
    <row r="761" spans="1:10" x14ac:dyDescent="0.35">
      <c r="A761" t="s">
        <v>26</v>
      </c>
      <c r="B761" t="s">
        <v>31</v>
      </c>
      <c r="C761" t="s">
        <v>99</v>
      </c>
      <c r="D761" t="s">
        <v>100</v>
      </c>
      <c r="E761">
        <v>2021</v>
      </c>
      <c r="F761" s="3">
        <v>2021</v>
      </c>
      <c r="G761" t="s">
        <v>15</v>
      </c>
      <c r="H761" t="s">
        <v>14</v>
      </c>
      <c r="I761" t="s">
        <v>107</v>
      </c>
      <c r="J761" s="10">
        <v>1.9</v>
      </c>
    </row>
    <row r="762" spans="1:10" x14ac:dyDescent="0.35">
      <c r="A762" t="s">
        <v>26</v>
      </c>
      <c r="B762" t="s">
        <v>31</v>
      </c>
      <c r="C762" t="s">
        <v>99</v>
      </c>
      <c r="D762" t="s">
        <v>100</v>
      </c>
      <c r="E762">
        <v>2021</v>
      </c>
      <c r="F762" s="3">
        <v>2021</v>
      </c>
      <c r="G762" t="s">
        <v>15</v>
      </c>
      <c r="H762" t="s">
        <v>14</v>
      </c>
      <c r="I762" t="s">
        <v>108</v>
      </c>
      <c r="J762" s="10">
        <v>0.2</v>
      </c>
    </row>
    <row r="763" spans="1:10" x14ac:dyDescent="0.35">
      <c r="A763" t="s">
        <v>28</v>
      </c>
      <c r="B763" t="s">
        <v>32</v>
      </c>
      <c r="C763" t="s">
        <v>99</v>
      </c>
      <c r="D763" t="s">
        <v>100</v>
      </c>
      <c r="E763">
        <v>2021</v>
      </c>
      <c r="F763" s="3">
        <v>2021</v>
      </c>
      <c r="G763" t="s">
        <v>15</v>
      </c>
      <c r="H763" t="s">
        <v>14</v>
      </c>
      <c r="I763" t="s">
        <v>101</v>
      </c>
      <c r="J763" s="10">
        <v>40.6</v>
      </c>
    </row>
    <row r="764" spans="1:10" x14ac:dyDescent="0.35">
      <c r="A764" t="s">
        <v>28</v>
      </c>
      <c r="B764" t="s">
        <v>32</v>
      </c>
      <c r="C764" t="s">
        <v>99</v>
      </c>
      <c r="D764" t="s">
        <v>100</v>
      </c>
      <c r="E764">
        <v>2021</v>
      </c>
      <c r="F764" s="3">
        <v>2021</v>
      </c>
      <c r="G764" t="s">
        <v>15</v>
      </c>
      <c r="H764" t="s">
        <v>14</v>
      </c>
      <c r="I764" t="s">
        <v>102</v>
      </c>
      <c r="J764" s="10">
        <v>17.399999999999999</v>
      </c>
    </row>
    <row r="765" spans="1:10" x14ac:dyDescent="0.35">
      <c r="A765" t="s">
        <v>28</v>
      </c>
      <c r="B765" t="s">
        <v>32</v>
      </c>
      <c r="C765" t="s">
        <v>99</v>
      </c>
      <c r="D765" t="s">
        <v>100</v>
      </c>
      <c r="E765">
        <v>2021</v>
      </c>
      <c r="F765" s="3">
        <v>2021</v>
      </c>
      <c r="G765" t="s">
        <v>15</v>
      </c>
      <c r="H765" t="s">
        <v>14</v>
      </c>
      <c r="I765" t="s">
        <v>103</v>
      </c>
      <c r="J765" s="10">
        <v>9.9</v>
      </c>
    </row>
    <row r="766" spans="1:10" x14ac:dyDescent="0.35">
      <c r="A766" t="s">
        <v>28</v>
      </c>
      <c r="B766" t="s">
        <v>32</v>
      </c>
      <c r="C766" t="s">
        <v>99</v>
      </c>
      <c r="D766" t="s">
        <v>100</v>
      </c>
      <c r="E766">
        <v>2021</v>
      </c>
      <c r="F766" s="3">
        <v>2021</v>
      </c>
      <c r="G766" t="s">
        <v>15</v>
      </c>
      <c r="H766" t="s">
        <v>14</v>
      </c>
      <c r="I766" t="s">
        <v>104</v>
      </c>
      <c r="J766" s="10">
        <v>12.2</v>
      </c>
    </row>
    <row r="767" spans="1:10" x14ac:dyDescent="0.35">
      <c r="A767" t="s">
        <v>28</v>
      </c>
      <c r="B767" t="s">
        <v>32</v>
      </c>
      <c r="C767" t="s">
        <v>99</v>
      </c>
      <c r="D767" t="s">
        <v>100</v>
      </c>
      <c r="E767">
        <v>2021</v>
      </c>
      <c r="F767" s="3">
        <v>2021</v>
      </c>
      <c r="G767" t="s">
        <v>15</v>
      </c>
      <c r="H767" t="s">
        <v>14</v>
      </c>
      <c r="I767" t="s">
        <v>105</v>
      </c>
      <c r="J767" s="10">
        <v>11.7</v>
      </c>
    </row>
    <row r="768" spans="1:10" x14ac:dyDescent="0.35">
      <c r="A768" t="s">
        <v>28</v>
      </c>
      <c r="B768" t="s">
        <v>32</v>
      </c>
      <c r="C768" t="s">
        <v>99</v>
      </c>
      <c r="D768" t="s">
        <v>100</v>
      </c>
      <c r="E768">
        <v>2021</v>
      </c>
      <c r="F768" s="3">
        <v>2021</v>
      </c>
      <c r="G768" t="s">
        <v>15</v>
      </c>
      <c r="H768" t="s">
        <v>14</v>
      </c>
      <c r="I768" t="s">
        <v>106</v>
      </c>
      <c r="J768" s="10">
        <v>5.4</v>
      </c>
    </row>
    <row r="769" spans="1:10" x14ac:dyDescent="0.35">
      <c r="A769" t="s">
        <v>28</v>
      </c>
      <c r="B769" t="s">
        <v>32</v>
      </c>
      <c r="C769" t="s">
        <v>99</v>
      </c>
      <c r="D769" t="s">
        <v>100</v>
      </c>
      <c r="E769">
        <v>2021</v>
      </c>
      <c r="F769" s="3">
        <v>2021</v>
      </c>
      <c r="G769" t="s">
        <v>15</v>
      </c>
      <c r="H769" t="s">
        <v>14</v>
      </c>
      <c r="I769" t="s">
        <v>107</v>
      </c>
      <c r="J769" s="10">
        <v>2.5</v>
      </c>
    </row>
    <row r="770" spans="1:10" x14ac:dyDescent="0.35">
      <c r="A770" t="s">
        <v>28</v>
      </c>
      <c r="B770" t="s">
        <v>32</v>
      </c>
      <c r="C770" t="s">
        <v>99</v>
      </c>
      <c r="D770" t="s">
        <v>100</v>
      </c>
      <c r="E770">
        <v>2021</v>
      </c>
      <c r="F770" s="3">
        <v>2021</v>
      </c>
      <c r="G770" t="s">
        <v>15</v>
      </c>
      <c r="H770" t="s">
        <v>14</v>
      </c>
      <c r="I770" t="s">
        <v>108</v>
      </c>
      <c r="J770" s="10">
        <v>0.3</v>
      </c>
    </row>
    <row r="771" spans="1:10" x14ac:dyDescent="0.35">
      <c r="A771" t="s">
        <v>33</v>
      </c>
      <c r="B771" t="s">
        <v>34</v>
      </c>
      <c r="C771" t="s">
        <v>99</v>
      </c>
      <c r="D771" t="s">
        <v>100</v>
      </c>
      <c r="E771">
        <v>2021</v>
      </c>
      <c r="F771" s="3">
        <v>2021</v>
      </c>
      <c r="G771" t="s">
        <v>15</v>
      </c>
      <c r="H771" t="s">
        <v>14</v>
      </c>
      <c r="I771" t="s">
        <v>101</v>
      </c>
      <c r="J771" s="10">
        <v>20.9</v>
      </c>
    </row>
    <row r="772" spans="1:10" x14ac:dyDescent="0.35">
      <c r="A772" t="s">
        <v>33</v>
      </c>
      <c r="B772" t="s">
        <v>34</v>
      </c>
      <c r="C772" t="s">
        <v>99</v>
      </c>
      <c r="D772" t="s">
        <v>100</v>
      </c>
      <c r="E772">
        <v>2021</v>
      </c>
      <c r="F772" s="3">
        <v>2021</v>
      </c>
      <c r="G772" t="s">
        <v>15</v>
      </c>
      <c r="H772" t="s">
        <v>14</v>
      </c>
      <c r="I772" t="s">
        <v>102</v>
      </c>
      <c r="J772" s="10">
        <v>25.9</v>
      </c>
    </row>
    <row r="773" spans="1:10" x14ac:dyDescent="0.35">
      <c r="A773" t="s">
        <v>33</v>
      </c>
      <c r="B773" t="s">
        <v>34</v>
      </c>
      <c r="C773" t="s">
        <v>99</v>
      </c>
      <c r="D773" t="s">
        <v>100</v>
      </c>
      <c r="E773">
        <v>2021</v>
      </c>
      <c r="F773" s="3">
        <v>2021</v>
      </c>
      <c r="G773" t="s">
        <v>15</v>
      </c>
      <c r="H773" t="s">
        <v>14</v>
      </c>
      <c r="I773" t="s">
        <v>103</v>
      </c>
      <c r="J773" s="10">
        <v>8.5</v>
      </c>
    </row>
    <row r="774" spans="1:10" x14ac:dyDescent="0.35">
      <c r="A774" t="s">
        <v>33</v>
      </c>
      <c r="B774" t="s">
        <v>34</v>
      </c>
      <c r="C774" t="s">
        <v>99</v>
      </c>
      <c r="D774" t="s">
        <v>100</v>
      </c>
      <c r="E774">
        <v>2021</v>
      </c>
      <c r="F774" s="3">
        <v>2021</v>
      </c>
      <c r="G774" t="s">
        <v>15</v>
      </c>
      <c r="H774" t="s">
        <v>14</v>
      </c>
      <c r="I774" t="s">
        <v>104</v>
      </c>
      <c r="J774" s="10">
        <v>10.9</v>
      </c>
    </row>
    <row r="775" spans="1:10" x14ac:dyDescent="0.35">
      <c r="A775" t="s">
        <v>33</v>
      </c>
      <c r="B775" t="s">
        <v>34</v>
      </c>
      <c r="C775" t="s">
        <v>99</v>
      </c>
      <c r="D775" t="s">
        <v>100</v>
      </c>
      <c r="E775">
        <v>2021</v>
      </c>
      <c r="F775" s="3">
        <v>2021</v>
      </c>
      <c r="G775" t="s">
        <v>15</v>
      </c>
      <c r="H775" t="s">
        <v>14</v>
      </c>
      <c r="I775" t="s">
        <v>105</v>
      </c>
      <c r="J775" s="10">
        <v>15.1</v>
      </c>
    </row>
    <row r="776" spans="1:10" x14ac:dyDescent="0.35">
      <c r="A776" t="s">
        <v>33</v>
      </c>
      <c r="B776" t="s">
        <v>34</v>
      </c>
      <c r="C776" t="s">
        <v>99</v>
      </c>
      <c r="D776" t="s">
        <v>100</v>
      </c>
      <c r="E776">
        <v>2021</v>
      </c>
      <c r="F776" s="3">
        <v>2021</v>
      </c>
      <c r="G776" t="s">
        <v>15</v>
      </c>
      <c r="H776" t="s">
        <v>14</v>
      </c>
      <c r="I776" t="s">
        <v>106</v>
      </c>
      <c r="J776" s="10">
        <v>10.199999999999999</v>
      </c>
    </row>
    <row r="777" spans="1:10" x14ac:dyDescent="0.35">
      <c r="A777" t="s">
        <v>33</v>
      </c>
      <c r="B777" t="s">
        <v>34</v>
      </c>
      <c r="C777" t="s">
        <v>99</v>
      </c>
      <c r="D777" t="s">
        <v>100</v>
      </c>
      <c r="E777">
        <v>2021</v>
      </c>
      <c r="F777" s="3">
        <v>2021</v>
      </c>
      <c r="G777" t="s">
        <v>15</v>
      </c>
      <c r="H777" t="s">
        <v>14</v>
      </c>
      <c r="I777" t="s">
        <v>107</v>
      </c>
      <c r="J777" s="10">
        <v>7.6</v>
      </c>
    </row>
    <row r="778" spans="1:10" x14ac:dyDescent="0.35">
      <c r="A778" t="s">
        <v>33</v>
      </c>
      <c r="B778" t="s">
        <v>34</v>
      </c>
      <c r="C778" t="s">
        <v>99</v>
      </c>
      <c r="D778" t="s">
        <v>100</v>
      </c>
      <c r="E778">
        <v>2021</v>
      </c>
      <c r="F778" s="3">
        <v>2021</v>
      </c>
      <c r="G778" t="s">
        <v>15</v>
      </c>
      <c r="H778" t="s">
        <v>14</v>
      </c>
      <c r="I778" t="s">
        <v>108</v>
      </c>
      <c r="J778" s="10">
        <v>1</v>
      </c>
    </row>
    <row r="779" spans="1:10" x14ac:dyDescent="0.35">
      <c r="A779" t="s">
        <v>35</v>
      </c>
      <c r="B779" t="s">
        <v>36</v>
      </c>
      <c r="C779" t="s">
        <v>99</v>
      </c>
      <c r="D779" t="s">
        <v>100</v>
      </c>
      <c r="E779">
        <v>2021</v>
      </c>
      <c r="F779" s="3">
        <v>2021</v>
      </c>
      <c r="G779" t="s">
        <v>15</v>
      </c>
      <c r="H779" t="s">
        <v>14</v>
      </c>
      <c r="I779" t="s">
        <v>101</v>
      </c>
      <c r="J779" s="10">
        <v>15.7</v>
      </c>
    </row>
    <row r="780" spans="1:10" x14ac:dyDescent="0.35">
      <c r="A780" t="s">
        <v>35</v>
      </c>
      <c r="B780" t="s">
        <v>36</v>
      </c>
      <c r="C780" t="s">
        <v>99</v>
      </c>
      <c r="D780" t="s">
        <v>100</v>
      </c>
      <c r="E780">
        <v>2021</v>
      </c>
      <c r="F780" s="3">
        <v>2021</v>
      </c>
      <c r="G780" t="s">
        <v>15</v>
      </c>
      <c r="H780" t="s">
        <v>14</v>
      </c>
      <c r="I780" t="s">
        <v>102</v>
      </c>
      <c r="J780" s="10">
        <v>24.7</v>
      </c>
    </row>
    <row r="781" spans="1:10" x14ac:dyDescent="0.35">
      <c r="A781" t="s">
        <v>35</v>
      </c>
      <c r="B781" t="s">
        <v>36</v>
      </c>
      <c r="C781" t="s">
        <v>99</v>
      </c>
      <c r="D781" t="s">
        <v>100</v>
      </c>
      <c r="E781">
        <v>2021</v>
      </c>
      <c r="F781" s="3">
        <v>2021</v>
      </c>
      <c r="G781" t="s">
        <v>15</v>
      </c>
      <c r="H781" t="s">
        <v>14</v>
      </c>
      <c r="I781" t="s">
        <v>103</v>
      </c>
      <c r="J781" s="10">
        <v>14</v>
      </c>
    </row>
    <row r="782" spans="1:10" x14ac:dyDescent="0.35">
      <c r="A782" t="s">
        <v>35</v>
      </c>
      <c r="B782" t="s">
        <v>36</v>
      </c>
      <c r="C782" t="s">
        <v>99</v>
      </c>
      <c r="D782" t="s">
        <v>100</v>
      </c>
      <c r="E782">
        <v>2021</v>
      </c>
      <c r="F782" s="3">
        <v>2021</v>
      </c>
      <c r="G782" t="s">
        <v>15</v>
      </c>
      <c r="H782" t="s">
        <v>14</v>
      </c>
      <c r="I782" t="s">
        <v>104</v>
      </c>
      <c r="J782" s="10">
        <v>11.7</v>
      </c>
    </row>
    <row r="783" spans="1:10" x14ac:dyDescent="0.35">
      <c r="A783" t="s">
        <v>35</v>
      </c>
      <c r="B783" t="s">
        <v>36</v>
      </c>
      <c r="C783" t="s">
        <v>99</v>
      </c>
      <c r="D783" t="s">
        <v>100</v>
      </c>
      <c r="E783">
        <v>2021</v>
      </c>
      <c r="F783" s="3">
        <v>2021</v>
      </c>
      <c r="G783" t="s">
        <v>15</v>
      </c>
      <c r="H783" t="s">
        <v>14</v>
      </c>
      <c r="I783" t="s">
        <v>105</v>
      </c>
      <c r="J783" s="10">
        <v>14.3</v>
      </c>
    </row>
    <row r="784" spans="1:10" x14ac:dyDescent="0.35">
      <c r="A784" t="s">
        <v>35</v>
      </c>
      <c r="B784" t="s">
        <v>36</v>
      </c>
      <c r="C784" t="s">
        <v>99</v>
      </c>
      <c r="D784" t="s">
        <v>100</v>
      </c>
      <c r="E784">
        <v>2021</v>
      </c>
      <c r="F784" s="3">
        <v>2021</v>
      </c>
      <c r="G784" t="s">
        <v>15</v>
      </c>
      <c r="H784" t="s">
        <v>14</v>
      </c>
      <c r="I784" t="s">
        <v>106</v>
      </c>
      <c r="J784" s="10">
        <v>8.5</v>
      </c>
    </row>
    <row r="785" spans="1:10" x14ac:dyDescent="0.35">
      <c r="A785" t="s">
        <v>35</v>
      </c>
      <c r="B785" t="s">
        <v>36</v>
      </c>
      <c r="C785" t="s">
        <v>99</v>
      </c>
      <c r="D785" t="s">
        <v>100</v>
      </c>
      <c r="E785">
        <v>2021</v>
      </c>
      <c r="F785" s="3">
        <v>2021</v>
      </c>
      <c r="G785" t="s">
        <v>15</v>
      </c>
      <c r="H785" t="s">
        <v>14</v>
      </c>
      <c r="I785" t="s">
        <v>107</v>
      </c>
      <c r="J785" s="10">
        <v>9.8000000000000007</v>
      </c>
    </row>
    <row r="786" spans="1:10" x14ac:dyDescent="0.35">
      <c r="A786" t="s">
        <v>35</v>
      </c>
      <c r="B786" t="s">
        <v>36</v>
      </c>
      <c r="C786" t="s">
        <v>99</v>
      </c>
      <c r="D786" t="s">
        <v>100</v>
      </c>
      <c r="E786">
        <v>2021</v>
      </c>
      <c r="F786" s="3">
        <v>2021</v>
      </c>
      <c r="G786" t="s">
        <v>15</v>
      </c>
      <c r="H786" t="s">
        <v>14</v>
      </c>
      <c r="I786" t="s">
        <v>108</v>
      </c>
      <c r="J786" s="10">
        <v>1.3</v>
      </c>
    </row>
    <row r="787" spans="1:10" x14ac:dyDescent="0.35">
      <c r="A787" t="s">
        <v>28</v>
      </c>
      <c r="B787" t="s">
        <v>37</v>
      </c>
      <c r="C787" t="s">
        <v>99</v>
      </c>
      <c r="D787" t="s">
        <v>100</v>
      </c>
      <c r="E787">
        <v>2021</v>
      </c>
      <c r="F787" s="3">
        <v>2021</v>
      </c>
      <c r="G787" t="s">
        <v>15</v>
      </c>
      <c r="H787" t="s">
        <v>14</v>
      </c>
      <c r="I787" t="s">
        <v>101</v>
      </c>
      <c r="J787" s="10">
        <v>32.1</v>
      </c>
    </row>
    <row r="788" spans="1:10" x14ac:dyDescent="0.35">
      <c r="A788" t="s">
        <v>28</v>
      </c>
      <c r="B788" t="s">
        <v>37</v>
      </c>
      <c r="C788" t="s">
        <v>99</v>
      </c>
      <c r="D788" t="s">
        <v>100</v>
      </c>
      <c r="E788">
        <v>2021</v>
      </c>
      <c r="F788" s="3">
        <v>2021</v>
      </c>
      <c r="G788" t="s">
        <v>15</v>
      </c>
      <c r="H788" t="s">
        <v>14</v>
      </c>
      <c r="I788" t="s">
        <v>102</v>
      </c>
      <c r="J788" s="10">
        <v>14</v>
      </c>
    </row>
    <row r="789" spans="1:10" x14ac:dyDescent="0.35">
      <c r="A789" t="s">
        <v>28</v>
      </c>
      <c r="B789" t="s">
        <v>37</v>
      </c>
      <c r="C789" t="s">
        <v>99</v>
      </c>
      <c r="D789" t="s">
        <v>100</v>
      </c>
      <c r="E789">
        <v>2021</v>
      </c>
      <c r="F789" s="3">
        <v>2021</v>
      </c>
      <c r="G789" t="s">
        <v>15</v>
      </c>
      <c r="H789" t="s">
        <v>14</v>
      </c>
      <c r="I789" t="s">
        <v>103</v>
      </c>
      <c r="J789" s="10">
        <v>11</v>
      </c>
    </row>
    <row r="790" spans="1:10" x14ac:dyDescent="0.35">
      <c r="A790" t="s">
        <v>28</v>
      </c>
      <c r="B790" t="s">
        <v>37</v>
      </c>
      <c r="C790" t="s">
        <v>99</v>
      </c>
      <c r="D790" t="s">
        <v>100</v>
      </c>
      <c r="E790">
        <v>2021</v>
      </c>
      <c r="F790" s="3">
        <v>2021</v>
      </c>
      <c r="G790" t="s">
        <v>15</v>
      </c>
      <c r="H790" t="s">
        <v>14</v>
      </c>
      <c r="I790" t="s">
        <v>104</v>
      </c>
      <c r="J790" s="10">
        <v>12.5</v>
      </c>
    </row>
    <row r="791" spans="1:10" x14ac:dyDescent="0.35">
      <c r="A791" t="s">
        <v>28</v>
      </c>
      <c r="B791" t="s">
        <v>37</v>
      </c>
      <c r="C791" t="s">
        <v>99</v>
      </c>
      <c r="D791" t="s">
        <v>100</v>
      </c>
      <c r="E791">
        <v>2021</v>
      </c>
      <c r="F791" s="3">
        <v>2021</v>
      </c>
      <c r="G791" t="s">
        <v>15</v>
      </c>
      <c r="H791" t="s">
        <v>14</v>
      </c>
      <c r="I791" t="s">
        <v>105</v>
      </c>
      <c r="J791" s="10">
        <v>16</v>
      </c>
    </row>
    <row r="792" spans="1:10" x14ac:dyDescent="0.35">
      <c r="A792" t="s">
        <v>28</v>
      </c>
      <c r="B792" t="s">
        <v>37</v>
      </c>
      <c r="C792" t="s">
        <v>99</v>
      </c>
      <c r="D792" t="s">
        <v>100</v>
      </c>
      <c r="E792">
        <v>2021</v>
      </c>
      <c r="F792" s="3">
        <v>2021</v>
      </c>
      <c r="G792" t="s">
        <v>15</v>
      </c>
      <c r="H792" t="s">
        <v>14</v>
      </c>
      <c r="I792" t="s">
        <v>106</v>
      </c>
      <c r="J792" s="10">
        <v>8.6999999999999993</v>
      </c>
    </row>
    <row r="793" spans="1:10" x14ac:dyDescent="0.35">
      <c r="A793" t="s">
        <v>28</v>
      </c>
      <c r="B793" t="s">
        <v>37</v>
      </c>
      <c r="C793" t="s">
        <v>99</v>
      </c>
      <c r="D793" t="s">
        <v>100</v>
      </c>
      <c r="E793">
        <v>2021</v>
      </c>
      <c r="F793" s="3">
        <v>2021</v>
      </c>
      <c r="G793" t="s">
        <v>15</v>
      </c>
      <c r="H793" t="s">
        <v>14</v>
      </c>
      <c r="I793" t="s">
        <v>107</v>
      </c>
      <c r="J793" s="10">
        <v>5.4</v>
      </c>
    </row>
    <row r="794" spans="1:10" x14ac:dyDescent="0.35">
      <c r="A794" t="s">
        <v>28</v>
      </c>
      <c r="B794" t="s">
        <v>37</v>
      </c>
      <c r="C794" t="s">
        <v>99</v>
      </c>
      <c r="D794" t="s">
        <v>100</v>
      </c>
      <c r="E794">
        <v>2021</v>
      </c>
      <c r="F794" s="3">
        <v>2021</v>
      </c>
      <c r="G794" t="s">
        <v>15</v>
      </c>
      <c r="H794" t="s">
        <v>14</v>
      </c>
      <c r="I794" t="s">
        <v>108</v>
      </c>
      <c r="J794" s="10">
        <v>0.3</v>
      </c>
    </row>
    <row r="795" spans="1:10" x14ac:dyDescent="0.35">
      <c r="A795" t="s">
        <v>20</v>
      </c>
      <c r="B795" t="s">
        <v>38</v>
      </c>
      <c r="C795" t="s">
        <v>99</v>
      </c>
      <c r="D795" t="s">
        <v>100</v>
      </c>
      <c r="E795">
        <v>2021</v>
      </c>
      <c r="F795" s="3">
        <v>2021</v>
      </c>
      <c r="G795" t="s">
        <v>15</v>
      </c>
      <c r="H795" t="s">
        <v>14</v>
      </c>
      <c r="I795" t="s">
        <v>101</v>
      </c>
      <c r="J795" s="10">
        <v>17.100000000000001</v>
      </c>
    </row>
    <row r="796" spans="1:10" x14ac:dyDescent="0.35">
      <c r="A796" t="s">
        <v>20</v>
      </c>
      <c r="B796" t="s">
        <v>38</v>
      </c>
      <c r="C796" t="s">
        <v>99</v>
      </c>
      <c r="D796" t="s">
        <v>100</v>
      </c>
      <c r="E796">
        <v>2021</v>
      </c>
      <c r="F796" s="3">
        <v>2021</v>
      </c>
      <c r="G796" t="s">
        <v>15</v>
      </c>
      <c r="H796" t="s">
        <v>14</v>
      </c>
      <c r="I796" t="s">
        <v>102</v>
      </c>
      <c r="J796" s="10">
        <v>28.7</v>
      </c>
    </row>
    <row r="797" spans="1:10" x14ac:dyDescent="0.35">
      <c r="A797" t="s">
        <v>20</v>
      </c>
      <c r="B797" t="s">
        <v>38</v>
      </c>
      <c r="C797" t="s">
        <v>99</v>
      </c>
      <c r="D797" t="s">
        <v>100</v>
      </c>
      <c r="E797">
        <v>2021</v>
      </c>
      <c r="F797" s="3">
        <v>2021</v>
      </c>
      <c r="G797" t="s">
        <v>15</v>
      </c>
      <c r="H797" t="s">
        <v>14</v>
      </c>
      <c r="I797" t="s">
        <v>103</v>
      </c>
      <c r="J797" s="10">
        <v>18.7</v>
      </c>
    </row>
    <row r="798" spans="1:10" x14ac:dyDescent="0.35">
      <c r="A798" t="s">
        <v>20</v>
      </c>
      <c r="B798" t="s">
        <v>38</v>
      </c>
      <c r="C798" t="s">
        <v>99</v>
      </c>
      <c r="D798" t="s">
        <v>100</v>
      </c>
      <c r="E798">
        <v>2021</v>
      </c>
      <c r="F798" s="3">
        <v>2021</v>
      </c>
      <c r="G798" t="s">
        <v>15</v>
      </c>
      <c r="H798" t="s">
        <v>14</v>
      </c>
      <c r="I798" t="s">
        <v>104</v>
      </c>
      <c r="J798" s="10">
        <v>12.4</v>
      </c>
    </row>
    <row r="799" spans="1:10" x14ac:dyDescent="0.35">
      <c r="A799" t="s">
        <v>20</v>
      </c>
      <c r="B799" t="s">
        <v>38</v>
      </c>
      <c r="C799" t="s">
        <v>99</v>
      </c>
      <c r="D799" t="s">
        <v>100</v>
      </c>
      <c r="E799">
        <v>2021</v>
      </c>
      <c r="F799" s="3">
        <v>2021</v>
      </c>
      <c r="G799" t="s">
        <v>15</v>
      </c>
      <c r="H799" t="s">
        <v>14</v>
      </c>
      <c r="I799" t="s">
        <v>105</v>
      </c>
      <c r="J799" s="10">
        <v>12.2</v>
      </c>
    </row>
    <row r="800" spans="1:10" x14ac:dyDescent="0.35">
      <c r="A800" t="s">
        <v>20</v>
      </c>
      <c r="B800" t="s">
        <v>38</v>
      </c>
      <c r="C800" t="s">
        <v>99</v>
      </c>
      <c r="D800" t="s">
        <v>100</v>
      </c>
      <c r="E800">
        <v>2021</v>
      </c>
      <c r="F800" s="3">
        <v>2021</v>
      </c>
      <c r="G800" t="s">
        <v>15</v>
      </c>
      <c r="H800" t="s">
        <v>14</v>
      </c>
      <c r="I800" t="s">
        <v>106</v>
      </c>
      <c r="J800" s="10">
        <v>8.8000000000000007</v>
      </c>
    </row>
    <row r="801" spans="1:10" x14ac:dyDescent="0.35">
      <c r="A801" t="s">
        <v>20</v>
      </c>
      <c r="B801" t="s">
        <v>38</v>
      </c>
      <c r="C801" t="s">
        <v>99</v>
      </c>
      <c r="D801" t="s">
        <v>100</v>
      </c>
      <c r="E801">
        <v>2021</v>
      </c>
      <c r="F801" s="3">
        <v>2021</v>
      </c>
      <c r="G801" t="s">
        <v>15</v>
      </c>
      <c r="H801" t="s">
        <v>14</v>
      </c>
      <c r="I801" t="s">
        <v>107</v>
      </c>
      <c r="J801" s="10">
        <v>2.2000000000000002</v>
      </c>
    </row>
    <row r="802" spans="1:10" x14ac:dyDescent="0.35">
      <c r="A802" t="s">
        <v>20</v>
      </c>
      <c r="B802" t="s">
        <v>38</v>
      </c>
      <c r="C802" t="s">
        <v>99</v>
      </c>
      <c r="D802" t="s">
        <v>100</v>
      </c>
      <c r="E802">
        <v>2021</v>
      </c>
      <c r="F802" s="3">
        <v>2021</v>
      </c>
      <c r="G802" t="s">
        <v>15</v>
      </c>
      <c r="H802" t="s">
        <v>14</v>
      </c>
      <c r="I802" t="s">
        <v>108</v>
      </c>
      <c r="J802" s="10">
        <v>0</v>
      </c>
    </row>
    <row r="803" spans="1:10" x14ac:dyDescent="0.35">
      <c r="A803" t="s">
        <v>33</v>
      </c>
      <c r="B803" t="s">
        <v>39</v>
      </c>
      <c r="C803" t="s">
        <v>99</v>
      </c>
      <c r="D803" t="s">
        <v>100</v>
      </c>
      <c r="E803">
        <v>2021</v>
      </c>
      <c r="F803" s="3">
        <v>2021</v>
      </c>
      <c r="G803" t="s">
        <v>15</v>
      </c>
      <c r="H803" t="s">
        <v>14</v>
      </c>
      <c r="I803" t="s">
        <v>101</v>
      </c>
      <c r="J803" s="10">
        <v>24.8</v>
      </c>
    </row>
    <row r="804" spans="1:10" x14ac:dyDescent="0.35">
      <c r="A804" t="s">
        <v>33</v>
      </c>
      <c r="B804" t="s">
        <v>39</v>
      </c>
      <c r="C804" t="s">
        <v>99</v>
      </c>
      <c r="D804" t="s">
        <v>100</v>
      </c>
      <c r="E804">
        <v>2021</v>
      </c>
      <c r="F804" s="3">
        <v>2021</v>
      </c>
      <c r="G804" t="s">
        <v>15</v>
      </c>
      <c r="H804" t="s">
        <v>14</v>
      </c>
      <c r="I804" t="s">
        <v>102</v>
      </c>
      <c r="J804" s="10">
        <v>33.6</v>
      </c>
    </row>
    <row r="805" spans="1:10" x14ac:dyDescent="0.35">
      <c r="A805" t="s">
        <v>33</v>
      </c>
      <c r="B805" t="s">
        <v>39</v>
      </c>
      <c r="C805" t="s">
        <v>99</v>
      </c>
      <c r="D805" t="s">
        <v>100</v>
      </c>
      <c r="E805">
        <v>2021</v>
      </c>
      <c r="F805" s="3">
        <v>2021</v>
      </c>
      <c r="G805" t="s">
        <v>15</v>
      </c>
      <c r="H805" t="s">
        <v>14</v>
      </c>
      <c r="I805" t="s">
        <v>103</v>
      </c>
      <c r="J805" s="10">
        <v>13</v>
      </c>
    </row>
    <row r="806" spans="1:10" x14ac:dyDescent="0.35">
      <c r="A806" t="s">
        <v>33</v>
      </c>
      <c r="B806" t="s">
        <v>39</v>
      </c>
      <c r="C806" t="s">
        <v>99</v>
      </c>
      <c r="D806" t="s">
        <v>100</v>
      </c>
      <c r="E806">
        <v>2021</v>
      </c>
      <c r="F806" s="3">
        <v>2021</v>
      </c>
      <c r="G806" t="s">
        <v>15</v>
      </c>
      <c r="H806" t="s">
        <v>14</v>
      </c>
      <c r="I806" t="s">
        <v>104</v>
      </c>
      <c r="J806" s="10">
        <v>9.5</v>
      </c>
    </row>
    <row r="807" spans="1:10" x14ac:dyDescent="0.35">
      <c r="A807" t="s">
        <v>33</v>
      </c>
      <c r="B807" t="s">
        <v>39</v>
      </c>
      <c r="C807" t="s">
        <v>99</v>
      </c>
      <c r="D807" t="s">
        <v>100</v>
      </c>
      <c r="E807">
        <v>2021</v>
      </c>
      <c r="F807" s="3">
        <v>2021</v>
      </c>
      <c r="G807" t="s">
        <v>15</v>
      </c>
      <c r="H807" t="s">
        <v>14</v>
      </c>
      <c r="I807" t="s">
        <v>105</v>
      </c>
      <c r="J807" s="10">
        <v>11.5</v>
      </c>
    </row>
    <row r="808" spans="1:10" x14ac:dyDescent="0.35">
      <c r="A808" t="s">
        <v>33</v>
      </c>
      <c r="B808" t="s">
        <v>39</v>
      </c>
      <c r="C808" t="s">
        <v>99</v>
      </c>
      <c r="D808" t="s">
        <v>100</v>
      </c>
      <c r="E808">
        <v>2021</v>
      </c>
      <c r="F808" s="3">
        <v>2021</v>
      </c>
      <c r="G808" t="s">
        <v>15</v>
      </c>
      <c r="H808" t="s">
        <v>14</v>
      </c>
      <c r="I808" t="s">
        <v>106</v>
      </c>
      <c r="J808" s="10">
        <v>5.3</v>
      </c>
    </row>
    <row r="809" spans="1:10" x14ac:dyDescent="0.35">
      <c r="A809" t="s">
        <v>33</v>
      </c>
      <c r="B809" t="s">
        <v>39</v>
      </c>
      <c r="C809" t="s">
        <v>99</v>
      </c>
      <c r="D809" t="s">
        <v>100</v>
      </c>
      <c r="E809">
        <v>2021</v>
      </c>
      <c r="F809" s="3">
        <v>2021</v>
      </c>
      <c r="G809" t="s">
        <v>15</v>
      </c>
      <c r="H809" t="s">
        <v>14</v>
      </c>
      <c r="I809" t="s">
        <v>107</v>
      </c>
      <c r="J809" s="10">
        <v>2.1</v>
      </c>
    </row>
    <row r="810" spans="1:10" x14ac:dyDescent="0.35">
      <c r="A810" t="s">
        <v>33</v>
      </c>
      <c r="B810" t="s">
        <v>39</v>
      </c>
      <c r="C810" t="s">
        <v>99</v>
      </c>
      <c r="D810" t="s">
        <v>100</v>
      </c>
      <c r="E810">
        <v>2021</v>
      </c>
      <c r="F810" s="3">
        <v>2021</v>
      </c>
      <c r="G810" t="s">
        <v>15</v>
      </c>
      <c r="H810" t="s">
        <v>14</v>
      </c>
      <c r="I810" t="s">
        <v>108</v>
      </c>
      <c r="J810" s="10">
        <v>0.2</v>
      </c>
    </row>
    <row r="811" spans="1:10" x14ac:dyDescent="0.35">
      <c r="A811" t="s">
        <v>20</v>
      </c>
      <c r="B811" t="s">
        <v>40</v>
      </c>
      <c r="C811" t="s">
        <v>99</v>
      </c>
      <c r="D811" t="s">
        <v>100</v>
      </c>
      <c r="E811">
        <v>2021</v>
      </c>
      <c r="F811" s="3">
        <v>2021</v>
      </c>
      <c r="G811" t="s">
        <v>15</v>
      </c>
      <c r="H811" t="s">
        <v>14</v>
      </c>
      <c r="I811" t="s">
        <v>101</v>
      </c>
      <c r="J811" s="10">
        <v>21.8</v>
      </c>
    </row>
    <row r="812" spans="1:10" x14ac:dyDescent="0.35">
      <c r="A812" t="s">
        <v>20</v>
      </c>
      <c r="B812" t="s">
        <v>40</v>
      </c>
      <c r="C812" t="s">
        <v>99</v>
      </c>
      <c r="D812" t="s">
        <v>100</v>
      </c>
      <c r="E812">
        <v>2021</v>
      </c>
      <c r="F812" s="3">
        <v>2021</v>
      </c>
      <c r="G812" t="s">
        <v>15</v>
      </c>
      <c r="H812" t="s">
        <v>14</v>
      </c>
      <c r="I812" t="s">
        <v>102</v>
      </c>
      <c r="J812" s="10">
        <v>38.4</v>
      </c>
    </row>
    <row r="813" spans="1:10" x14ac:dyDescent="0.35">
      <c r="A813" t="s">
        <v>20</v>
      </c>
      <c r="B813" t="s">
        <v>40</v>
      </c>
      <c r="C813" t="s">
        <v>99</v>
      </c>
      <c r="D813" t="s">
        <v>100</v>
      </c>
      <c r="E813">
        <v>2021</v>
      </c>
      <c r="F813" s="3">
        <v>2021</v>
      </c>
      <c r="G813" t="s">
        <v>15</v>
      </c>
      <c r="H813" t="s">
        <v>14</v>
      </c>
      <c r="I813" t="s">
        <v>103</v>
      </c>
      <c r="J813" s="10">
        <v>9</v>
      </c>
    </row>
    <row r="814" spans="1:10" x14ac:dyDescent="0.35">
      <c r="A814" t="s">
        <v>20</v>
      </c>
      <c r="B814" t="s">
        <v>40</v>
      </c>
      <c r="C814" t="s">
        <v>99</v>
      </c>
      <c r="D814" t="s">
        <v>100</v>
      </c>
      <c r="E814">
        <v>2021</v>
      </c>
      <c r="F814" s="3">
        <v>2021</v>
      </c>
      <c r="G814" t="s">
        <v>15</v>
      </c>
      <c r="H814" t="s">
        <v>14</v>
      </c>
      <c r="I814" t="s">
        <v>104</v>
      </c>
      <c r="J814" s="10">
        <v>9.1999999999999993</v>
      </c>
    </row>
    <row r="815" spans="1:10" x14ac:dyDescent="0.35">
      <c r="A815" t="s">
        <v>20</v>
      </c>
      <c r="B815" t="s">
        <v>40</v>
      </c>
      <c r="C815" t="s">
        <v>99</v>
      </c>
      <c r="D815" t="s">
        <v>100</v>
      </c>
      <c r="E815">
        <v>2021</v>
      </c>
      <c r="F815" s="3">
        <v>2021</v>
      </c>
      <c r="G815" t="s">
        <v>15</v>
      </c>
      <c r="H815" t="s">
        <v>14</v>
      </c>
      <c r="I815" t="s">
        <v>105</v>
      </c>
      <c r="J815" s="10">
        <v>10.1</v>
      </c>
    </row>
    <row r="816" spans="1:10" x14ac:dyDescent="0.35">
      <c r="A816" t="s">
        <v>20</v>
      </c>
      <c r="B816" t="s">
        <v>40</v>
      </c>
      <c r="C816" t="s">
        <v>99</v>
      </c>
      <c r="D816" t="s">
        <v>100</v>
      </c>
      <c r="E816">
        <v>2021</v>
      </c>
      <c r="F816" s="3">
        <v>2021</v>
      </c>
      <c r="G816" t="s">
        <v>15</v>
      </c>
      <c r="H816" t="s">
        <v>14</v>
      </c>
      <c r="I816" t="s">
        <v>106</v>
      </c>
      <c r="J816" s="10">
        <v>7.3</v>
      </c>
    </row>
    <row r="817" spans="1:10" x14ac:dyDescent="0.35">
      <c r="A817" t="s">
        <v>20</v>
      </c>
      <c r="B817" t="s">
        <v>40</v>
      </c>
      <c r="C817" t="s">
        <v>99</v>
      </c>
      <c r="D817" t="s">
        <v>100</v>
      </c>
      <c r="E817">
        <v>2021</v>
      </c>
      <c r="F817" s="3">
        <v>2021</v>
      </c>
      <c r="G817" t="s">
        <v>15</v>
      </c>
      <c r="H817" t="s">
        <v>14</v>
      </c>
      <c r="I817" t="s">
        <v>107</v>
      </c>
      <c r="J817" s="10">
        <v>3.8</v>
      </c>
    </row>
    <row r="818" spans="1:10" x14ac:dyDescent="0.35">
      <c r="A818" t="s">
        <v>20</v>
      </c>
      <c r="B818" t="s">
        <v>40</v>
      </c>
      <c r="C818" t="s">
        <v>99</v>
      </c>
      <c r="D818" t="s">
        <v>100</v>
      </c>
      <c r="E818">
        <v>2021</v>
      </c>
      <c r="F818" s="3">
        <v>2021</v>
      </c>
      <c r="G818" t="s">
        <v>15</v>
      </c>
      <c r="H818" t="s">
        <v>14</v>
      </c>
      <c r="I818" t="s">
        <v>108</v>
      </c>
      <c r="J818" s="10">
        <v>0.4</v>
      </c>
    </row>
    <row r="819" spans="1:10" x14ac:dyDescent="0.35">
      <c r="A819" t="s">
        <v>35</v>
      </c>
      <c r="B819" t="s">
        <v>41</v>
      </c>
      <c r="C819" t="s">
        <v>99</v>
      </c>
      <c r="D819" t="s">
        <v>100</v>
      </c>
      <c r="E819">
        <v>2021</v>
      </c>
      <c r="F819" s="3">
        <v>2021</v>
      </c>
      <c r="G819" t="s">
        <v>15</v>
      </c>
      <c r="H819" t="s">
        <v>14</v>
      </c>
      <c r="I819" t="s">
        <v>101</v>
      </c>
      <c r="J819" s="10">
        <v>36.4</v>
      </c>
    </row>
    <row r="820" spans="1:10" x14ac:dyDescent="0.35">
      <c r="A820" t="s">
        <v>35</v>
      </c>
      <c r="B820" t="s">
        <v>41</v>
      </c>
      <c r="C820" t="s">
        <v>99</v>
      </c>
      <c r="D820" t="s">
        <v>100</v>
      </c>
      <c r="E820">
        <v>2021</v>
      </c>
      <c r="F820" s="3">
        <v>2021</v>
      </c>
      <c r="G820" t="s">
        <v>15</v>
      </c>
      <c r="H820" t="s">
        <v>14</v>
      </c>
      <c r="I820" t="s">
        <v>102</v>
      </c>
      <c r="J820" s="10">
        <v>15.3</v>
      </c>
    </row>
    <row r="821" spans="1:10" x14ac:dyDescent="0.35">
      <c r="A821" t="s">
        <v>35</v>
      </c>
      <c r="B821" t="s">
        <v>41</v>
      </c>
      <c r="C821" t="s">
        <v>99</v>
      </c>
      <c r="D821" t="s">
        <v>100</v>
      </c>
      <c r="E821">
        <v>2021</v>
      </c>
      <c r="F821" s="3">
        <v>2021</v>
      </c>
      <c r="G821" t="s">
        <v>15</v>
      </c>
      <c r="H821" t="s">
        <v>14</v>
      </c>
      <c r="I821" t="s">
        <v>103</v>
      </c>
      <c r="J821" s="10">
        <v>10.9</v>
      </c>
    </row>
    <row r="822" spans="1:10" x14ac:dyDescent="0.35">
      <c r="A822" t="s">
        <v>35</v>
      </c>
      <c r="B822" t="s">
        <v>41</v>
      </c>
      <c r="C822" t="s">
        <v>99</v>
      </c>
      <c r="D822" t="s">
        <v>100</v>
      </c>
      <c r="E822">
        <v>2021</v>
      </c>
      <c r="F822" s="3">
        <v>2021</v>
      </c>
      <c r="G822" t="s">
        <v>15</v>
      </c>
      <c r="H822" t="s">
        <v>14</v>
      </c>
      <c r="I822" t="s">
        <v>104</v>
      </c>
      <c r="J822" s="10">
        <v>11.4</v>
      </c>
    </row>
    <row r="823" spans="1:10" x14ac:dyDescent="0.35">
      <c r="A823" t="s">
        <v>35</v>
      </c>
      <c r="B823" t="s">
        <v>41</v>
      </c>
      <c r="C823" t="s">
        <v>99</v>
      </c>
      <c r="D823" t="s">
        <v>100</v>
      </c>
      <c r="E823">
        <v>2021</v>
      </c>
      <c r="F823" s="3">
        <v>2021</v>
      </c>
      <c r="G823" t="s">
        <v>15</v>
      </c>
      <c r="H823" t="s">
        <v>14</v>
      </c>
      <c r="I823" t="s">
        <v>105</v>
      </c>
      <c r="J823" s="10">
        <v>16.3</v>
      </c>
    </row>
    <row r="824" spans="1:10" x14ac:dyDescent="0.35">
      <c r="A824" t="s">
        <v>35</v>
      </c>
      <c r="B824" t="s">
        <v>41</v>
      </c>
      <c r="C824" t="s">
        <v>99</v>
      </c>
      <c r="D824" t="s">
        <v>100</v>
      </c>
      <c r="E824">
        <v>2021</v>
      </c>
      <c r="F824" s="3">
        <v>2021</v>
      </c>
      <c r="G824" t="s">
        <v>15</v>
      </c>
      <c r="H824" t="s">
        <v>14</v>
      </c>
      <c r="I824" t="s">
        <v>106</v>
      </c>
      <c r="J824" s="10">
        <v>7.1</v>
      </c>
    </row>
    <row r="825" spans="1:10" x14ac:dyDescent="0.35">
      <c r="A825" t="s">
        <v>35</v>
      </c>
      <c r="B825" t="s">
        <v>41</v>
      </c>
      <c r="C825" t="s">
        <v>99</v>
      </c>
      <c r="D825" t="s">
        <v>100</v>
      </c>
      <c r="E825">
        <v>2021</v>
      </c>
      <c r="F825" s="3">
        <v>2021</v>
      </c>
      <c r="G825" t="s">
        <v>15</v>
      </c>
      <c r="H825" t="s">
        <v>14</v>
      </c>
      <c r="I825" t="s">
        <v>107</v>
      </c>
      <c r="J825" s="10">
        <v>2.4</v>
      </c>
    </row>
    <row r="826" spans="1:10" x14ac:dyDescent="0.35">
      <c r="A826" t="s">
        <v>35</v>
      </c>
      <c r="B826" t="s">
        <v>41</v>
      </c>
      <c r="C826" t="s">
        <v>99</v>
      </c>
      <c r="D826" t="s">
        <v>100</v>
      </c>
      <c r="E826">
        <v>2021</v>
      </c>
      <c r="F826" s="3">
        <v>2021</v>
      </c>
      <c r="G826" t="s">
        <v>15</v>
      </c>
      <c r="H826" t="s">
        <v>14</v>
      </c>
      <c r="I826" t="s">
        <v>108</v>
      </c>
      <c r="J826" s="10">
        <v>0.1</v>
      </c>
    </row>
    <row r="827" spans="1:10" x14ac:dyDescent="0.35">
      <c r="A827" t="s">
        <v>35</v>
      </c>
      <c r="B827" t="s">
        <v>42</v>
      </c>
      <c r="C827" t="s">
        <v>99</v>
      </c>
      <c r="D827" t="s">
        <v>100</v>
      </c>
      <c r="E827">
        <v>2021</v>
      </c>
      <c r="F827" s="3">
        <v>2021</v>
      </c>
      <c r="G827" t="s">
        <v>15</v>
      </c>
      <c r="H827" t="s">
        <v>14</v>
      </c>
      <c r="I827" t="s">
        <v>101</v>
      </c>
      <c r="J827" s="10">
        <v>25.5</v>
      </c>
    </row>
    <row r="828" spans="1:10" x14ac:dyDescent="0.35">
      <c r="A828" t="s">
        <v>35</v>
      </c>
      <c r="B828" t="s">
        <v>42</v>
      </c>
      <c r="C828" t="s">
        <v>99</v>
      </c>
      <c r="D828" t="s">
        <v>100</v>
      </c>
      <c r="E828">
        <v>2021</v>
      </c>
      <c r="F828" s="3">
        <v>2021</v>
      </c>
      <c r="G828" t="s">
        <v>15</v>
      </c>
      <c r="H828" t="s">
        <v>14</v>
      </c>
      <c r="I828" t="s">
        <v>102</v>
      </c>
      <c r="J828" s="10">
        <v>39.9</v>
      </c>
    </row>
    <row r="829" spans="1:10" x14ac:dyDescent="0.35">
      <c r="A829" t="s">
        <v>35</v>
      </c>
      <c r="B829" t="s">
        <v>42</v>
      </c>
      <c r="C829" t="s">
        <v>99</v>
      </c>
      <c r="D829" t="s">
        <v>100</v>
      </c>
      <c r="E829">
        <v>2021</v>
      </c>
      <c r="F829" s="3">
        <v>2021</v>
      </c>
      <c r="G829" t="s">
        <v>15</v>
      </c>
      <c r="H829" t="s">
        <v>14</v>
      </c>
      <c r="I829" t="s">
        <v>103</v>
      </c>
      <c r="J829" s="10">
        <v>10.4</v>
      </c>
    </row>
    <row r="830" spans="1:10" x14ac:dyDescent="0.35">
      <c r="A830" t="s">
        <v>35</v>
      </c>
      <c r="B830" t="s">
        <v>42</v>
      </c>
      <c r="C830" t="s">
        <v>99</v>
      </c>
      <c r="D830" t="s">
        <v>100</v>
      </c>
      <c r="E830">
        <v>2021</v>
      </c>
      <c r="F830" s="3">
        <v>2021</v>
      </c>
      <c r="G830" t="s">
        <v>15</v>
      </c>
      <c r="H830" t="s">
        <v>14</v>
      </c>
      <c r="I830" t="s">
        <v>104</v>
      </c>
      <c r="J830" s="10">
        <v>9.1</v>
      </c>
    </row>
    <row r="831" spans="1:10" x14ac:dyDescent="0.35">
      <c r="A831" t="s">
        <v>35</v>
      </c>
      <c r="B831" t="s">
        <v>42</v>
      </c>
      <c r="C831" t="s">
        <v>99</v>
      </c>
      <c r="D831" t="s">
        <v>100</v>
      </c>
      <c r="E831">
        <v>2021</v>
      </c>
      <c r="F831" s="3">
        <v>2021</v>
      </c>
      <c r="G831" t="s">
        <v>15</v>
      </c>
      <c r="H831" t="s">
        <v>14</v>
      </c>
      <c r="I831" t="s">
        <v>105</v>
      </c>
      <c r="J831" s="10">
        <v>9.4</v>
      </c>
    </row>
    <row r="832" spans="1:10" x14ac:dyDescent="0.35">
      <c r="A832" t="s">
        <v>35</v>
      </c>
      <c r="B832" t="s">
        <v>42</v>
      </c>
      <c r="C832" t="s">
        <v>99</v>
      </c>
      <c r="D832" t="s">
        <v>100</v>
      </c>
      <c r="E832">
        <v>2021</v>
      </c>
      <c r="F832" s="3">
        <v>2021</v>
      </c>
      <c r="G832" t="s">
        <v>15</v>
      </c>
      <c r="H832" t="s">
        <v>14</v>
      </c>
      <c r="I832" t="s">
        <v>106</v>
      </c>
      <c r="J832" s="10">
        <v>4.5999999999999996</v>
      </c>
    </row>
    <row r="833" spans="1:10" x14ac:dyDescent="0.35">
      <c r="A833" t="s">
        <v>35</v>
      </c>
      <c r="B833" t="s">
        <v>42</v>
      </c>
      <c r="C833" t="s">
        <v>99</v>
      </c>
      <c r="D833" t="s">
        <v>100</v>
      </c>
      <c r="E833">
        <v>2021</v>
      </c>
      <c r="F833" s="3">
        <v>2021</v>
      </c>
      <c r="G833" t="s">
        <v>15</v>
      </c>
      <c r="H833" t="s">
        <v>14</v>
      </c>
      <c r="I833" t="s">
        <v>107</v>
      </c>
      <c r="J833" s="10">
        <v>1</v>
      </c>
    </row>
    <row r="834" spans="1:10" x14ac:dyDescent="0.35">
      <c r="A834" t="s">
        <v>35</v>
      </c>
      <c r="B834" t="s">
        <v>42</v>
      </c>
      <c r="C834" t="s">
        <v>99</v>
      </c>
      <c r="D834" t="s">
        <v>100</v>
      </c>
      <c r="E834">
        <v>2021</v>
      </c>
      <c r="F834" s="3">
        <v>2021</v>
      </c>
      <c r="G834" t="s">
        <v>15</v>
      </c>
      <c r="H834" t="s">
        <v>14</v>
      </c>
      <c r="I834" t="s">
        <v>108</v>
      </c>
      <c r="J834" s="10">
        <v>0</v>
      </c>
    </row>
    <row r="835" spans="1:10" x14ac:dyDescent="0.35">
      <c r="A835" t="s">
        <v>35</v>
      </c>
      <c r="B835" t="s">
        <v>43</v>
      </c>
      <c r="C835" t="s">
        <v>99</v>
      </c>
      <c r="D835" t="s">
        <v>100</v>
      </c>
      <c r="E835">
        <v>2021</v>
      </c>
      <c r="F835" s="3">
        <v>2021</v>
      </c>
      <c r="G835" t="s">
        <v>15</v>
      </c>
      <c r="H835" t="s">
        <v>14</v>
      </c>
      <c r="I835" t="s">
        <v>101</v>
      </c>
      <c r="J835" s="10">
        <v>7.5</v>
      </c>
    </row>
    <row r="836" spans="1:10" x14ac:dyDescent="0.35">
      <c r="A836" t="s">
        <v>35</v>
      </c>
      <c r="B836" t="s">
        <v>43</v>
      </c>
      <c r="C836" t="s">
        <v>99</v>
      </c>
      <c r="D836" t="s">
        <v>100</v>
      </c>
      <c r="E836">
        <v>2021</v>
      </c>
      <c r="F836" s="3">
        <v>2021</v>
      </c>
      <c r="G836" t="s">
        <v>15</v>
      </c>
      <c r="H836" t="s">
        <v>14</v>
      </c>
      <c r="I836" t="s">
        <v>102</v>
      </c>
      <c r="J836" s="10">
        <v>28.5</v>
      </c>
    </row>
    <row r="837" spans="1:10" x14ac:dyDescent="0.35">
      <c r="A837" t="s">
        <v>35</v>
      </c>
      <c r="B837" t="s">
        <v>43</v>
      </c>
      <c r="C837" t="s">
        <v>99</v>
      </c>
      <c r="D837" t="s">
        <v>100</v>
      </c>
      <c r="E837">
        <v>2021</v>
      </c>
      <c r="F837" s="3">
        <v>2021</v>
      </c>
      <c r="G837" t="s">
        <v>15</v>
      </c>
      <c r="H837" t="s">
        <v>14</v>
      </c>
      <c r="I837" t="s">
        <v>103</v>
      </c>
      <c r="J837" s="10">
        <v>20.5</v>
      </c>
    </row>
    <row r="838" spans="1:10" x14ac:dyDescent="0.35">
      <c r="A838" t="s">
        <v>35</v>
      </c>
      <c r="B838" t="s">
        <v>43</v>
      </c>
      <c r="C838" t="s">
        <v>99</v>
      </c>
      <c r="D838" t="s">
        <v>100</v>
      </c>
      <c r="E838">
        <v>2021</v>
      </c>
      <c r="F838" s="3">
        <v>2021</v>
      </c>
      <c r="G838" t="s">
        <v>15</v>
      </c>
      <c r="H838" t="s">
        <v>14</v>
      </c>
      <c r="I838" t="s">
        <v>104</v>
      </c>
      <c r="J838" s="10">
        <v>13.8</v>
      </c>
    </row>
    <row r="839" spans="1:10" x14ac:dyDescent="0.35">
      <c r="A839" t="s">
        <v>35</v>
      </c>
      <c r="B839" t="s">
        <v>43</v>
      </c>
      <c r="C839" t="s">
        <v>99</v>
      </c>
      <c r="D839" t="s">
        <v>100</v>
      </c>
      <c r="E839">
        <v>2021</v>
      </c>
      <c r="F839" s="3">
        <v>2021</v>
      </c>
      <c r="G839" t="s">
        <v>15</v>
      </c>
      <c r="H839" t="s">
        <v>14</v>
      </c>
      <c r="I839" t="s">
        <v>105</v>
      </c>
      <c r="J839" s="10">
        <v>14.9</v>
      </c>
    </row>
    <row r="840" spans="1:10" x14ac:dyDescent="0.35">
      <c r="A840" t="s">
        <v>35</v>
      </c>
      <c r="B840" t="s">
        <v>43</v>
      </c>
      <c r="C840" t="s">
        <v>99</v>
      </c>
      <c r="D840" t="s">
        <v>100</v>
      </c>
      <c r="E840">
        <v>2021</v>
      </c>
      <c r="F840" s="3">
        <v>2021</v>
      </c>
      <c r="G840" t="s">
        <v>15</v>
      </c>
      <c r="H840" t="s">
        <v>14</v>
      </c>
      <c r="I840" t="s">
        <v>106</v>
      </c>
      <c r="J840" s="10">
        <v>7.5</v>
      </c>
    </row>
    <row r="841" spans="1:10" x14ac:dyDescent="0.35">
      <c r="A841" t="s">
        <v>35</v>
      </c>
      <c r="B841" t="s">
        <v>43</v>
      </c>
      <c r="C841" t="s">
        <v>99</v>
      </c>
      <c r="D841" t="s">
        <v>100</v>
      </c>
      <c r="E841">
        <v>2021</v>
      </c>
      <c r="F841" s="3">
        <v>2021</v>
      </c>
      <c r="G841" t="s">
        <v>15</v>
      </c>
      <c r="H841" t="s">
        <v>14</v>
      </c>
      <c r="I841" t="s">
        <v>107</v>
      </c>
      <c r="J841" s="10">
        <v>6.6</v>
      </c>
    </row>
    <row r="842" spans="1:10" x14ac:dyDescent="0.35">
      <c r="A842" t="s">
        <v>35</v>
      </c>
      <c r="B842" t="s">
        <v>43</v>
      </c>
      <c r="C842" t="s">
        <v>99</v>
      </c>
      <c r="D842" t="s">
        <v>100</v>
      </c>
      <c r="E842">
        <v>2021</v>
      </c>
      <c r="F842" s="3">
        <v>2021</v>
      </c>
      <c r="G842" t="s">
        <v>15</v>
      </c>
      <c r="H842" t="s">
        <v>14</v>
      </c>
      <c r="I842" t="s">
        <v>108</v>
      </c>
      <c r="J842" s="10">
        <v>0.6</v>
      </c>
    </row>
    <row r="843" spans="1:10" x14ac:dyDescent="0.35">
      <c r="A843" t="s">
        <v>28</v>
      </c>
      <c r="B843" t="s">
        <v>44</v>
      </c>
      <c r="C843" t="s">
        <v>99</v>
      </c>
      <c r="D843" t="s">
        <v>100</v>
      </c>
      <c r="E843">
        <v>2021</v>
      </c>
      <c r="F843" s="3">
        <v>2021</v>
      </c>
      <c r="G843" t="s">
        <v>15</v>
      </c>
      <c r="H843" t="s">
        <v>14</v>
      </c>
      <c r="I843" t="s">
        <v>101</v>
      </c>
      <c r="J843" s="10">
        <v>13.9</v>
      </c>
    </row>
    <row r="844" spans="1:10" x14ac:dyDescent="0.35">
      <c r="A844" t="s">
        <v>28</v>
      </c>
      <c r="B844" t="s">
        <v>44</v>
      </c>
      <c r="C844" t="s">
        <v>99</v>
      </c>
      <c r="D844" t="s">
        <v>100</v>
      </c>
      <c r="E844">
        <v>2021</v>
      </c>
      <c r="F844" s="3">
        <v>2021</v>
      </c>
      <c r="G844" t="s">
        <v>15</v>
      </c>
      <c r="H844" t="s">
        <v>14</v>
      </c>
      <c r="I844" t="s">
        <v>102</v>
      </c>
      <c r="J844" s="10">
        <v>28.8</v>
      </c>
    </row>
    <row r="845" spans="1:10" x14ac:dyDescent="0.35">
      <c r="A845" t="s">
        <v>28</v>
      </c>
      <c r="B845" t="s">
        <v>44</v>
      </c>
      <c r="C845" t="s">
        <v>99</v>
      </c>
      <c r="D845" t="s">
        <v>100</v>
      </c>
      <c r="E845">
        <v>2021</v>
      </c>
      <c r="F845" s="3">
        <v>2021</v>
      </c>
      <c r="G845" t="s">
        <v>15</v>
      </c>
      <c r="H845" t="s">
        <v>14</v>
      </c>
      <c r="I845" t="s">
        <v>103</v>
      </c>
      <c r="J845" s="10">
        <v>17.399999999999999</v>
      </c>
    </row>
    <row r="846" spans="1:10" x14ac:dyDescent="0.35">
      <c r="A846" t="s">
        <v>28</v>
      </c>
      <c r="B846" t="s">
        <v>44</v>
      </c>
      <c r="C846" t="s">
        <v>99</v>
      </c>
      <c r="D846" t="s">
        <v>100</v>
      </c>
      <c r="E846">
        <v>2021</v>
      </c>
      <c r="F846" s="3">
        <v>2021</v>
      </c>
      <c r="G846" t="s">
        <v>15</v>
      </c>
      <c r="H846" t="s">
        <v>14</v>
      </c>
      <c r="I846" t="s">
        <v>104</v>
      </c>
      <c r="J846" s="10">
        <v>14.4</v>
      </c>
    </row>
    <row r="847" spans="1:10" x14ac:dyDescent="0.35">
      <c r="A847" t="s">
        <v>28</v>
      </c>
      <c r="B847" t="s">
        <v>44</v>
      </c>
      <c r="C847" t="s">
        <v>99</v>
      </c>
      <c r="D847" t="s">
        <v>100</v>
      </c>
      <c r="E847">
        <v>2021</v>
      </c>
      <c r="F847" s="3">
        <v>2021</v>
      </c>
      <c r="G847" t="s">
        <v>15</v>
      </c>
      <c r="H847" t="s">
        <v>14</v>
      </c>
      <c r="I847" t="s">
        <v>105</v>
      </c>
      <c r="J847" s="10">
        <v>14.5</v>
      </c>
    </row>
    <row r="848" spans="1:10" x14ac:dyDescent="0.35">
      <c r="A848" t="s">
        <v>28</v>
      </c>
      <c r="B848" t="s">
        <v>44</v>
      </c>
      <c r="C848" t="s">
        <v>99</v>
      </c>
      <c r="D848" t="s">
        <v>100</v>
      </c>
      <c r="E848">
        <v>2021</v>
      </c>
      <c r="F848" s="3">
        <v>2021</v>
      </c>
      <c r="G848" t="s">
        <v>15</v>
      </c>
      <c r="H848" t="s">
        <v>14</v>
      </c>
      <c r="I848" t="s">
        <v>106</v>
      </c>
      <c r="J848" s="10">
        <v>7.7</v>
      </c>
    </row>
    <row r="849" spans="1:10" x14ac:dyDescent="0.35">
      <c r="A849" t="s">
        <v>28</v>
      </c>
      <c r="B849" t="s">
        <v>44</v>
      </c>
      <c r="C849" t="s">
        <v>99</v>
      </c>
      <c r="D849" t="s">
        <v>100</v>
      </c>
      <c r="E849">
        <v>2021</v>
      </c>
      <c r="F849" s="3">
        <v>2021</v>
      </c>
      <c r="G849" t="s">
        <v>15</v>
      </c>
      <c r="H849" t="s">
        <v>14</v>
      </c>
      <c r="I849" t="s">
        <v>107</v>
      </c>
      <c r="J849" s="10">
        <v>3.2</v>
      </c>
    </row>
    <row r="850" spans="1:10" x14ac:dyDescent="0.35">
      <c r="A850" t="s">
        <v>28</v>
      </c>
      <c r="B850" t="s">
        <v>44</v>
      </c>
      <c r="C850" t="s">
        <v>99</v>
      </c>
      <c r="D850" t="s">
        <v>100</v>
      </c>
      <c r="E850">
        <v>2021</v>
      </c>
      <c r="F850" s="3">
        <v>2021</v>
      </c>
      <c r="G850" t="s">
        <v>15</v>
      </c>
      <c r="H850" t="s">
        <v>14</v>
      </c>
      <c r="I850" t="s">
        <v>108</v>
      </c>
      <c r="J850" s="10">
        <v>0.2</v>
      </c>
    </row>
    <row r="851" spans="1:10" x14ac:dyDescent="0.35">
      <c r="A851" t="s">
        <v>10</v>
      </c>
      <c r="B851" t="s">
        <v>45</v>
      </c>
      <c r="C851" t="s">
        <v>99</v>
      </c>
      <c r="D851" t="s">
        <v>100</v>
      </c>
      <c r="E851">
        <v>2021</v>
      </c>
      <c r="F851" s="3">
        <v>2021</v>
      </c>
      <c r="G851" t="s">
        <v>15</v>
      </c>
      <c r="H851" t="s">
        <v>14</v>
      </c>
      <c r="I851" t="s">
        <v>101</v>
      </c>
      <c r="J851" s="10">
        <v>36.700000000000003</v>
      </c>
    </row>
    <row r="852" spans="1:10" x14ac:dyDescent="0.35">
      <c r="A852" t="s">
        <v>10</v>
      </c>
      <c r="B852" t="s">
        <v>45</v>
      </c>
      <c r="C852" t="s">
        <v>99</v>
      </c>
      <c r="D852" t="s">
        <v>100</v>
      </c>
      <c r="E852">
        <v>2021</v>
      </c>
      <c r="F852" s="3">
        <v>2021</v>
      </c>
      <c r="G852" t="s">
        <v>15</v>
      </c>
      <c r="H852" t="s">
        <v>14</v>
      </c>
      <c r="I852" t="s">
        <v>102</v>
      </c>
      <c r="J852" s="10">
        <v>22.7</v>
      </c>
    </row>
    <row r="853" spans="1:10" x14ac:dyDescent="0.35">
      <c r="A853" t="s">
        <v>10</v>
      </c>
      <c r="B853" t="s">
        <v>45</v>
      </c>
      <c r="C853" t="s">
        <v>99</v>
      </c>
      <c r="D853" t="s">
        <v>100</v>
      </c>
      <c r="E853">
        <v>2021</v>
      </c>
      <c r="F853" s="3">
        <v>2021</v>
      </c>
      <c r="G853" t="s">
        <v>15</v>
      </c>
      <c r="H853" t="s">
        <v>14</v>
      </c>
      <c r="I853" t="s">
        <v>103</v>
      </c>
      <c r="J853" s="10">
        <v>12</v>
      </c>
    </row>
    <row r="854" spans="1:10" x14ac:dyDescent="0.35">
      <c r="A854" t="s">
        <v>10</v>
      </c>
      <c r="B854" t="s">
        <v>45</v>
      </c>
      <c r="C854" t="s">
        <v>99</v>
      </c>
      <c r="D854" t="s">
        <v>100</v>
      </c>
      <c r="E854">
        <v>2021</v>
      </c>
      <c r="F854" s="3">
        <v>2021</v>
      </c>
      <c r="G854" t="s">
        <v>15</v>
      </c>
      <c r="H854" t="s">
        <v>14</v>
      </c>
      <c r="I854" t="s">
        <v>104</v>
      </c>
      <c r="J854" s="10">
        <v>12.4</v>
      </c>
    </row>
    <row r="855" spans="1:10" x14ac:dyDescent="0.35">
      <c r="A855" t="s">
        <v>10</v>
      </c>
      <c r="B855" t="s">
        <v>45</v>
      </c>
      <c r="C855" t="s">
        <v>99</v>
      </c>
      <c r="D855" t="s">
        <v>100</v>
      </c>
      <c r="E855">
        <v>2021</v>
      </c>
      <c r="F855" s="3">
        <v>2021</v>
      </c>
      <c r="G855" t="s">
        <v>15</v>
      </c>
      <c r="H855" t="s">
        <v>14</v>
      </c>
      <c r="I855" t="s">
        <v>105</v>
      </c>
      <c r="J855" s="10">
        <v>9.9</v>
      </c>
    </row>
    <row r="856" spans="1:10" x14ac:dyDescent="0.35">
      <c r="A856" t="s">
        <v>10</v>
      </c>
      <c r="B856" t="s">
        <v>45</v>
      </c>
      <c r="C856" t="s">
        <v>99</v>
      </c>
      <c r="D856" t="s">
        <v>100</v>
      </c>
      <c r="E856">
        <v>2021</v>
      </c>
      <c r="F856" s="3">
        <v>2021</v>
      </c>
      <c r="G856" t="s">
        <v>15</v>
      </c>
      <c r="H856" t="s">
        <v>14</v>
      </c>
      <c r="I856" t="s">
        <v>106</v>
      </c>
      <c r="J856" s="10">
        <v>4.2</v>
      </c>
    </row>
    <row r="857" spans="1:10" x14ac:dyDescent="0.35">
      <c r="A857" t="s">
        <v>10</v>
      </c>
      <c r="B857" t="s">
        <v>45</v>
      </c>
      <c r="C857" t="s">
        <v>99</v>
      </c>
      <c r="D857" t="s">
        <v>100</v>
      </c>
      <c r="E857">
        <v>2021</v>
      </c>
      <c r="F857" s="3">
        <v>2021</v>
      </c>
      <c r="G857" t="s">
        <v>15</v>
      </c>
      <c r="H857" t="s">
        <v>14</v>
      </c>
      <c r="I857" t="s">
        <v>107</v>
      </c>
      <c r="J857" s="10">
        <v>2</v>
      </c>
    </row>
    <row r="858" spans="1:10" x14ac:dyDescent="0.35">
      <c r="A858" t="s">
        <v>10</v>
      </c>
      <c r="B858" t="s">
        <v>45</v>
      </c>
      <c r="C858" t="s">
        <v>99</v>
      </c>
      <c r="D858" t="s">
        <v>100</v>
      </c>
      <c r="E858">
        <v>2021</v>
      </c>
      <c r="F858" s="3">
        <v>2021</v>
      </c>
      <c r="G858" t="s">
        <v>15</v>
      </c>
      <c r="H858" t="s">
        <v>14</v>
      </c>
      <c r="I858" t="s">
        <v>108</v>
      </c>
      <c r="J858" s="10">
        <v>0.1</v>
      </c>
    </row>
    <row r="859" spans="1:10" x14ac:dyDescent="0.35">
      <c r="A859" t="s">
        <v>10</v>
      </c>
      <c r="B859" t="s">
        <v>46</v>
      </c>
      <c r="C859" t="s">
        <v>99</v>
      </c>
      <c r="D859" t="s">
        <v>100</v>
      </c>
      <c r="E859">
        <v>2021</v>
      </c>
      <c r="F859" s="3">
        <v>2021</v>
      </c>
      <c r="G859" t="s">
        <v>15</v>
      </c>
      <c r="H859" t="s">
        <v>14</v>
      </c>
      <c r="I859" t="s">
        <v>101</v>
      </c>
      <c r="J859" s="10">
        <v>37.5</v>
      </c>
    </row>
    <row r="860" spans="1:10" x14ac:dyDescent="0.35">
      <c r="A860" t="s">
        <v>10</v>
      </c>
      <c r="B860" t="s">
        <v>46</v>
      </c>
      <c r="C860" t="s">
        <v>99</v>
      </c>
      <c r="D860" t="s">
        <v>100</v>
      </c>
      <c r="E860">
        <v>2021</v>
      </c>
      <c r="F860" s="3">
        <v>2021</v>
      </c>
      <c r="G860" t="s">
        <v>15</v>
      </c>
      <c r="H860" t="s">
        <v>14</v>
      </c>
      <c r="I860" t="s">
        <v>102</v>
      </c>
      <c r="J860" s="10">
        <v>22.9</v>
      </c>
    </row>
    <row r="861" spans="1:10" x14ac:dyDescent="0.35">
      <c r="A861" t="s">
        <v>10</v>
      </c>
      <c r="B861" t="s">
        <v>46</v>
      </c>
      <c r="C861" t="s">
        <v>99</v>
      </c>
      <c r="D861" t="s">
        <v>100</v>
      </c>
      <c r="E861">
        <v>2021</v>
      </c>
      <c r="F861" s="3">
        <v>2021</v>
      </c>
      <c r="G861" t="s">
        <v>15</v>
      </c>
      <c r="H861" t="s">
        <v>14</v>
      </c>
      <c r="I861" t="s">
        <v>103</v>
      </c>
      <c r="J861" s="10">
        <v>13.6</v>
      </c>
    </row>
    <row r="862" spans="1:10" x14ac:dyDescent="0.35">
      <c r="A862" t="s">
        <v>10</v>
      </c>
      <c r="B862" t="s">
        <v>46</v>
      </c>
      <c r="C862" t="s">
        <v>99</v>
      </c>
      <c r="D862" t="s">
        <v>100</v>
      </c>
      <c r="E862">
        <v>2021</v>
      </c>
      <c r="F862" s="3">
        <v>2021</v>
      </c>
      <c r="G862" t="s">
        <v>15</v>
      </c>
      <c r="H862" t="s">
        <v>14</v>
      </c>
      <c r="I862" t="s">
        <v>104</v>
      </c>
      <c r="J862" s="10">
        <v>12.6</v>
      </c>
    </row>
    <row r="863" spans="1:10" x14ac:dyDescent="0.35">
      <c r="A863" t="s">
        <v>10</v>
      </c>
      <c r="B863" t="s">
        <v>46</v>
      </c>
      <c r="C863" t="s">
        <v>99</v>
      </c>
      <c r="D863" t="s">
        <v>100</v>
      </c>
      <c r="E863">
        <v>2021</v>
      </c>
      <c r="F863" s="3">
        <v>2021</v>
      </c>
      <c r="G863" t="s">
        <v>15</v>
      </c>
      <c r="H863" t="s">
        <v>14</v>
      </c>
      <c r="I863" t="s">
        <v>105</v>
      </c>
      <c r="J863" s="10">
        <v>10.1</v>
      </c>
    </row>
    <row r="864" spans="1:10" x14ac:dyDescent="0.35">
      <c r="A864" t="s">
        <v>10</v>
      </c>
      <c r="B864" t="s">
        <v>46</v>
      </c>
      <c r="C864" t="s">
        <v>99</v>
      </c>
      <c r="D864" t="s">
        <v>100</v>
      </c>
      <c r="E864">
        <v>2021</v>
      </c>
      <c r="F864" s="3">
        <v>2021</v>
      </c>
      <c r="G864" t="s">
        <v>15</v>
      </c>
      <c r="H864" t="s">
        <v>14</v>
      </c>
      <c r="I864" t="s">
        <v>106</v>
      </c>
      <c r="J864" s="10">
        <v>2.2999999999999998</v>
      </c>
    </row>
    <row r="865" spans="1:10" x14ac:dyDescent="0.35">
      <c r="A865" t="s">
        <v>10</v>
      </c>
      <c r="B865" t="s">
        <v>46</v>
      </c>
      <c r="C865" t="s">
        <v>99</v>
      </c>
      <c r="D865" t="s">
        <v>100</v>
      </c>
      <c r="E865">
        <v>2021</v>
      </c>
      <c r="F865" s="3">
        <v>2021</v>
      </c>
      <c r="G865" t="s">
        <v>15</v>
      </c>
      <c r="H865" t="s">
        <v>14</v>
      </c>
      <c r="I865" t="s">
        <v>107</v>
      </c>
      <c r="J865" s="10">
        <v>0.9</v>
      </c>
    </row>
    <row r="866" spans="1:10" x14ac:dyDescent="0.35">
      <c r="A866" t="s">
        <v>10</v>
      </c>
      <c r="B866" t="s">
        <v>46</v>
      </c>
      <c r="C866" t="s">
        <v>99</v>
      </c>
      <c r="D866" t="s">
        <v>100</v>
      </c>
      <c r="E866">
        <v>2021</v>
      </c>
      <c r="F866" s="3">
        <v>2021</v>
      </c>
      <c r="G866" t="s">
        <v>15</v>
      </c>
      <c r="H866" t="s">
        <v>14</v>
      </c>
      <c r="I866" t="s">
        <v>108</v>
      </c>
      <c r="J866" s="10">
        <v>0</v>
      </c>
    </row>
    <row r="867" spans="1:10" x14ac:dyDescent="0.35">
      <c r="A867" t="s">
        <v>33</v>
      </c>
      <c r="B867" t="s">
        <v>47</v>
      </c>
      <c r="C867" t="s">
        <v>99</v>
      </c>
      <c r="D867" t="s">
        <v>100</v>
      </c>
      <c r="E867">
        <v>2021</v>
      </c>
      <c r="F867" s="3">
        <v>2021</v>
      </c>
      <c r="G867" t="s">
        <v>15</v>
      </c>
      <c r="H867" t="s">
        <v>14</v>
      </c>
      <c r="I867" t="s">
        <v>101</v>
      </c>
      <c r="J867" s="10">
        <v>15.4</v>
      </c>
    </row>
    <row r="868" spans="1:10" x14ac:dyDescent="0.35">
      <c r="A868" t="s">
        <v>33</v>
      </c>
      <c r="B868" t="s">
        <v>47</v>
      </c>
      <c r="C868" t="s">
        <v>99</v>
      </c>
      <c r="D868" t="s">
        <v>100</v>
      </c>
      <c r="E868">
        <v>2021</v>
      </c>
      <c r="F868" s="3">
        <v>2021</v>
      </c>
      <c r="G868" t="s">
        <v>15</v>
      </c>
      <c r="H868" t="s">
        <v>14</v>
      </c>
      <c r="I868" t="s">
        <v>102</v>
      </c>
      <c r="J868" s="10">
        <v>22</v>
      </c>
    </row>
    <row r="869" spans="1:10" x14ac:dyDescent="0.35">
      <c r="A869" t="s">
        <v>33</v>
      </c>
      <c r="B869" t="s">
        <v>47</v>
      </c>
      <c r="C869" t="s">
        <v>99</v>
      </c>
      <c r="D869" t="s">
        <v>100</v>
      </c>
      <c r="E869">
        <v>2021</v>
      </c>
      <c r="F869" s="3">
        <v>2021</v>
      </c>
      <c r="G869" t="s">
        <v>15</v>
      </c>
      <c r="H869" t="s">
        <v>14</v>
      </c>
      <c r="I869" t="s">
        <v>103</v>
      </c>
      <c r="J869" s="10">
        <v>13.9</v>
      </c>
    </row>
    <row r="870" spans="1:10" x14ac:dyDescent="0.35">
      <c r="A870" t="s">
        <v>33</v>
      </c>
      <c r="B870" t="s">
        <v>47</v>
      </c>
      <c r="C870" t="s">
        <v>99</v>
      </c>
      <c r="D870" t="s">
        <v>100</v>
      </c>
      <c r="E870">
        <v>2021</v>
      </c>
      <c r="F870" s="3">
        <v>2021</v>
      </c>
      <c r="G870" t="s">
        <v>15</v>
      </c>
      <c r="H870" t="s">
        <v>14</v>
      </c>
      <c r="I870" t="s">
        <v>104</v>
      </c>
      <c r="J870" s="10">
        <v>13.6</v>
      </c>
    </row>
    <row r="871" spans="1:10" x14ac:dyDescent="0.35">
      <c r="A871" t="s">
        <v>33</v>
      </c>
      <c r="B871" t="s">
        <v>47</v>
      </c>
      <c r="C871" t="s">
        <v>99</v>
      </c>
      <c r="D871" t="s">
        <v>100</v>
      </c>
      <c r="E871">
        <v>2021</v>
      </c>
      <c r="F871" s="3">
        <v>2021</v>
      </c>
      <c r="G871" t="s">
        <v>15</v>
      </c>
      <c r="H871" t="s">
        <v>14</v>
      </c>
      <c r="I871" t="s">
        <v>105</v>
      </c>
      <c r="J871" s="10">
        <v>17.600000000000001</v>
      </c>
    </row>
    <row r="872" spans="1:10" x14ac:dyDescent="0.35">
      <c r="A872" t="s">
        <v>33</v>
      </c>
      <c r="B872" t="s">
        <v>47</v>
      </c>
      <c r="C872" t="s">
        <v>99</v>
      </c>
      <c r="D872" t="s">
        <v>100</v>
      </c>
      <c r="E872">
        <v>2021</v>
      </c>
      <c r="F872" s="3">
        <v>2021</v>
      </c>
      <c r="G872" t="s">
        <v>15</v>
      </c>
      <c r="H872" t="s">
        <v>14</v>
      </c>
      <c r="I872" t="s">
        <v>106</v>
      </c>
      <c r="J872" s="10">
        <v>11.9</v>
      </c>
    </row>
    <row r="873" spans="1:10" x14ac:dyDescent="0.35">
      <c r="A873" t="s">
        <v>33</v>
      </c>
      <c r="B873" t="s">
        <v>47</v>
      </c>
      <c r="C873" t="s">
        <v>99</v>
      </c>
      <c r="D873" t="s">
        <v>100</v>
      </c>
      <c r="E873">
        <v>2021</v>
      </c>
      <c r="F873" s="3">
        <v>2021</v>
      </c>
      <c r="G873" t="s">
        <v>15</v>
      </c>
      <c r="H873" t="s">
        <v>14</v>
      </c>
      <c r="I873" t="s">
        <v>107</v>
      </c>
      <c r="J873" s="10">
        <v>5.6</v>
      </c>
    </row>
    <row r="874" spans="1:10" x14ac:dyDescent="0.35">
      <c r="A874" t="s">
        <v>33</v>
      </c>
      <c r="B874" t="s">
        <v>47</v>
      </c>
      <c r="C874" t="s">
        <v>99</v>
      </c>
      <c r="D874" t="s">
        <v>100</v>
      </c>
      <c r="E874">
        <v>2021</v>
      </c>
      <c r="F874" s="3">
        <v>2021</v>
      </c>
      <c r="G874" t="s">
        <v>15</v>
      </c>
      <c r="H874" t="s">
        <v>14</v>
      </c>
      <c r="I874" t="s">
        <v>108</v>
      </c>
      <c r="J874" s="10">
        <v>0.1</v>
      </c>
    </row>
    <row r="875" spans="1:10" x14ac:dyDescent="0.35">
      <c r="A875" t="s">
        <v>20</v>
      </c>
      <c r="B875" t="s">
        <v>48</v>
      </c>
      <c r="C875" t="s">
        <v>99</v>
      </c>
      <c r="D875" t="s">
        <v>100</v>
      </c>
      <c r="E875">
        <v>2021</v>
      </c>
      <c r="F875" s="3">
        <v>2021</v>
      </c>
      <c r="G875" t="s">
        <v>15</v>
      </c>
      <c r="H875" t="s">
        <v>14</v>
      </c>
      <c r="I875" t="s">
        <v>101</v>
      </c>
      <c r="J875" s="10">
        <v>5.9</v>
      </c>
    </row>
    <row r="876" spans="1:10" x14ac:dyDescent="0.35">
      <c r="A876" t="s">
        <v>20</v>
      </c>
      <c r="B876" t="s">
        <v>48</v>
      </c>
      <c r="C876" t="s">
        <v>99</v>
      </c>
      <c r="D876" t="s">
        <v>100</v>
      </c>
      <c r="E876">
        <v>2021</v>
      </c>
      <c r="F876" s="3">
        <v>2021</v>
      </c>
      <c r="G876" t="s">
        <v>15</v>
      </c>
      <c r="H876" t="s">
        <v>14</v>
      </c>
      <c r="I876" t="s">
        <v>102</v>
      </c>
      <c r="J876" s="10">
        <v>26.3</v>
      </c>
    </row>
    <row r="877" spans="1:10" x14ac:dyDescent="0.35">
      <c r="A877" t="s">
        <v>20</v>
      </c>
      <c r="B877" t="s">
        <v>48</v>
      </c>
      <c r="C877" t="s">
        <v>99</v>
      </c>
      <c r="D877" t="s">
        <v>100</v>
      </c>
      <c r="E877">
        <v>2021</v>
      </c>
      <c r="F877" s="3">
        <v>2021</v>
      </c>
      <c r="G877" t="s">
        <v>15</v>
      </c>
      <c r="H877" t="s">
        <v>14</v>
      </c>
      <c r="I877" t="s">
        <v>103</v>
      </c>
      <c r="J877" s="10">
        <v>27.8</v>
      </c>
    </row>
    <row r="878" spans="1:10" x14ac:dyDescent="0.35">
      <c r="A878" t="s">
        <v>20</v>
      </c>
      <c r="B878" t="s">
        <v>48</v>
      </c>
      <c r="C878" t="s">
        <v>99</v>
      </c>
      <c r="D878" t="s">
        <v>100</v>
      </c>
      <c r="E878">
        <v>2021</v>
      </c>
      <c r="F878" s="3">
        <v>2021</v>
      </c>
      <c r="G878" t="s">
        <v>15</v>
      </c>
      <c r="H878" t="s">
        <v>14</v>
      </c>
      <c r="I878" t="s">
        <v>104</v>
      </c>
      <c r="J878" s="10">
        <v>15.6</v>
      </c>
    </row>
    <row r="879" spans="1:10" x14ac:dyDescent="0.35">
      <c r="A879" t="s">
        <v>20</v>
      </c>
      <c r="B879" t="s">
        <v>48</v>
      </c>
      <c r="C879" t="s">
        <v>99</v>
      </c>
      <c r="D879" t="s">
        <v>100</v>
      </c>
      <c r="E879">
        <v>2021</v>
      </c>
      <c r="F879" s="3">
        <v>2021</v>
      </c>
      <c r="G879" t="s">
        <v>15</v>
      </c>
      <c r="H879" t="s">
        <v>14</v>
      </c>
      <c r="I879" t="s">
        <v>105</v>
      </c>
      <c r="J879" s="10">
        <v>10.1</v>
      </c>
    </row>
    <row r="880" spans="1:10" x14ac:dyDescent="0.35">
      <c r="A880" t="s">
        <v>20</v>
      </c>
      <c r="B880" t="s">
        <v>48</v>
      </c>
      <c r="C880" t="s">
        <v>99</v>
      </c>
      <c r="D880" t="s">
        <v>100</v>
      </c>
      <c r="E880">
        <v>2021</v>
      </c>
      <c r="F880" s="3">
        <v>2021</v>
      </c>
      <c r="G880" t="s">
        <v>15</v>
      </c>
      <c r="H880" t="s">
        <v>14</v>
      </c>
      <c r="I880" t="s">
        <v>106</v>
      </c>
      <c r="J880" s="10">
        <v>9.1</v>
      </c>
    </row>
    <row r="881" spans="1:10" x14ac:dyDescent="0.35">
      <c r="A881" t="s">
        <v>20</v>
      </c>
      <c r="B881" t="s">
        <v>48</v>
      </c>
      <c r="C881" t="s">
        <v>99</v>
      </c>
      <c r="D881" t="s">
        <v>100</v>
      </c>
      <c r="E881">
        <v>2021</v>
      </c>
      <c r="F881" s="3">
        <v>2021</v>
      </c>
      <c r="G881" t="s">
        <v>15</v>
      </c>
      <c r="H881" t="s">
        <v>14</v>
      </c>
      <c r="I881" t="s">
        <v>107</v>
      </c>
      <c r="J881" s="10">
        <v>4.7</v>
      </c>
    </row>
    <row r="882" spans="1:10" x14ac:dyDescent="0.35">
      <c r="A882" t="s">
        <v>20</v>
      </c>
      <c r="B882" t="s">
        <v>48</v>
      </c>
      <c r="C882" t="s">
        <v>99</v>
      </c>
      <c r="D882" t="s">
        <v>100</v>
      </c>
      <c r="E882">
        <v>2021</v>
      </c>
      <c r="F882" s="3">
        <v>2021</v>
      </c>
      <c r="G882" t="s">
        <v>15</v>
      </c>
      <c r="H882" t="s">
        <v>14</v>
      </c>
      <c r="I882" t="s">
        <v>108</v>
      </c>
      <c r="J882" s="10">
        <v>0.5</v>
      </c>
    </row>
    <row r="883" spans="1:10" x14ac:dyDescent="0.35">
      <c r="A883" t="s">
        <v>28</v>
      </c>
      <c r="B883" t="s">
        <v>49</v>
      </c>
      <c r="C883" t="s">
        <v>99</v>
      </c>
      <c r="D883" t="s">
        <v>100</v>
      </c>
      <c r="E883">
        <v>2021</v>
      </c>
      <c r="F883" s="3">
        <v>2021</v>
      </c>
      <c r="G883" t="s">
        <v>15</v>
      </c>
      <c r="H883" t="s">
        <v>14</v>
      </c>
      <c r="I883" t="s">
        <v>101</v>
      </c>
      <c r="J883" s="10">
        <v>2.1</v>
      </c>
    </row>
    <row r="884" spans="1:10" x14ac:dyDescent="0.35">
      <c r="A884" t="s">
        <v>28</v>
      </c>
      <c r="B884" t="s">
        <v>49</v>
      </c>
      <c r="C884" t="s">
        <v>99</v>
      </c>
      <c r="D884" t="s">
        <v>100</v>
      </c>
      <c r="E884">
        <v>2021</v>
      </c>
      <c r="F884" s="3">
        <v>2021</v>
      </c>
      <c r="G884" t="s">
        <v>15</v>
      </c>
      <c r="H884" t="s">
        <v>14</v>
      </c>
      <c r="I884" t="s">
        <v>102</v>
      </c>
      <c r="J884" s="10">
        <v>15.8</v>
      </c>
    </row>
    <row r="885" spans="1:10" x14ac:dyDescent="0.35">
      <c r="A885" t="s">
        <v>28</v>
      </c>
      <c r="B885" t="s">
        <v>49</v>
      </c>
      <c r="C885" t="s">
        <v>99</v>
      </c>
      <c r="D885" t="s">
        <v>100</v>
      </c>
      <c r="E885">
        <v>2021</v>
      </c>
      <c r="F885" s="3">
        <v>2021</v>
      </c>
      <c r="G885" t="s">
        <v>15</v>
      </c>
      <c r="H885" t="s">
        <v>14</v>
      </c>
      <c r="I885" t="s">
        <v>103</v>
      </c>
      <c r="J885" s="10">
        <v>29.5</v>
      </c>
    </row>
    <row r="886" spans="1:10" x14ac:dyDescent="0.35">
      <c r="A886" t="s">
        <v>28</v>
      </c>
      <c r="B886" t="s">
        <v>49</v>
      </c>
      <c r="C886" t="s">
        <v>99</v>
      </c>
      <c r="D886" t="s">
        <v>100</v>
      </c>
      <c r="E886">
        <v>2021</v>
      </c>
      <c r="F886" s="3">
        <v>2021</v>
      </c>
      <c r="G886" t="s">
        <v>15</v>
      </c>
      <c r="H886" t="s">
        <v>14</v>
      </c>
      <c r="I886" t="s">
        <v>104</v>
      </c>
      <c r="J886" s="10">
        <v>12.9</v>
      </c>
    </row>
    <row r="887" spans="1:10" x14ac:dyDescent="0.35">
      <c r="A887" t="s">
        <v>28</v>
      </c>
      <c r="B887" t="s">
        <v>49</v>
      </c>
      <c r="C887" t="s">
        <v>99</v>
      </c>
      <c r="D887" t="s">
        <v>100</v>
      </c>
      <c r="E887">
        <v>2021</v>
      </c>
      <c r="F887" s="3">
        <v>2021</v>
      </c>
      <c r="G887" t="s">
        <v>15</v>
      </c>
      <c r="H887" t="s">
        <v>14</v>
      </c>
      <c r="I887" t="s">
        <v>105</v>
      </c>
      <c r="J887" s="10">
        <v>13.5</v>
      </c>
    </row>
    <row r="888" spans="1:10" x14ac:dyDescent="0.35">
      <c r="A888" t="s">
        <v>28</v>
      </c>
      <c r="B888" t="s">
        <v>49</v>
      </c>
      <c r="C888" t="s">
        <v>99</v>
      </c>
      <c r="D888" t="s">
        <v>100</v>
      </c>
      <c r="E888">
        <v>2021</v>
      </c>
      <c r="F888" s="3">
        <v>2021</v>
      </c>
      <c r="G888" t="s">
        <v>15</v>
      </c>
      <c r="H888" t="s">
        <v>14</v>
      </c>
      <c r="I888" t="s">
        <v>106</v>
      </c>
      <c r="J888" s="10">
        <v>12.5</v>
      </c>
    </row>
    <row r="889" spans="1:10" x14ac:dyDescent="0.35">
      <c r="A889" t="s">
        <v>28</v>
      </c>
      <c r="B889" t="s">
        <v>49</v>
      </c>
      <c r="C889" t="s">
        <v>99</v>
      </c>
      <c r="D889" t="s">
        <v>100</v>
      </c>
      <c r="E889">
        <v>2021</v>
      </c>
      <c r="F889" s="3">
        <v>2021</v>
      </c>
      <c r="G889" t="s">
        <v>15</v>
      </c>
      <c r="H889" t="s">
        <v>14</v>
      </c>
      <c r="I889" t="s">
        <v>107</v>
      </c>
      <c r="J889" s="10">
        <v>12.1</v>
      </c>
    </row>
    <row r="890" spans="1:10" x14ac:dyDescent="0.35">
      <c r="A890" t="s">
        <v>28</v>
      </c>
      <c r="B890" t="s">
        <v>49</v>
      </c>
      <c r="C890" t="s">
        <v>99</v>
      </c>
      <c r="D890" t="s">
        <v>100</v>
      </c>
      <c r="E890">
        <v>2021</v>
      </c>
      <c r="F890" s="3">
        <v>2021</v>
      </c>
      <c r="G890" t="s">
        <v>15</v>
      </c>
      <c r="H890" t="s">
        <v>14</v>
      </c>
      <c r="I890" t="s">
        <v>108</v>
      </c>
      <c r="J890" s="10">
        <v>1.6</v>
      </c>
    </row>
    <row r="891" spans="1:10" x14ac:dyDescent="0.35">
      <c r="A891" t="s">
        <v>35</v>
      </c>
      <c r="B891" t="s">
        <v>50</v>
      </c>
      <c r="C891" t="s">
        <v>99</v>
      </c>
      <c r="D891" t="s">
        <v>100</v>
      </c>
      <c r="E891">
        <v>2021</v>
      </c>
      <c r="F891" s="3">
        <v>2021</v>
      </c>
      <c r="G891" t="s">
        <v>15</v>
      </c>
      <c r="H891" t="s">
        <v>14</v>
      </c>
      <c r="I891" t="s">
        <v>101</v>
      </c>
      <c r="J891" s="10">
        <v>1</v>
      </c>
    </row>
    <row r="892" spans="1:10" x14ac:dyDescent="0.35">
      <c r="A892" t="s">
        <v>35</v>
      </c>
      <c r="B892" t="s">
        <v>50</v>
      </c>
      <c r="C892" t="s">
        <v>99</v>
      </c>
      <c r="D892" t="s">
        <v>100</v>
      </c>
      <c r="E892">
        <v>2021</v>
      </c>
      <c r="F892" s="3">
        <v>2021</v>
      </c>
      <c r="G892" t="s">
        <v>15</v>
      </c>
      <c r="H892" t="s">
        <v>14</v>
      </c>
      <c r="I892" t="s">
        <v>102</v>
      </c>
      <c r="J892" s="10">
        <v>5.8</v>
      </c>
    </row>
    <row r="893" spans="1:10" x14ac:dyDescent="0.35">
      <c r="A893" t="s">
        <v>35</v>
      </c>
      <c r="B893" t="s">
        <v>50</v>
      </c>
      <c r="C893" t="s">
        <v>99</v>
      </c>
      <c r="D893" t="s">
        <v>100</v>
      </c>
      <c r="E893">
        <v>2021</v>
      </c>
      <c r="F893" s="3">
        <v>2021</v>
      </c>
      <c r="G893" t="s">
        <v>15</v>
      </c>
      <c r="H893" t="s">
        <v>14</v>
      </c>
      <c r="I893" t="s">
        <v>103</v>
      </c>
      <c r="J893" s="10">
        <v>7.5</v>
      </c>
    </row>
    <row r="894" spans="1:10" x14ac:dyDescent="0.35">
      <c r="A894" t="s">
        <v>35</v>
      </c>
      <c r="B894" t="s">
        <v>50</v>
      </c>
      <c r="C894" t="s">
        <v>99</v>
      </c>
      <c r="D894" t="s">
        <v>100</v>
      </c>
      <c r="E894">
        <v>2021</v>
      </c>
      <c r="F894" s="3">
        <v>2021</v>
      </c>
      <c r="G894" t="s">
        <v>15</v>
      </c>
      <c r="H894" t="s">
        <v>14</v>
      </c>
      <c r="I894" t="s">
        <v>104</v>
      </c>
      <c r="J894" s="10">
        <v>16.899999999999999</v>
      </c>
    </row>
    <row r="895" spans="1:10" x14ac:dyDescent="0.35">
      <c r="A895" t="s">
        <v>35</v>
      </c>
      <c r="B895" t="s">
        <v>50</v>
      </c>
      <c r="C895" t="s">
        <v>99</v>
      </c>
      <c r="D895" t="s">
        <v>100</v>
      </c>
      <c r="E895">
        <v>2021</v>
      </c>
      <c r="F895" s="3">
        <v>2021</v>
      </c>
      <c r="G895" t="s">
        <v>15</v>
      </c>
      <c r="H895" t="s">
        <v>14</v>
      </c>
      <c r="I895" t="s">
        <v>105</v>
      </c>
      <c r="J895" s="10">
        <v>24.2</v>
      </c>
    </row>
    <row r="896" spans="1:10" x14ac:dyDescent="0.35">
      <c r="A896" t="s">
        <v>35</v>
      </c>
      <c r="B896" t="s">
        <v>50</v>
      </c>
      <c r="C896" t="s">
        <v>99</v>
      </c>
      <c r="D896" t="s">
        <v>100</v>
      </c>
      <c r="E896">
        <v>2021</v>
      </c>
      <c r="F896" s="3">
        <v>2021</v>
      </c>
      <c r="G896" t="s">
        <v>15</v>
      </c>
      <c r="H896" t="s">
        <v>14</v>
      </c>
      <c r="I896" t="s">
        <v>106</v>
      </c>
      <c r="J896" s="10">
        <v>19.399999999999999</v>
      </c>
    </row>
    <row r="897" spans="1:10" x14ac:dyDescent="0.35">
      <c r="A897" t="s">
        <v>35</v>
      </c>
      <c r="B897" t="s">
        <v>50</v>
      </c>
      <c r="C897" t="s">
        <v>99</v>
      </c>
      <c r="D897" t="s">
        <v>100</v>
      </c>
      <c r="E897">
        <v>2021</v>
      </c>
      <c r="F897" s="3">
        <v>2021</v>
      </c>
      <c r="G897" t="s">
        <v>15</v>
      </c>
      <c r="H897" t="s">
        <v>14</v>
      </c>
      <c r="I897" t="s">
        <v>107</v>
      </c>
      <c r="J897" s="10">
        <v>22.8</v>
      </c>
    </row>
    <row r="898" spans="1:10" x14ac:dyDescent="0.35">
      <c r="A898" t="s">
        <v>35</v>
      </c>
      <c r="B898" t="s">
        <v>50</v>
      </c>
      <c r="C898" t="s">
        <v>99</v>
      </c>
      <c r="D898" t="s">
        <v>100</v>
      </c>
      <c r="E898">
        <v>2021</v>
      </c>
      <c r="F898" s="3">
        <v>2021</v>
      </c>
      <c r="G898" t="s">
        <v>15</v>
      </c>
      <c r="H898" t="s">
        <v>14</v>
      </c>
      <c r="I898" t="s">
        <v>108</v>
      </c>
      <c r="J898" s="10">
        <v>2.6</v>
      </c>
    </row>
    <row r="899" spans="1:10" x14ac:dyDescent="0.35">
      <c r="A899" t="s">
        <v>22</v>
      </c>
      <c r="B899" t="s">
        <v>51</v>
      </c>
      <c r="C899" t="s">
        <v>99</v>
      </c>
      <c r="D899" t="s">
        <v>100</v>
      </c>
      <c r="E899">
        <v>2021</v>
      </c>
      <c r="F899" s="3">
        <v>2021</v>
      </c>
      <c r="G899" t="s">
        <v>15</v>
      </c>
      <c r="H899" t="s">
        <v>14</v>
      </c>
      <c r="I899" t="s">
        <v>101</v>
      </c>
      <c r="J899" s="10">
        <v>5.2</v>
      </c>
    </row>
    <row r="900" spans="1:10" x14ac:dyDescent="0.35">
      <c r="A900" t="s">
        <v>22</v>
      </c>
      <c r="B900" t="s">
        <v>51</v>
      </c>
      <c r="C900" t="s">
        <v>99</v>
      </c>
      <c r="D900" t="s">
        <v>100</v>
      </c>
      <c r="E900">
        <v>2021</v>
      </c>
      <c r="F900" s="3">
        <v>2021</v>
      </c>
      <c r="G900" t="s">
        <v>15</v>
      </c>
      <c r="H900" t="s">
        <v>14</v>
      </c>
      <c r="I900" t="s">
        <v>102</v>
      </c>
      <c r="J900" s="10">
        <v>17.3</v>
      </c>
    </row>
    <row r="901" spans="1:10" x14ac:dyDescent="0.35">
      <c r="A901" t="s">
        <v>22</v>
      </c>
      <c r="B901" t="s">
        <v>51</v>
      </c>
      <c r="C901" t="s">
        <v>99</v>
      </c>
      <c r="D901" t="s">
        <v>100</v>
      </c>
      <c r="E901">
        <v>2021</v>
      </c>
      <c r="F901" s="3">
        <v>2021</v>
      </c>
      <c r="G901" t="s">
        <v>15</v>
      </c>
      <c r="H901" t="s">
        <v>14</v>
      </c>
      <c r="I901" t="s">
        <v>103</v>
      </c>
      <c r="J901" s="10">
        <v>18.899999999999999</v>
      </c>
    </row>
    <row r="902" spans="1:10" x14ac:dyDescent="0.35">
      <c r="A902" t="s">
        <v>22</v>
      </c>
      <c r="B902" t="s">
        <v>51</v>
      </c>
      <c r="C902" t="s">
        <v>99</v>
      </c>
      <c r="D902" t="s">
        <v>100</v>
      </c>
      <c r="E902">
        <v>2021</v>
      </c>
      <c r="F902" s="3">
        <v>2021</v>
      </c>
      <c r="G902" t="s">
        <v>15</v>
      </c>
      <c r="H902" t="s">
        <v>14</v>
      </c>
      <c r="I902" t="s">
        <v>104</v>
      </c>
      <c r="J902" s="10">
        <v>17.5</v>
      </c>
    </row>
    <row r="903" spans="1:10" x14ac:dyDescent="0.35">
      <c r="A903" t="s">
        <v>22</v>
      </c>
      <c r="B903" t="s">
        <v>51</v>
      </c>
      <c r="C903" t="s">
        <v>99</v>
      </c>
      <c r="D903" t="s">
        <v>100</v>
      </c>
      <c r="E903">
        <v>2021</v>
      </c>
      <c r="F903" s="3">
        <v>2021</v>
      </c>
      <c r="G903" t="s">
        <v>15</v>
      </c>
      <c r="H903" t="s">
        <v>14</v>
      </c>
      <c r="I903" t="s">
        <v>105</v>
      </c>
      <c r="J903" s="10">
        <v>18.399999999999999</v>
      </c>
    </row>
    <row r="904" spans="1:10" x14ac:dyDescent="0.35">
      <c r="A904" t="s">
        <v>22</v>
      </c>
      <c r="B904" t="s">
        <v>51</v>
      </c>
      <c r="C904" t="s">
        <v>99</v>
      </c>
      <c r="D904" t="s">
        <v>100</v>
      </c>
      <c r="E904">
        <v>2021</v>
      </c>
      <c r="F904" s="3">
        <v>2021</v>
      </c>
      <c r="G904" t="s">
        <v>15</v>
      </c>
      <c r="H904" t="s">
        <v>14</v>
      </c>
      <c r="I904" t="s">
        <v>106</v>
      </c>
      <c r="J904" s="10">
        <v>11.4</v>
      </c>
    </row>
    <row r="905" spans="1:10" x14ac:dyDescent="0.35">
      <c r="A905" t="s">
        <v>22</v>
      </c>
      <c r="B905" t="s">
        <v>51</v>
      </c>
      <c r="C905" t="s">
        <v>99</v>
      </c>
      <c r="D905" t="s">
        <v>100</v>
      </c>
      <c r="E905">
        <v>2021</v>
      </c>
      <c r="F905" s="3">
        <v>2021</v>
      </c>
      <c r="G905" t="s">
        <v>15</v>
      </c>
      <c r="H905" t="s">
        <v>14</v>
      </c>
      <c r="I905" t="s">
        <v>107</v>
      </c>
      <c r="J905" s="10">
        <v>8.6999999999999993</v>
      </c>
    </row>
    <row r="906" spans="1:10" x14ac:dyDescent="0.35">
      <c r="A906" t="s">
        <v>22</v>
      </c>
      <c r="B906" t="s">
        <v>51</v>
      </c>
      <c r="C906" t="s">
        <v>99</v>
      </c>
      <c r="D906" t="s">
        <v>100</v>
      </c>
      <c r="E906">
        <v>2021</v>
      </c>
      <c r="F906" s="3">
        <v>2021</v>
      </c>
      <c r="G906" t="s">
        <v>15</v>
      </c>
      <c r="H906" t="s">
        <v>14</v>
      </c>
      <c r="I906" t="s">
        <v>108</v>
      </c>
      <c r="J906" s="10">
        <v>2.7</v>
      </c>
    </row>
    <row r="907" spans="1:10" x14ac:dyDescent="0.35">
      <c r="A907" t="s">
        <v>22</v>
      </c>
      <c r="B907" t="s">
        <v>52</v>
      </c>
      <c r="C907" t="s">
        <v>99</v>
      </c>
      <c r="D907" t="s">
        <v>100</v>
      </c>
      <c r="E907">
        <v>2021</v>
      </c>
      <c r="F907" s="3">
        <v>2021</v>
      </c>
      <c r="G907" t="s">
        <v>15</v>
      </c>
      <c r="H907" t="s">
        <v>14</v>
      </c>
      <c r="I907" t="s">
        <v>101</v>
      </c>
      <c r="J907" s="10">
        <v>12.1</v>
      </c>
    </row>
    <row r="908" spans="1:10" x14ac:dyDescent="0.35">
      <c r="A908" t="s">
        <v>22</v>
      </c>
      <c r="B908" t="s">
        <v>52</v>
      </c>
      <c r="C908" t="s">
        <v>99</v>
      </c>
      <c r="D908" t="s">
        <v>100</v>
      </c>
      <c r="E908">
        <v>2021</v>
      </c>
      <c r="F908" s="3">
        <v>2021</v>
      </c>
      <c r="G908" t="s">
        <v>15</v>
      </c>
      <c r="H908" t="s">
        <v>14</v>
      </c>
      <c r="I908" t="s">
        <v>102</v>
      </c>
      <c r="J908" s="10">
        <v>25.7</v>
      </c>
    </row>
    <row r="909" spans="1:10" x14ac:dyDescent="0.35">
      <c r="A909" t="s">
        <v>22</v>
      </c>
      <c r="B909" t="s">
        <v>52</v>
      </c>
      <c r="C909" t="s">
        <v>99</v>
      </c>
      <c r="D909" t="s">
        <v>100</v>
      </c>
      <c r="E909">
        <v>2021</v>
      </c>
      <c r="F909" s="3">
        <v>2021</v>
      </c>
      <c r="G909" t="s">
        <v>15</v>
      </c>
      <c r="H909" t="s">
        <v>14</v>
      </c>
      <c r="I909" t="s">
        <v>103</v>
      </c>
      <c r="J909" s="10">
        <v>17.600000000000001</v>
      </c>
    </row>
    <row r="910" spans="1:10" x14ac:dyDescent="0.35">
      <c r="A910" t="s">
        <v>22</v>
      </c>
      <c r="B910" t="s">
        <v>52</v>
      </c>
      <c r="C910" t="s">
        <v>99</v>
      </c>
      <c r="D910" t="s">
        <v>100</v>
      </c>
      <c r="E910">
        <v>2021</v>
      </c>
      <c r="F910" s="3">
        <v>2021</v>
      </c>
      <c r="G910" t="s">
        <v>15</v>
      </c>
      <c r="H910" t="s">
        <v>14</v>
      </c>
      <c r="I910" t="s">
        <v>104</v>
      </c>
      <c r="J910" s="10">
        <v>15.7</v>
      </c>
    </row>
    <row r="911" spans="1:10" x14ac:dyDescent="0.35">
      <c r="A911" t="s">
        <v>22</v>
      </c>
      <c r="B911" t="s">
        <v>52</v>
      </c>
      <c r="C911" t="s">
        <v>99</v>
      </c>
      <c r="D911" t="s">
        <v>100</v>
      </c>
      <c r="E911">
        <v>2021</v>
      </c>
      <c r="F911" s="3">
        <v>2021</v>
      </c>
      <c r="G911" t="s">
        <v>15</v>
      </c>
      <c r="H911" t="s">
        <v>14</v>
      </c>
      <c r="I911" t="s">
        <v>105</v>
      </c>
      <c r="J911" s="10">
        <v>14.5</v>
      </c>
    </row>
    <row r="912" spans="1:10" x14ac:dyDescent="0.35">
      <c r="A912" t="s">
        <v>22</v>
      </c>
      <c r="B912" t="s">
        <v>52</v>
      </c>
      <c r="C912" t="s">
        <v>99</v>
      </c>
      <c r="D912" t="s">
        <v>100</v>
      </c>
      <c r="E912">
        <v>2021</v>
      </c>
      <c r="F912" s="3">
        <v>2021</v>
      </c>
      <c r="G912" t="s">
        <v>15</v>
      </c>
      <c r="H912" t="s">
        <v>14</v>
      </c>
      <c r="I912" t="s">
        <v>106</v>
      </c>
      <c r="J912" s="10">
        <v>9.6</v>
      </c>
    </row>
    <row r="913" spans="1:10" x14ac:dyDescent="0.35">
      <c r="A913" t="s">
        <v>22</v>
      </c>
      <c r="B913" t="s">
        <v>52</v>
      </c>
      <c r="C913" t="s">
        <v>99</v>
      </c>
      <c r="D913" t="s">
        <v>100</v>
      </c>
      <c r="E913">
        <v>2021</v>
      </c>
      <c r="F913" s="3">
        <v>2021</v>
      </c>
      <c r="G913" t="s">
        <v>15</v>
      </c>
      <c r="H913" t="s">
        <v>14</v>
      </c>
      <c r="I913" t="s">
        <v>107</v>
      </c>
      <c r="J913" s="10">
        <v>4.5999999999999996</v>
      </c>
    </row>
    <row r="914" spans="1:10" x14ac:dyDescent="0.35">
      <c r="A914" t="s">
        <v>22</v>
      </c>
      <c r="B914" t="s">
        <v>52</v>
      </c>
      <c r="C914" t="s">
        <v>99</v>
      </c>
      <c r="D914" t="s">
        <v>100</v>
      </c>
      <c r="E914">
        <v>2021</v>
      </c>
      <c r="F914" s="3">
        <v>2021</v>
      </c>
      <c r="G914" t="s">
        <v>15</v>
      </c>
      <c r="H914" t="s">
        <v>14</v>
      </c>
      <c r="I914" t="s">
        <v>108</v>
      </c>
      <c r="J914" s="10">
        <v>0.1</v>
      </c>
    </row>
    <row r="915" spans="1:10" x14ac:dyDescent="0.35">
      <c r="A915" t="s">
        <v>22</v>
      </c>
      <c r="B915" t="s">
        <v>53</v>
      </c>
      <c r="C915" t="s">
        <v>99</v>
      </c>
      <c r="D915" t="s">
        <v>100</v>
      </c>
      <c r="E915">
        <v>2021</v>
      </c>
      <c r="F915" s="3">
        <v>2021</v>
      </c>
      <c r="G915" t="s">
        <v>15</v>
      </c>
      <c r="H915" t="s">
        <v>14</v>
      </c>
      <c r="I915" t="s">
        <v>101</v>
      </c>
      <c r="J915" s="10">
        <v>11.5</v>
      </c>
    </row>
    <row r="916" spans="1:10" x14ac:dyDescent="0.35">
      <c r="A916" t="s">
        <v>22</v>
      </c>
      <c r="B916" t="s">
        <v>53</v>
      </c>
      <c r="C916" t="s">
        <v>99</v>
      </c>
      <c r="D916" t="s">
        <v>100</v>
      </c>
      <c r="E916">
        <v>2021</v>
      </c>
      <c r="F916" s="3">
        <v>2021</v>
      </c>
      <c r="G916" t="s">
        <v>15</v>
      </c>
      <c r="H916" t="s">
        <v>14</v>
      </c>
      <c r="I916" t="s">
        <v>102</v>
      </c>
      <c r="J916" s="10">
        <v>23.7</v>
      </c>
    </row>
    <row r="917" spans="1:10" x14ac:dyDescent="0.35">
      <c r="A917" t="s">
        <v>22</v>
      </c>
      <c r="B917" t="s">
        <v>53</v>
      </c>
      <c r="C917" t="s">
        <v>99</v>
      </c>
      <c r="D917" t="s">
        <v>100</v>
      </c>
      <c r="E917">
        <v>2021</v>
      </c>
      <c r="F917" s="3">
        <v>2021</v>
      </c>
      <c r="G917" t="s">
        <v>15</v>
      </c>
      <c r="H917" t="s">
        <v>14</v>
      </c>
      <c r="I917" t="s">
        <v>103</v>
      </c>
      <c r="J917" s="10">
        <v>20.6</v>
      </c>
    </row>
    <row r="918" spans="1:10" x14ac:dyDescent="0.35">
      <c r="A918" t="s">
        <v>22</v>
      </c>
      <c r="B918" t="s">
        <v>53</v>
      </c>
      <c r="C918" t="s">
        <v>99</v>
      </c>
      <c r="D918" t="s">
        <v>100</v>
      </c>
      <c r="E918">
        <v>2021</v>
      </c>
      <c r="F918" s="3">
        <v>2021</v>
      </c>
      <c r="G918" t="s">
        <v>15</v>
      </c>
      <c r="H918" t="s">
        <v>14</v>
      </c>
      <c r="I918" t="s">
        <v>104</v>
      </c>
      <c r="J918" s="10">
        <v>18.8</v>
      </c>
    </row>
    <row r="919" spans="1:10" x14ac:dyDescent="0.35">
      <c r="A919" t="s">
        <v>22</v>
      </c>
      <c r="B919" t="s">
        <v>53</v>
      </c>
      <c r="C919" t="s">
        <v>99</v>
      </c>
      <c r="D919" t="s">
        <v>100</v>
      </c>
      <c r="E919">
        <v>2021</v>
      </c>
      <c r="F919" s="3">
        <v>2021</v>
      </c>
      <c r="G919" t="s">
        <v>15</v>
      </c>
      <c r="H919" t="s">
        <v>14</v>
      </c>
      <c r="I919" t="s">
        <v>105</v>
      </c>
      <c r="J919" s="10">
        <v>15.9</v>
      </c>
    </row>
    <row r="920" spans="1:10" x14ac:dyDescent="0.35">
      <c r="A920" t="s">
        <v>22</v>
      </c>
      <c r="B920" t="s">
        <v>53</v>
      </c>
      <c r="C920" t="s">
        <v>99</v>
      </c>
      <c r="D920" t="s">
        <v>100</v>
      </c>
      <c r="E920">
        <v>2021</v>
      </c>
      <c r="F920" s="3">
        <v>2021</v>
      </c>
      <c r="G920" t="s">
        <v>15</v>
      </c>
      <c r="H920" t="s">
        <v>14</v>
      </c>
      <c r="I920" t="s">
        <v>106</v>
      </c>
      <c r="J920" s="10">
        <v>6</v>
      </c>
    </row>
    <row r="921" spans="1:10" x14ac:dyDescent="0.35">
      <c r="A921" t="s">
        <v>22</v>
      </c>
      <c r="B921" t="s">
        <v>53</v>
      </c>
      <c r="C921" t="s">
        <v>99</v>
      </c>
      <c r="D921" t="s">
        <v>100</v>
      </c>
      <c r="E921">
        <v>2021</v>
      </c>
      <c r="F921" s="3">
        <v>2021</v>
      </c>
      <c r="G921" t="s">
        <v>15</v>
      </c>
      <c r="H921" t="s">
        <v>14</v>
      </c>
      <c r="I921" t="s">
        <v>107</v>
      </c>
      <c r="J921" s="10">
        <v>2.9</v>
      </c>
    </row>
    <row r="922" spans="1:10" x14ac:dyDescent="0.35">
      <c r="A922" t="s">
        <v>22</v>
      </c>
      <c r="B922" t="s">
        <v>53</v>
      </c>
      <c r="C922" t="s">
        <v>99</v>
      </c>
      <c r="D922" t="s">
        <v>100</v>
      </c>
      <c r="E922">
        <v>2021</v>
      </c>
      <c r="F922" s="3">
        <v>2021</v>
      </c>
      <c r="G922" t="s">
        <v>15</v>
      </c>
      <c r="H922" t="s">
        <v>14</v>
      </c>
      <c r="I922" t="s">
        <v>108</v>
      </c>
      <c r="J922" s="10">
        <v>0.6</v>
      </c>
    </row>
    <row r="923" spans="1:10" x14ac:dyDescent="0.35">
      <c r="A923" t="s">
        <v>22</v>
      </c>
      <c r="B923" t="s">
        <v>54</v>
      </c>
      <c r="C923" t="s">
        <v>99</v>
      </c>
      <c r="D923" t="s">
        <v>100</v>
      </c>
      <c r="E923">
        <v>2021</v>
      </c>
      <c r="F923" s="3">
        <v>2021</v>
      </c>
      <c r="G923" t="s">
        <v>15</v>
      </c>
      <c r="H923" t="s">
        <v>14</v>
      </c>
      <c r="I923" t="s">
        <v>101</v>
      </c>
      <c r="J923" s="10">
        <v>22.3</v>
      </c>
    </row>
    <row r="924" spans="1:10" x14ac:dyDescent="0.35">
      <c r="A924" t="s">
        <v>22</v>
      </c>
      <c r="B924" t="s">
        <v>54</v>
      </c>
      <c r="C924" t="s">
        <v>99</v>
      </c>
      <c r="D924" t="s">
        <v>100</v>
      </c>
      <c r="E924">
        <v>2021</v>
      </c>
      <c r="F924" s="3">
        <v>2021</v>
      </c>
      <c r="G924" t="s">
        <v>15</v>
      </c>
      <c r="H924" t="s">
        <v>14</v>
      </c>
      <c r="I924" t="s">
        <v>102</v>
      </c>
      <c r="J924" s="10">
        <v>16.399999999999999</v>
      </c>
    </row>
    <row r="925" spans="1:10" x14ac:dyDescent="0.35">
      <c r="A925" t="s">
        <v>22</v>
      </c>
      <c r="B925" t="s">
        <v>54</v>
      </c>
      <c r="C925" t="s">
        <v>99</v>
      </c>
      <c r="D925" t="s">
        <v>100</v>
      </c>
      <c r="E925">
        <v>2021</v>
      </c>
      <c r="F925" s="3">
        <v>2021</v>
      </c>
      <c r="G925" t="s">
        <v>15</v>
      </c>
      <c r="H925" t="s">
        <v>14</v>
      </c>
      <c r="I925" t="s">
        <v>103</v>
      </c>
      <c r="J925" s="10">
        <v>15.1</v>
      </c>
    </row>
    <row r="926" spans="1:10" x14ac:dyDescent="0.35">
      <c r="A926" t="s">
        <v>22</v>
      </c>
      <c r="B926" t="s">
        <v>54</v>
      </c>
      <c r="C926" t="s">
        <v>99</v>
      </c>
      <c r="D926" t="s">
        <v>100</v>
      </c>
      <c r="E926">
        <v>2021</v>
      </c>
      <c r="F926" s="3">
        <v>2021</v>
      </c>
      <c r="G926" t="s">
        <v>15</v>
      </c>
      <c r="H926" t="s">
        <v>14</v>
      </c>
      <c r="I926" t="s">
        <v>104</v>
      </c>
      <c r="J926" s="10">
        <v>9.1999999999999993</v>
      </c>
    </row>
    <row r="927" spans="1:10" x14ac:dyDescent="0.35">
      <c r="A927" t="s">
        <v>22</v>
      </c>
      <c r="B927" t="s">
        <v>54</v>
      </c>
      <c r="C927" t="s">
        <v>99</v>
      </c>
      <c r="D927" t="s">
        <v>100</v>
      </c>
      <c r="E927">
        <v>2021</v>
      </c>
      <c r="F927" s="3">
        <v>2021</v>
      </c>
      <c r="G927" t="s">
        <v>15</v>
      </c>
      <c r="H927" t="s">
        <v>14</v>
      </c>
      <c r="I927" t="s">
        <v>105</v>
      </c>
      <c r="J927" s="10">
        <v>14.7</v>
      </c>
    </row>
    <row r="928" spans="1:10" x14ac:dyDescent="0.35">
      <c r="A928" t="s">
        <v>22</v>
      </c>
      <c r="B928" t="s">
        <v>54</v>
      </c>
      <c r="C928" t="s">
        <v>99</v>
      </c>
      <c r="D928" t="s">
        <v>100</v>
      </c>
      <c r="E928">
        <v>2021</v>
      </c>
      <c r="F928" s="3">
        <v>2021</v>
      </c>
      <c r="G928" t="s">
        <v>15</v>
      </c>
      <c r="H928" t="s">
        <v>14</v>
      </c>
      <c r="I928" t="s">
        <v>106</v>
      </c>
      <c r="J928" s="10">
        <v>9.1</v>
      </c>
    </row>
    <row r="929" spans="1:10" x14ac:dyDescent="0.35">
      <c r="A929" t="s">
        <v>22</v>
      </c>
      <c r="B929" t="s">
        <v>54</v>
      </c>
      <c r="C929" t="s">
        <v>99</v>
      </c>
      <c r="D929" t="s">
        <v>100</v>
      </c>
      <c r="E929">
        <v>2021</v>
      </c>
      <c r="F929" s="3">
        <v>2021</v>
      </c>
      <c r="G929" t="s">
        <v>15</v>
      </c>
      <c r="H929" t="s">
        <v>14</v>
      </c>
      <c r="I929" t="s">
        <v>107</v>
      </c>
      <c r="J929" s="10">
        <v>11.2</v>
      </c>
    </row>
    <row r="930" spans="1:10" x14ac:dyDescent="0.35">
      <c r="A930" t="s">
        <v>22</v>
      </c>
      <c r="B930" t="s">
        <v>54</v>
      </c>
      <c r="C930" t="s">
        <v>99</v>
      </c>
      <c r="D930" t="s">
        <v>100</v>
      </c>
      <c r="E930">
        <v>2021</v>
      </c>
      <c r="F930" s="3">
        <v>2021</v>
      </c>
      <c r="G930" t="s">
        <v>15</v>
      </c>
      <c r="H930" t="s">
        <v>14</v>
      </c>
      <c r="I930" t="s">
        <v>108</v>
      </c>
      <c r="J930" s="10">
        <v>2</v>
      </c>
    </row>
    <row r="931" spans="1:10" x14ac:dyDescent="0.35">
      <c r="A931" t="s">
        <v>22</v>
      </c>
      <c r="B931" t="s">
        <v>55</v>
      </c>
      <c r="C931" t="s">
        <v>99</v>
      </c>
      <c r="D931" t="s">
        <v>100</v>
      </c>
      <c r="E931">
        <v>2021</v>
      </c>
      <c r="F931" s="3">
        <v>2021</v>
      </c>
      <c r="G931" t="s">
        <v>15</v>
      </c>
      <c r="H931" t="s">
        <v>14</v>
      </c>
      <c r="I931" t="s">
        <v>101</v>
      </c>
      <c r="J931" s="10">
        <v>2.9</v>
      </c>
    </row>
    <row r="932" spans="1:10" x14ac:dyDescent="0.35">
      <c r="A932" t="s">
        <v>22</v>
      </c>
      <c r="B932" t="s">
        <v>55</v>
      </c>
      <c r="C932" t="s">
        <v>99</v>
      </c>
      <c r="D932" t="s">
        <v>100</v>
      </c>
      <c r="E932">
        <v>2021</v>
      </c>
      <c r="F932" s="3">
        <v>2021</v>
      </c>
      <c r="G932" t="s">
        <v>15</v>
      </c>
      <c r="H932" t="s">
        <v>14</v>
      </c>
      <c r="I932" t="s">
        <v>102</v>
      </c>
      <c r="J932" s="10">
        <v>13.6</v>
      </c>
    </row>
    <row r="933" spans="1:10" x14ac:dyDescent="0.35">
      <c r="A933" t="s">
        <v>22</v>
      </c>
      <c r="B933" t="s">
        <v>55</v>
      </c>
      <c r="C933" t="s">
        <v>99</v>
      </c>
      <c r="D933" t="s">
        <v>100</v>
      </c>
      <c r="E933">
        <v>2021</v>
      </c>
      <c r="F933" s="3">
        <v>2021</v>
      </c>
      <c r="G933" t="s">
        <v>15</v>
      </c>
      <c r="H933" t="s">
        <v>14</v>
      </c>
      <c r="I933" t="s">
        <v>103</v>
      </c>
      <c r="J933" s="10">
        <v>16</v>
      </c>
    </row>
    <row r="934" spans="1:10" x14ac:dyDescent="0.35">
      <c r="A934" t="s">
        <v>22</v>
      </c>
      <c r="B934" t="s">
        <v>55</v>
      </c>
      <c r="C934" t="s">
        <v>99</v>
      </c>
      <c r="D934" t="s">
        <v>100</v>
      </c>
      <c r="E934">
        <v>2021</v>
      </c>
      <c r="F934" s="3">
        <v>2021</v>
      </c>
      <c r="G934" t="s">
        <v>15</v>
      </c>
      <c r="H934" t="s">
        <v>14</v>
      </c>
      <c r="I934" t="s">
        <v>104</v>
      </c>
      <c r="J934" s="10">
        <v>15.7</v>
      </c>
    </row>
    <row r="935" spans="1:10" x14ac:dyDescent="0.35">
      <c r="A935" t="s">
        <v>22</v>
      </c>
      <c r="B935" t="s">
        <v>55</v>
      </c>
      <c r="C935" t="s">
        <v>99</v>
      </c>
      <c r="D935" t="s">
        <v>100</v>
      </c>
      <c r="E935">
        <v>2021</v>
      </c>
      <c r="F935" s="3">
        <v>2021</v>
      </c>
      <c r="G935" t="s">
        <v>15</v>
      </c>
      <c r="H935" t="s">
        <v>14</v>
      </c>
      <c r="I935" t="s">
        <v>105</v>
      </c>
      <c r="J935" s="10">
        <v>20.9</v>
      </c>
    </row>
    <row r="936" spans="1:10" x14ac:dyDescent="0.35">
      <c r="A936" t="s">
        <v>22</v>
      </c>
      <c r="B936" t="s">
        <v>55</v>
      </c>
      <c r="C936" t="s">
        <v>99</v>
      </c>
      <c r="D936" t="s">
        <v>100</v>
      </c>
      <c r="E936">
        <v>2021</v>
      </c>
      <c r="F936" s="3">
        <v>2021</v>
      </c>
      <c r="G936" t="s">
        <v>15</v>
      </c>
      <c r="H936" t="s">
        <v>14</v>
      </c>
      <c r="I936" t="s">
        <v>106</v>
      </c>
      <c r="J936" s="10">
        <v>12.1</v>
      </c>
    </row>
    <row r="937" spans="1:10" x14ac:dyDescent="0.35">
      <c r="A937" t="s">
        <v>22</v>
      </c>
      <c r="B937" t="s">
        <v>55</v>
      </c>
      <c r="C937" t="s">
        <v>99</v>
      </c>
      <c r="D937" t="s">
        <v>100</v>
      </c>
      <c r="E937">
        <v>2021</v>
      </c>
      <c r="F937" s="3">
        <v>2021</v>
      </c>
      <c r="G937" t="s">
        <v>15</v>
      </c>
      <c r="H937" t="s">
        <v>14</v>
      </c>
      <c r="I937" t="s">
        <v>107</v>
      </c>
      <c r="J937" s="10">
        <v>15.6</v>
      </c>
    </row>
    <row r="938" spans="1:10" x14ac:dyDescent="0.35">
      <c r="A938" t="s">
        <v>22</v>
      </c>
      <c r="B938" t="s">
        <v>55</v>
      </c>
      <c r="C938" t="s">
        <v>99</v>
      </c>
      <c r="D938" t="s">
        <v>100</v>
      </c>
      <c r="E938">
        <v>2021</v>
      </c>
      <c r="F938" s="3">
        <v>2021</v>
      </c>
      <c r="G938" t="s">
        <v>15</v>
      </c>
      <c r="H938" t="s">
        <v>14</v>
      </c>
      <c r="I938" t="s">
        <v>108</v>
      </c>
      <c r="J938" s="10">
        <v>3.3</v>
      </c>
    </row>
    <row r="939" spans="1:10" x14ac:dyDescent="0.35">
      <c r="A939" t="s">
        <v>22</v>
      </c>
      <c r="B939" t="s">
        <v>56</v>
      </c>
      <c r="C939" t="s">
        <v>99</v>
      </c>
      <c r="D939" t="s">
        <v>100</v>
      </c>
      <c r="E939">
        <v>2021</v>
      </c>
      <c r="F939" s="3">
        <v>2021</v>
      </c>
      <c r="G939" t="s">
        <v>15</v>
      </c>
      <c r="H939" t="s">
        <v>14</v>
      </c>
      <c r="I939" t="s">
        <v>101</v>
      </c>
      <c r="J939" s="10">
        <v>4.9000000000000004</v>
      </c>
    </row>
    <row r="940" spans="1:10" x14ac:dyDescent="0.35">
      <c r="A940" t="s">
        <v>22</v>
      </c>
      <c r="B940" t="s">
        <v>56</v>
      </c>
      <c r="C940" t="s">
        <v>99</v>
      </c>
      <c r="D940" t="s">
        <v>100</v>
      </c>
      <c r="E940">
        <v>2021</v>
      </c>
      <c r="F940" s="3">
        <v>2021</v>
      </c>
      <c r="G940" t="s">
        <v>15</v>
      </c>
      <c r="H940" t="s">
        <v>14</v>
      </c>
      <c r="I940" t="s">
        <v>102</v>
      </c>
      <c r="J940" s="10">
        <v>13.2</v>
      </c>
    </row>
    <row r="941" spans="1:10" x14ac:dyDescent="0.35">
      <c r="A941" t="s">
        <v>22</v>
      </c>
      <c r="B941" t="s">
        <v>56</v>
      </c>
      <c r="C941" t="s">
        <v>99</v>
      </c>
      <c r="D941" t="s">
        <v>100</v>
      </c>
      <c r="E941">
        <v>2021</v>
      </c>
      <c r="F941" s="3">
        <v>2021</v>
      </c>
      <c r="G941" t="s">
        <v>15</v>
      </c>
      <c r="H941" t="s">
        <v>14</v>
      </c>
      <c r="I941" t="s">
        <v>103</v>
      </c>
      <c r="J941" s="10">
        <v>16.399999999999999</v>
      </c>
    </row>
    <row r="942" spans="1:10" x14ac:dyDescent="0.35">
      <c r="A942" t="s">
        <v>22</v>
      </c>
      <c r="B942" t="s">
        <v>56</v>
      </c>
      <c r="C942" t="s">
        <v>99</v>
      </c>
      <c r="D942" t="s">
        <v>100</v>
      </c>
      <c r="E942">
        <v>2021</v>
      </c>
      <c r="F942" s="3">
        <v>2021</v>
      </c>
      <c r="G942" t="s">
        <v>15</v>
      </c>
      <c r="H942" t="s">
        <v>14</v>
      </c>
      <c r="I942" t="s">
        <v>104</v>
      </c>
      <c r="J942" s="10">
        <v>18.399999999999999</v>
      </c>
    </row>
    <row r="943" spans="1:10" x14ac:dyDescent="0.35">
      <c r="A943" t="s">
        <v>22</v>
      </c>
      <c r="B943" t="s">
        <v>56</v>
      </c>
      <c r="C943" t="s">
        <v>99</v>
      </c>
      <c r="D943" t="s">
        <v>100</v>
      </c>
      <c r="E943">
        <v>2021</v>
      </c>
      <c r="F943" s="3">
        <v>2021</v>
      </c>
      <c r="G943" t="s">
        <v>15</v>
      </c>
      <c r="H943" t="s">
        <v>14</v>
      </c>
      <c r="I943" t="s">
        <v>105</v>
      </c>
      <c r="J943" s="10">
        <v>17.7</v>
      </c>
    </row>
    <row r="944" spans="1:10" x14ac:dyDescent="0.35">
      <c r="A944" t="s">
        <v>22</v>
      </c>
      <c r="B944" t="s">
        <v>56</v>
      </c>
      <c r="C944" t="s">
        <v>99</v>
      </c>
      <c r="D944" t="s">
        <v>100</v>
      </c>
      <c r="E944">
        <v>2021</v>
      </c>
      <c r="F944" s="3">
        <v>2021</v>
      </c>
      <c r="G944" t="s">
        <v>15</v>
      </c>
      <c r="H944" t="s">
        <v>14</v>
      </c>
      <c r="I944" t="s">
        <v>106</v>
      </c>
      <c r="J944" s="10">
        <v>14.3</v>
      </c>
    </row>
    <row r="945" spans="1:10" x14ac:dyDescent="0.35">
      <c r="A945" t="s">
        <v>22</v>
      </c>
      <c r="B945" t="s">
        <v>56</v>
      </c>
      <c r="C945" t="s">
        <v>99</v>
      </c>
      <c r="D945" t="s">
        <v>100</v>
      </c>
      <c r="E945">
        <v>2021</v>
      </c>
      <c r="F945" s="3">
        <v>2021</v>
      </c>
      <c r="G945" t="s">
        <v>15</v>
      </c>
      <c r="H945" t="s">
        <v>14</v>
      </c>
      <c r="I945" t="s">
        <v>107</v>
      </c>
      <c r="J945" s="10">
        <v>13.5</v>
      </c>
    </row>
    <row r="946" spans="1:10" x14ac:dyDescent="0.35">
      <c r="A946" t="s">
        <v>22</v>
      </c>
      <c r="B946" t="s">
        <v>56</v>
      </c>
      <c r="C946" t="s">
        <v>99</v>
      </c>
      <c r="D946" t="s">
        <v>100</v>
      </c>
      <c r="E946">
        <v>2021</v>
      </c>
      <c r="F946" s="3">
        <v>2021</v>
      </c>
      <c r="G946" t="s">
        <v>15</v>
      </c>
      <c r="H946" t="s">
        <v>14</v>
      </c>
      <c r="I946" t="s">
        <v>108</v>
      </c>
      <c r="J946" s="10">
        <v>1.6</v>
      </c>
    </row>
    <row r="947" spans="1:10" x14ac:dyDescent="0.35">
      <c r="A947" t="s">
        <v>26</v>
      </c>
      <c r="B947" t="s">
        <v>57</v>
      </c>
      <c r="C947" t="s">
        <v>99</v>
      </c>
      <c r="D947" t="s">
        <v>100</v>
      </c>
      <c r="E947">
        <v>2021</v>
      </c>
      <c r="F947" s="3">
        <v>2021</v>
      </c>
      <c r="G947" t="s">
        <v>15</v>
      </c>
      <c r="H947" t="s">
        <v>14</v>
      </c>
      <c r="I947" t="s">
        <v>101</v>
      </c>
      <c r="J947" s="10">
        <v>30.8</v>
      </c>
    </row>
    <row r="948" spans="1:10" x14ac:dyDescent="0.35">
      <c r="A948" t="s">
        <v>26</v>
      </c>
      <c r="B948" t="s">
        <v>57</v>
      </c>
      <c r="C948" t="s">
        <v>99</v>
      </c>
      <c r="D948" t="s">
        <v>100</v>
      </c>
      <c r="E948">
        <v>2021</v>
      </c>
      <c r="F948" s="3">
        <v>2021</v>
      </c>
      <c r="G948" t="s">
        <v>15</v>
      </c>
      <c r="H948" t="s">
        <v>14</v>
      </c>
      <c r="I948" t="s">
        <v>102</v>
      </c>
      <c r="J948" s="10">
        <v>22.6</v>
      </c>
    </row>
    <row r="949" spans="1:10" x14ac:dyDescent="0.35">
      <c r="A949" t="s">
        <v>26</v>
      </c>
      <c r="B949" t="s">
        <v>57</v>
      </c>
      <c r="C949" t="s">
        <v>99</v>
      </c>
      <c r="D949" t="s">
        <v>100</v>
      </c>
      <c r="E949">
        <v>2021</v>
      </c>
      <c r="F949" s="3">
        <v>2021</v>
      </c>
      <c r="G949" t="s">
        <v>15</v>
      </c>
      <c r="H949" t="s">
        <v>14</v>
      </c>
      <c r="I949" t="s">
        <v>103</v>
      </c>
      <c r="J949" s="10">
        <v>12.7</v>
      </c>
    </row>
    <row r="950" spans="1:10" x14ac:dyDescent="0.35">
      <c r="A950" t="s">
        <v>26</v>
      </c>
      <c r="B950" t="s">
        <v>57</v>
      </c>
      <c r="C950" t="s">
        <v>99</v>
      </c>
      <c r="D950" t="s">
        <v>100</v>
      </c>
      <c r="E950">
        <v>2021</v>
      </c>
      <c r="F950" s="3">
        <v>2021</v>
      </c>
      <c r="G950" t="s">
        <v>15</v>
      </c>
      <c r="H950" t="s">
        <v>14</v>
      </c>
      <c r="I950" t="s">
        <v>104</v>
      </c>
      <c r="J950" s="10">
        <v>10.5</v>
      </c>
    </row>
    <row r="951" spans="1:10" x14ac:dyDescent="0.35">
      <c r="A951" t="s">
        <v>26</v>
      </c>
      <c r="B951" t="s">
        <v>57</v>
      </c>
      <c r="C951" t="s">
        <v>99</v>
      </c>
      <c r="D951" t="s">
        <v>100</v>
      </c>
      <c r="E951">
        <v>2021</v>
      </c>
      <c r="F951" s="3">
        <v>2021</v>
      </c>
      <c r="G951" t="s">
        <v>15</v>
      </c>
      <c r="H951" t="s">
        <v>14</v>
      </c>
      <c r="I951" t="s">
        <v>105</v>
      </c>
      <c r="J951" s="10">
        <v>10</v>
      </c>
    </row>
    <row r="952" spans="1:10" x14ac:dyDescent="0.35">
      <c r="A952" t="s">
        <v>26</v>
      </c>
      <c r="B952" t="s">
        <v>57</v>
      </c>
      <c r="C952" t="s">
        <v>99</v>
      </c>
      <c r="D952" t="s">
        <v>100</v>
      </c>
      <c r="E952">
        <v>2021</v>
      </c>
      <c r="F952" s="3">
        <v>2021</v>
      </c>
      <c r="G952" t="s">
        <v>15</v>
      </c>
      <c r="H952" t="s">
        <v>14</v>
      </c>
      <c r="I952" t="s">
        <v>106</v>
      </c>
      <c r="J952" s="10">
        <v>7.3</v>
      </c>
    </row>
    <row r="953" spans="1:10" x14ac:dyDescent="0.35">
      <c r="A953" t="s">
        <v>26</v>
      </c>
      <c r="B953" t="s">
        <v>57</v>
      </c>
      <c r="C953" t="s">
        <v>99</v>
      </c>
      <c r="D953" t="s">
        <v>100</v>
      </c>
      <c r="E953">
        <v>2021</v>
      </c>
      <c r="F953" s="3">
        <v>2021</v>
      </c>
      <c r="G953" t="s">
        <v>15</v>
      </c>
      <c r="H953" t="s">
        <v>14</v>
      </c>
      <c r="I953" t="s">
        <v>107</v>
      </c>
      <c r="J953" s="10">
        <v>5.5</v>
      </c>
    </row>
    <row r="954" spans="1:10" x14ac:dyDescent="0.35">
      <c r="A954" t="s">
        <v>26</v>
      </c>
      <c r="B954" t="s">
        <v>57</v>
      </c>
      <c r="C954" t="s">
        <v>99</v>
      </c>
      <c r="D954" t="s">
        <v>100</v>
      </c>
      <c r="E954">
        <v>2021</v>
      </c>
      <c r="F954" s="3">
        <v>2021</v>
      </c>
      <c r="G954" t="s">
        <v>15</v>
      </c>
      <c r="H954" t="s">
        <v>14</v>
      </c>
      <c r="I954" t="s">
        <v>108</v>
      </c>
      <c r="J954" s="10">
        <v>0.6</v>
      </c>
    </row>
    <row r="955" spans="1:10" x14ac:dyDescent="0.35">
      <c r="A955" t="s">
        <v>28</v>
      </c>
      <c r="B955" t="s">
        <v>58</v>
      </c>
      <c r="C955" t="s">
        <v>99</v>
      </c>
      <c r="D955" t="s">
        <v>100</v>
      </c>
      <c r="E955">
        <v>2021</v>
      </c>
      <c r="F955" s="3">
        <v>2021</v>
      </c>
      <c r="G955" t="s">
        <v>15</v>
      </c>
      <c r="H955" t="s">
        <v>14</v>
      </c>
      <c r="I955" t="s">
        <v>101</v>
      </c>
      <c r="J955" s="10">
        <v>31</v>
      </c>
    </row>
    <row r="956" spans="1:10" x14ac:dyDescent="0.35">
      <c r="A956" t="s">
        <v>28</v>
      </c>
      <c r="B956" t="s">
        <v>58</v>
      </c>
      <c r="C956" t="s">
        <v>99</v>
      </c>
      <c r="D956" t="s">
        <v>100</v>
      </c>
      <c r="E956">
        <v>2021</v>
      </c>
      <c r="F956" s="3">
        <v>2021</v>
      </c>
      <c r="G956" t="s">
        <v>15</v>
      </c>
      <c r="H956" t="s">
        <v>14</v>
      </c>
      <c r="I956" t="s">
        <v>102</v>
      </c>
      <c r="J956" s="10">
        <v>23.6</v>
      </c>
    </row>
    <row r="957" spans="1:10" x14ac:dyDescent="0.35">
      <c r="A957" t="s">
        <v>28</v>
      </c>
      <c r="B957" t="s">
        <v>58</v>
      </c>
      <c r="C957" t="s">
        <v>99</v>
      </c>
      <c r="D957" t="s">
        <v>100</v>
      </c>
      <c r="E957">
        <v>2021</v>
      </c>
      <c r="F957" s="3">
        <v>2021</v>
      </c>
      <c r="G957" t="s">
        <v>15</v>
      </c>
      <c r="H957" t="s">
        <v>14</v>
      </c>
      <c r="I957" t="s">
        <v>103</v>
      </c>
      <c r="J957" s="10">
        <v>8.1999999999999993</v>
      </c>
    </row>
    <row r="958" spans="1:10" x14ac:dyDescent="0.35">
      <c r="A958" t="s">
        <v>28</v>
      </c>
      <c r="B958" t="s">
        <v>58</v>
      </c>
      <c r="C958" t="s">
        <v>99</v>
      </c>
      <c r="D958" t="s">
        <v>100</v>
      </c>
      <c r="E958">
        <v>2021</v>
      </c>
      <c r="F958" s="3">
        <v>2021</v>
      </c>
      <c r="G958" t="s">
        <v>15</v>
      </c>
      <c r="H958" t="s">
        <v>14</v>
      </c>
      <c r="I958" t="s">
        <v>104</v>
      </c>
      <c r="J958" s="10">
        <v>12.7</v>
      </c>
    </row>
    <row r="959" spans="1:10" x14ac:dyDescent="0.35">
      <c r="A959" t="s">
        <v>28</v>
      </c>
      <c r="B959" t="s">
        <v>58</v>
      </c>
      <c r="C959" t="s">
        <v>99</v>
      </c>
      <c r="D959" t="s">
        <v>100</v>
      </c>
      <c r="E959">
        <v>2021</v>
      </c>
      <c r="F959" s="3">
        <v>2021</v>
      </c>
      <c r="G959" t="s">
        <v>15</v>
      </c>
      <c r="H959" t="s">
        <v>14</v>
      </c>
      <c r="I959" t="s">
        <v>105</v>
      </c>
      <c r="J959" s="10">
        <v>13.1</v>
      </c>
    </row>
    <row r="960" spans="1:10" x14ac:dyDescent="0.35">
      <c r="A960" t="s">
        <v>28</v>
      </c>
      <c r="B960" t="s">
        <v>58</v>
      </c>
      <c r="C960" t="s">
        <v>99</v>
      </c>
      <c r="D960" t="s">
        <v>100</v>
      </c>
      <c r="E960">
        <v>2021</v>
      </c>
      <c r="F960" s="3">
        <v>2021</v>
      </c>
      <c r="G960" t="s">
        <v>15</v>
      </c>
      <c r="H960" t="s">
        <v>14</v>
      </c>
      <c r="I960" t="s">
        <v>106</v>
      </c>
      <c r="J960" s="10">
        <v>7.3</v>
      </c>
    </row>
    <row r="961" spans="1:10" x14ac:dyDescent="0.35">
      <c r="A961" t="s">
        <v>28</v>
      </c>
      <c r="B961" t="s">
        <v>58</v>
      </c>
      <c r="C961" t="s">
        <v>99</v>
      </c>
      <c r="D961" t="s">
        <v>100</v>
      </c>
      <c r="E961">
        <v>2021</v>
      </c>
      <c r="F961" s="3">
        <v>2021</v>
      </c>
      <c r="G961" t="s">
        <v>15</v>
      </c>
      <c r="H961" t="s">
        <v>14</v>
      </c>
      <c r="I961" t="s">
        <v>107</v>
      </c>
      <c r="J961" s="10">
        <v>4</v>
      </c>
    </row>
    <row r="962" spans="1:10" x14ac:dyDescent="0.35">
      <c r="A962" t="s">
        <v>28</v>
      </c>
      <c r="B962" t="s">
        <v>58</v>
      </c>
      <c r="C962" t="s">
        <v>99</v>
      </c>
      <c r="D962" t="s">
        <v>100</v>
      </c>
      <c r="E962">
        <v>2021</v>
      </c>
      <c r="F962" s="3">
        <v>2021</v>
      </c>
      <c r="G962" t="s">
        <v>15</v>
      </c>
      <c r="H962" t="s">
        <v>14</v>
      </c>
      <c r="I962" t="s">
        <v>108</v>
      </c>
      <c r="J962" s="10">
        <v>0.1</v>
      </c>
    </row>
    <row r="963" spans="1:10" x14ac:dyDescent="0.35">
      <c r="A963" t="s">
        <v>20</v>
      </c>
      <c r="B963" t="s">
        <v>59</v>
      </c>
      <c r="C963" t="s">
        <v>99</v>
      </c>
      <c r="D963" t="s">
        <v>100</v>
      </c>
      <c r="E963">
        <v>2021</v>
      </c>
      <c r="F963" s="3">
        <v>2021</v>
      </c>
      <c r="G963" t="s">
        <v>15</v>
      </c>
      <c r="H963" t="s">
        <v>14</v>
      </c>
      <c r="I963" t="s">
        <v>101</v>
      </c>
      <c r="J963" s="10">
        <v>27.5</v>
      </c>
    </row>
    <row r="964" spans="1:10" x14ac:dyDescent="0.35">
      <c r="A964" t="s">
        <v>20</v>
      </c>
      <c r="B964" t="s">
        <v>59</v>
      </c>
      <c r="C964" t="s">
        <v>99</v>
      </c>
      <c r="D964" t="s">
        <v>100</v>
      </c>
      <c r="E964">
        <v>2021</v>
      </c>
      <c r="F964" s="3">
        <v>2021</v>
      </c>
      <c r="G964" t="s">
        <v>15</v>
      </c>
      <c r="H964" t="s">
        <v>14</v>
      </c>
      <c r="I964" t="s">
        <v>102</v>
      </c>
      <c r="J964" s="10">
        <v>27.5</v>
      </c>
    </row>
    <row r="965" spans="1:10" x14ac:dyDescent="0.35">
      <c r="A965" t="s">
        <v>20</v>
      </c>
      <c r="B965" t="s">
        <v>59</v>
      </c>
      <c r="C965" t="s">
        <v>99</v>
      </c>
      <c r="D965" t="s">
        <v>100</v>
      </c>
      <c r="E965">
        <v>2021</v>
      </c>
      <c r="F965" s="3">
        <v>2021</v>
      </c>
      <c r="G965" t="s">
        <v>15</v>
      </c>
      <c r="H965" t="s">
        <v>14</v>
      </c>
      <c r="I965" t="s">
        <v>103</v>
      </c>
      <c r="J965" s="10">
        <v>10.4</v>
      </c>
    </row>
    <row r="966" spans="1:10" x14ac:dyDescent="0.35">
      <c r="A966" t="s">
        <v>20</v>
      </c>
      <c r="B966" t="s">
        <v>59</v>
      </c>
      <c r="C966" t="s">
        <v>99</v>
      </c>
      <c r="D966" t="s">
        <v>100</v>
      </c>
      <c r="E966">
        <v>2021</v>
      </c>
      <c r="F966" s="3">
        <v>2021</v>
      </c>
      <c r="G966" t="s">
        <v>15</v>
      </c>
      <c r="H966" t="s">
        <v>14</v>
      </c>
      <c r="I966" t="s">
        <v>104</v>
      </c>
      <c r="J966" s="10">
        <v>11.6</v>
      </c>
    </row>
    <row r="967" spans="1:10" x14ac:dyDescent="0.35">
      <c r="A967" t="s">
        <v>20</v>
      </c>
      <c r="B967" t="s">
        <v>59</v>
      </c>
      <c r="C967" t="s">
        <v>99</v>
      </c>
      <c r="D967" t="s">
        <v>100</v>
      </c>
      <c r="E967">
        <v>2021</v>
      </c>
      <c r="F967" s="3">
        <v>2021</v>
      </c>
      <c r="G967" t="s">
        <v>15</v>
      </c>
      <c r="H967" t="s">
        <v>14</v>
      </c>
      <c r="I967" t="s">
        <v>105</v>
      </c>
      <c r="J967" s="10">
        <v>10.9</v>
      </c>
    </row>
    <row r="968" spans="1:10" x14ac:dyDescent="0.35">
      <c r="A968" t="s">
        <v>20</v>
      </c>
      <c r="B968" t="s">
        <v>59</v>
      </c>
      <c r="C968" t="s">
        <v>99</v>
      </c>
      <c r="D968" t="s">
        <v>100</v>
      </c>
      <c r="E968">
        <v>2021</v>
      </c>
      <c r="F968" s="3">
        <v>2021</v>
      </c>
      <c r="G968" t="s">
        <v>15</v>
      </c>
      <c r="H968" t="s">
        <v>14</v>
      </c>
      <c r="I968" t="s">
        <v>106</v>
      </c>
      <c r="J968" s="10">
        <v>8.1999999999999993</v>
      </c>
    </row>
    <row r="969" spans="1:10" x14ac:dyDescent="0.35">
      <c r="A969" t="s">
        <v>20</v>
      </c>
      <c r="B969" t="s">
        <v>59</v>
      </c>
      <c r="C969" t="s">
        <v>99</v>
      </c>
      <c r="D969" t="s">
        <v>100</v>
      </c>
      <c r="E969">
        <v>2021</v>
      </c>
      <c r="F969" s="3">
        <v>2021</v>
      </c>
      <c r="G969" t="s">
        <v>15</v>
      </c>
      <c r="H969" t="s">
        <v>14</v>
      </c>
      <c r="I969" t="s">
        <v>107</v>
      </c>
      <c r="J969" s="10">
        <v>3.9</v>
      </c>
    </row>
    <row r="970" spans="1:10" x14ac:dyDescent="0.35">
      <c r="A970" t="s">
        <v>20</v>
      </c>
      <c r="B970" t="s">
        <v>59</v>
      </c>
      <c r="C970" t="s">
        <v>99</v>
      </c>
      <c r="D970" t="s">
        <v>100</v>
      </c>
      <c r="E970">
        <v>2021</v>
      </c>
      <c r="F970" s="3">
        <v>2021</v>
      </c>
      <c r="G970" t="s">
        <v>15</v>
      </c>
      <c r="H970" t="s">
        <v>14</v>
      </c>
      <c r="I970" t="s">
        <v>108</v>
      </c>
      <c r="J970" s="10">
        <v>0.1</v>
      </c>
    </row>
    <row r="971" spans="1:10" x14ac:dyDescent="0.35">
      <c r="A971" t="s">
        <v>20</v>
      </c>
      <c r="B971" t="s">
        <v>60</v>
      </c>
      <c r="C971" t="s">
        <v>99</v>
      </c>
      <c r="D971" t="s">
        <v>100</v>
      </c>
      <c r="E971">
        <v>2021</v>
      </c>
      <c r="F971" s="3">
        <v>2021</v>
      </c>
      <c r="G971" t="s">
        <v>15</v>
      </c>
      <c r="H971" t="s">
        <v>14</v>
      </c>
      <c r="I971" t="s">
        <v>101</v>
      </c>
      <c r="J971" s="10">
        <v>15.7</v>
      </c>
    </row>
    <row r="972" spans="1:10" x14ac:dyDescent="0.35">
      <c r="A972" t="s">
        <v>20</v>
      </c>
      <c r="B972" t="s">
        <v>60</v>
      </c>
      <c r="C972" t="s">
        <v>99</v>
      </c>
      <c r="D972" t="s">
        <v>100</v>
      </c>
      <c r="E972">
        <v>2021</v>
      </c>
      <c r="F972" s="3">
        <v>2021</v>
      </c>
      <c r="G972" t="s">
        <v>15</v>
      </c>
      <c r="H972" t="s">
        <v>14</v>
      </c>
      <c r="I972" t="s">
        <v>102</v>
      </c>
      <c r="J972" s="10">
        <v>31.3</v>
      </c>
    </row>
    <row r="973" spans="1:10" x14ac:dyDescent="0.35">
      <c r="A973" t="s">
        <v>20</v>
      </c>
      <c r="B973" t="s">
        <v>60</v>
      </c>
      <c r="C973" t="s">
        <v>99</v>
      </c>
      <c r="D973" t="s">
        <v>100</v>
      </c>
      <c r="E973">
        <v>2021</v>
      </c>
      <c r="F973" s="3">
        <v>2021</v>
      </c>
      <c r="G973" t="s">
        <v>15</v>
      </c>
      <c r="H973" t="s">
        <v>14</v>
      </c>
      <c r="I973" t="s">
        <v>103</v>
      </c>
      <c r="J973" s="10">
        <v>15.1</v>
      </c>
    </row>
    <row r="974" spans="1:10" x14ac:dyDescent="0.35">
      <c r="A974" t="s">
        <v>20</v>
      </c>
      <c r="B974" t="s">
        <v>60</v>
      </c>
      <c r="C974" t="s">
        <v>99</v>
      </c>
      <c r="D974" t="s">
        <v>100</v>
      </c>
      <c r="E974">
        <v>2021</v>
      </c>
      <c r="F974" s="3">
        <v>2021</v>
      </c>
      <c r="G974" t="s">
        <v>15</v>
      </c>
      <c r="H974" t="s">
        <v>14</v>
      </c>
      <c r="I974" t="s">
        <v>104</v>
      </c>
      <c r="J974" s="10">
        <v>13</v>
      </c>
    </row>
    <row r="975" spans="1:10" x14ac:dyDescent="0.35">
      <c r="A975" t="s">
        <v>20</v>
      </c>
      <c r="B975" t="s">
        <v>60</v>
      </c>
      <c r="C975" t="s">
        <v>99</v>
      </c>
      <c r="D975" t="s">
        <v>100</v>
      </c>
      <c r="E975">
        <v>2021</v>
      </c>
      <c r="F975" s="3">
        <v>2021</v>
      </c>
      <c r="G975" t="s">
        <v>15</v>
      </c>
      <c r="H975" t="s">
        <v>14</v>
      </c>
      <c r="I975" t="s">
        <v>105</v>
      </c>
      <c r="J975" s="10">
        <v>14.2</v>
      </c>
    </row>
    <row r="976" spans="1:10" x14ac:dyDescent="0.35">
      <c r="A976" t="s">
        <v>20</v>
      </c>
      <c r="B976" t="s">
        <v>60</v>
      </c>
      <c r="C976" t="s">
        <v>99</v>
      </c>
      <c r="D976" t="s">
        <v>100</v>
      </c>
      <c r="E976">
        <v>2021</v>
      </c>
      <c r="F976" s="3">
        <v>2021</v>
      </c>
      <c r="G976" t="s">
        <v>15</v>
      </c>
      <c r="H976" t="s">
        <v>14</v>
      </c>
      <c r="I976" t="s">
        <v>106</v>
      </c>
      <c r="J976" s="10">
        <v>6.7</v>
      </c>
    </row>
    <row r="977" spans="1:10" x14ac:dyDescent="0.35">
      <c r="A977" t="s">
        <v>20</v>
      </c>
      <c r="B977" t="s">
        <v>60</v>
      </c>
      <c r="C977" t="s">
        <v>99</v>
      </c>
      <c r="D977" t="s">
        <v>100</v>
      </c>
      <c r="E977">
        <v>2021</v>
      </c>
      <c r="F977" s="3">
        <v>2021</v>
      </c>
      <c r="G977" t="s">
        <v>15</v>
      </c>
      <c r="H977" t="s">
        <v>14</v>
      </c>
      <c r="I977" t="s">
        <v>107</v>
      </c>
      <c r="J977" s="10">
        <v>3.7</v>
      </c>
    </row>
    <row r="978" spans="1:10" x14ac:dyDescent="0.35">
      <c r="A978" t="s">
        <v>20</v>
      </c>
      <c r="B978" t="s">
        <v>60</v>
      </c>
      <c r="C978" t="s">
        <v>99</v>
      </c>
      <c r="D978" t="s">
        <v>100</v>
      </c>
      <c r="E978">
        <v>2021</v>
      </c>
      <c r="F978" s="3">
        <v>2021</v>
      </c>
      <c r="G978" t="s">
        <v>15</v>
      </c>
      <c r="H978" t="s">
        <v>14</v>
      </c>
      <c r="I978" t="s">
        <v>108</v>
      </c>
      <c r="J978" s="10">
        <v>0.2</v>
      </c>
    </row>
    <row r="979" spans="1:10" x14ac:dyDescent="0.35">
      <c r="A979" t="s">
        <v>28</v>
      </c>
      <c r="B979" t="s">
        <v>61</v>
      </c>
      <c r="C979" t="s">
        <v>99</v>
      </c>
      <c r="D979" t="s">
        <v>100</v>
      </c>
      <c r="E979">
        <v>2021</v>
      </c>
      <c r="F979" s="3">
        <v>2021</v>
      </c>
      <c r="G979" t="s">
        <v>15</v>
      </c>
      <c r="H979" t="s">
        <v>14</v>
      </c>
      <c r="I979" t="s">
        <v>101</v>
      </c>
      <c r="J979" s="10">
        <v>13.3</v>
      </c>
    </row>
    <row r="980" spans="1:10" x14ac:dyDescent="0.35">
      <c r="A980" t="s">
        <v>28</v>
      </c>
      <c r="B980" t="s">
        <v>61</v>
      </c>
      <c r="C980" t="s">
        <v>99</v>
      </c>
      <c r="D980" t="s">
        <v>100</v>
      </c>
      <c r="E980">
        <v>2021</v>
      </c>
      <c r="F980" s="3">
        <v>2021</v>
      </c>
      <c r="G980" t="s">
        <v>15</v>
      </c>
      <c r="H980" t="s">
        <v>14</v>
      </c>
      <c r="I980" t="s">
        <v>102</v>
      </c>
      <c r="J980" s="10">
        <v>21.4</v>
      </c>
    </row>
    <row r="981" spans="1:10" x14ac:dyDescent="0.35">
      <c r="A981" t="s">
        <v>28</v>
      </c>
      <c r="B981" t="s">
        <v>61</v>
      </c>
      <c r="C981" t="s">
        <v>99</v>
      </c>
      <c r="D981" t="s">
        <v>100</v>
      </c>
      <c r="E981">
        <v>2021</v>
      </c>
      <c r="F981" s="3">
        <v>2021</v>
      </c>
      <c r="G981" t="s">
        <v>15</v>
      </c>
      <c r="H981" t="s">
        <v>14</v>
      </c>
      <c r="I981" t="s">
        <v>103</v>
      </c>
      <c r="J981" s="10">
        <v>28.1</v>
      </c>
    </row>
    <row r="982" spans="1:10" x14ac:dyDescent="0.35">
      <c r="A982" t="s">
        <v>28</v>
      </c>
      <c r="B982" t="s">
        <v>61</v>
      </c>
      <c r="C982" t="s">
        <v>99</v>
      </c>
      <c r="D982" t="s">
        <v>100</v>
      </c>
      <c r="E982">
        <v>2021</v>
      </c>
      <c r="F982" s="3">
        <v>2021</v>
      </c>
      <c r="G982" t="s">
        <v>15</v>
      </c>
      <c r="H982" t="s">
        <v>14</v>
      </c>
      <c r="I982" t="s">
        <v>104</v>
      </c>
      <c r="J982" s="10">
        <v>19.2</v>
      </c>
    </row>
    <row r="983" spans="1:10" x14ac:dyDescent="0.35">
      <c r="A983" t="s">
        <v>28</v>
      </c>
      <c r="B983" t="s">
        <v>61</v>
      </c>
      <c r="C983" t="s">
        <v>99</v>
      </c>
      <c r="D983" t="s">
        <v>100</v>
      </c>
      <c r="E983">
        <v>2021</v>
      </c>
      <c r="F983" s="3">
        <v>2021</v>
      </c>
      <c r="G983" t="s">
        <v>15</v>
      </c>
      <c r="H983" t="s">
        <v>14</v>
      </c>
      <c r="I983" t="s">
        <v>105</v>
      </c>
      <c r="J983" s="10">
        <v>10.4</v>
      </c>
    </row>
    <row r="984" spans="1:10" x14ac:dyDescent="0.35">
      <c r="A984" t="s">
        <v>28</v>
      </c>
      <c r="B984" t="s">
        <v>61</v>
      </c>
      <c r="C984" t="s">
        <v>99</v>
      </c>
      <c r="D984" t="s">
        <v>100</v>
      </c>
      <c r="E984">
        <v>2021</v>
      </c>
      <c r="F984" s="3">
        <v>2021</v>
      </c>
      <c r="G984" t="s">
        <v>15</v>
      </c>
      <c r="H984" t="s">
        <v>14</v>
      </c>
      <c r="I984" t="s">
        <v>106</v>
      </c>
      <c r="J984" s="10">
        <v>4.5</v>
      </c>
    </row>
    <row r="985" spans="1:10" x14ac:dyDescent="0.35">
      <c r="A985" t="s">
        <v>28</v>
      </c>
      <c r="B985" t="s">
        <v>61</v>
      </c>
      <c r="C985" t="s">
        <v>99</v>
      </c>
      <c r="D985" t="s">
        <v>100</v>
      </c>
      <c r="E985">
        <v>2021</v>
      </c>
      <c r="F985" s="3">
        <v>2021</v>
      </c>
      <c r="G985" t="s">
        <v>15</v>
      </c>
      <c r="H985" t="s">
        <v>14</v>
      </c>
      <c r="I985" t="s">
        <v>107</v>
      </c>
      <c r="J985" s="10">
        <v>3.1</v>
      </c>
    </row>
    <row r="986" spans="1:10" x14ac:dyDescent="0.35">
      <c r="A986" t="s">
        <v>28</v>
      </c>
      <c r="B986" t="s">
        <v>61</v>
      </c>
      <c r="C986" t="s">
        <v>99</v>
      </c>
      <c r="D986" t="s">
        <v>100</v>
      </c>
      <c r="E986">
        <v>2021</v>
      </c>
      <c r="F986" s="3">
        <v>2021</v>
      </c>
      <c r="G986" t="s">
        <v>15</v>
      </c>
      <c r="H986" t="s">
        <v>14</v>
      </c>
      <c r="I986" t="s">
        <v>108</v>
      </c>
      <c r="J986" s="10">
        <v>0.1</v>
      </c>
    </row>
    <row r="987" spans="1:10" x14ac:dyDescent="0.35">
      <c r="A987" t="s">
        <v>62</v>
      </c>
      <c r="B987" t="s">
        <v>63</v>
      </c>
      <c r="C987" t="s">
        <v>99</v>
      </c>
      <c r="D987" t="s">
        <v>100</v>
      </c>
      <c r="E987">
        <v>2021</v>
      </c>
      <c r="F987" s="3">
        <v>2021</v>
      </c>
      <c r="G987" t="s">
        <v>15</v>
      </c>
      <c r="H987" t="s">
        <v>14</v>
      </c>
      <c r="I987" t="s">
        <v>101</v>
      </c>
      <c r="J987" s="10">
        <v>14.3</v>
      </c>
    </row>
    <row r="988" spans="1:10" x14ac:dyDescent="0.35">
      <c r="A988" t="s">
        <v>62</v>
      </c>
      <c r="B988" t="s">
        <v>63</v>
      </c>
      <c r="C988" t="s">
        <v>99</v>
      </c>
      <c r="D988" t="s">
        <v>100</v>
      </c>
      <c r="E988">
        <v>2021</v>
      </c>
      <c r="F988" s="3">
        <v>2021</v>
      </c>
      <c r="G988" t="s">
        <v>15</v>
      </c>
      <c r="H988" t="s">
        <v>14</v>
      </c>
      <c r="I988" t="s">
        <v>102</v>
      </c>
      <c r="J988" s="10">
        <v>31.1</v>
      </c>
    </row>
    <row r="989" spans="1:10" x14ac:dyDescent="0.35">
      <c r="A989" t="s">
        <v>62</v>
      </c>
      <c r="B989" t="s">
        <v>63</v>
      </c>
      <c r="C989" t="s">
        <v>99</v>
      </c>
      <c r="D989" t="s">
        <v>100</v>
      </c>
      <c r="E989">
        <v>2021</v>
      </c>
      <c r="F989" s="3">
        <v>2021</v>
      </c>
      <c r="G989" t="s">
        <v>15</v>
      </c>
      <c r="H989" t="s">
        <v>14</v>
      </c>
      <c r="I989" t="s">
        <v>103</v>
      </c>
      <c r="J989" s="10">
        <v>22.6</v>
      </c>
    </row>
    <row r="990" spans="1:10" x14ac:dyDescent="0.35">
      <c r="A990" t="s">
        <v>62</v>
      </c>
      <c r="B990" t="s">
        <v>63</v>
      </c>
      <c r="C990" t="s">
        <v>99</v>
      </c>
      <c r="D990" t="s">
        <v>100</v>
      </c>
      <c r="E990">
        <v>2021</v>
      </c>
      <c r="F990" s="3">
        <v>2021</v>
      </c>
      <c r="G990" t="s">
        <v>15</v>
      </c>
      <c r="H990" t="s">
        <v>14</v>
      </c>
      <c r="I990" t="s">
        <v>104</v>
      </c>
      <c r="J990" s="10">
        <v>10</v>
      </c>
    </row>
    <row r="991" spans="1:10" x14ac:dyDescent="0.35">
      <c r="A991" t="s">
        <v>62</v>
      </c>
      <c r="B991" t="s">
        <v>63</v>
      </c>
      <c r="C991" t="s">
        <v>99</v>
      </c>
      <c r="D991" t="s">
        <v>100</v>
      </c>
      <c r="E991">
        <v>2021</v>
      </c>
      <c r="F991" s="3">
        <v>2021</v>
      </c>
      <c r="G991" t="s">
        <v>15</v>
      </c>
      <c r="H991" t="s">
        <v>14</v>
      </c>
      <c r="I991" t="s">
        <v>105</v>
      </c>
      <c r="J991" s="10">
        <v>13.8</v>
      </c>
    </row>
    <row r="992" spans="1:10" x14ac:dyDescent="0.35">
      <c r="A992" t="s">
        <v>62</v>
      </c>
      <c r="B992" t="s">
        <v>63</v>
      </c>
      <c r="C992" t="s">
        <v>99</v>
      </c>
      <c r="D992" t="s">
        <v>100</v>
      </c>
      <c r="E992">
        <v>2021</v>
      </c>
      <c r="F992" s="3">
        <v>2021</v>
      </c>
      <c r="G992" t="s">
        <v>15</v>
      </c>
      <c r="H992" t="s">
        <v>14</v>
      </c>
      <c r="I992" t="s">
        <v>106</v>
      </c>
      <c r="J992" s="10">
        <v>5.2</v>
      </c>
    </row>
    <row r="993" spans="1:10" x14ac:dyDescent="0.35">
      <c r="A993" t="s">
        <v>62</v>
      </c>
      <c r="B993" t="s">
        <v>63</v>
      </c>
      <c r="C993" t="s">
        <v>99</v>
      </c>
      <c r="D993" t="s">
        <v>100</v>
      </c>
      <c r="E993">
        <v>2021</v>
      </c>
      <c r="F993" s="3">
        <v>2021</v>
      </c>
      <c r="G993" t="s">
        <v>15</v>
      </c>
      <c r="H993" t="s">
        <v>14</v>
      </c>
      <c r="I993" t="s">
        <v>107</v>
      </c>
      <c r="J993" s="10">
        <v>2.8</v>
      </c>
    </row>
    <row r="994" spans="1:10" x14ac:dyDescent="0.35">
      <c r="A994" t="s">
        <v>62</v>
      </c>
      <c r="B994" t="s">
        <v>63</v>
      </c>
      <c r="C994" t="s">
        <v>99</v>
      </c>
      <c r="D994" t="s">
        <v>100</v>
      </c>
      <c r="E994">
        <v>2021</v>
      </c>
      <c r="F994" s="3">
        <v>2021</v>
      </c>
      <c r="G994" t="s">
        <v>15</v>
      </c>
      <c r="H994" t="s">
        <v>14</v>
      </c>
      <c r="I994" t="s">
        <v>108</v>
      </c>
      <c r="J994" s="10">
        <v>0.3</v>
      </c>
    </row>
    <row r="995" spans="1:10" x14ac:dyDescent="0.35">
      <c r="A995" t="s">
        <v>62</v>
      </c>
      <c r="B995" t="s">
        <v>64</v>
      </c>
      <c r="C995" t="s">
        <v>99</v>
      </c>
      <c r="D995" t="s">
        <v>100</v>
      </c>
      <c r="E995">
        <v>2021</v>
      </c>
      <c r="F995" s="3">
        <v>2021</v>
      </c>
      <c r="G995" t="s">
        <v>15</v>
      </c>
      <c r="H995" t="s">
        <v>14</v>
      </c>
      <c r="I995" t="s">
        <v>101</v>
      </c>
      <c r="J995" s="10">
        <v>24.7</v>
      </c>
    </row>
    <row r="996" spans="1:10" x14ac:dyDescent="0.35">
      <c r="A996" t="s">
        <v>62</v>
      </c>
      <c r="B996" t="s">
        <v>64</v>
      </c>
      <c r="C996" t="s">
        <v>99</v>
      </c>
      <c r="D996" t="s">
        <v>100</v>
      </c>
      <c r="E996">
        <v>2021</v>
      </c>
      <c r="F996" s="3">
        <v>2021</v>
      </c>
      <c r="G996" t="s">
        <v>15</v>
      </c>
      <c r="H996" t="s">
        <v>14</v>
      </c>
      <c r="I996" t="s">
        <v>102</v>
      </c>
      <c r="J996" s="10">
        <v>11.9</v>
      </c>
    </row>
    <row r="997" spans="1:10" x14ac:dyDescent="0.35">
      <c r="A997" t="s">
        <v>62</v>
      </c>
      <c r="B997" t="s">
        <v>64</v>
      </c>
      <c r="C997" t="s">
        <v>99</v>
      </c>
      <c r="D997" t="s">
        <v>100</v>
      </c>
      <c r="E997">
        <v>2021</v>
      </c>
      <c r="F997" s="3">
        <v>2021</v>
      </c>
      <c r="G997" t="s">
        <v>15</v>
      </c>
      <c r="H997" t="s">
        <v>14</v>
      </c>
      <c r="I997" t="s">
        <v>103</v>
      </c>
      <c r="J997" s="10">
        <v>19.100000000000001</v>
      </c>
    </row>
    <row r="998" spans="1:10" x14ac:dyDescent="0.35">
      <c r="A998" t="s">
        <v>62</v>
      </c>
      <c r="B998" t="s">
        <v>64</v>
      </c>
      <c r="C998" t="s">
        <v>99</v>
      </c>
      <c r="D998" t="s">
        <v>100</v>
      </c>
      <c r="E998">
        <v>2021</v>
      </c>
      <c r="F998" s="3">
        <v>2021</v>
      </c>
      <c r="G998" t="s">
        <v>15</v>
      </c>
      <c r="H998" t="s">
        <v>14</v>
      </c>
      <c r="I998" t="s">
        <v>104</v>
      </c>
      <c r="J998" s="10">
        <v>18.5</v>
      </c>
    </row>
    <row r="999" spans="1:10" x14ac:dyDescent="0.35">
      <c r="A999" t="s">
        <v>62</v>
      </c>
      <c r="B999" t="s">
        <v>64</v>
      </c>
      <c r="C999" t="s">
        <v>99</v>
      </c>
      <c r="D999" t="s">
        <v>100</v>
      </c>
      <c r="E999">
        <v>2021</v>
      </c>
      <c r="F999" s="3">
        <v>2021</v>
      </c>
      <c r="G999" t="s">
        <v>15</v>
      </c>
      <c r="H999" t="s">
        <v>14</v>
      </c>
      <c r="I999" t="s">
        <v>105</v>
      </c>
      <c r="J999" s="10">
        <v>14.7</v>
      </c>
    </row>
    <row r="1000" spans="1:10" x14ac:dyDescent="0.35">
      <c r="A1000" t="s">
        <v>62</v>
      </c>
      <c r="B1000" t="s">
        <v>64</v>
      </c>
      <c r="C1000" t="s">
        <v>99</v>
      </c>
      <c r="D1000" t="s">
        <v>100</v>
      </c>
      <c r="E1000">
        <v>2021</v>
      </c>
      <c r="F1000" s="3">
        <v>2021</v>
      </c>
      <c r="G1000" t="s">
        <v>15</v>
      </c>
      <c r="H1000" t="s">
        <v>14</v>
      </c>
      <c r="I1000" t="s">
        <v>106</v>
      </c>
      <c r="J1000" s="10">
        <v>7.8</v>
      </c>
    </row>
    <row r="1001" spans="1:10" x14ac:dyDescent="0.35">
      <c r="A1001" t="s">
        <v>62</v>
      </c>
      <c r="B1001" t="s">
        <v>64</v>
      </c>
      <c r="C1001" t="s">
        <v>99</v>
      </c>
      <c r="D1001" t="s">
        <v>100</v>
      </c>
      <c r="E1001">
        <v>2021</v>
      </c>
      <c r="F1001" s="3">
        <v>2021</v>
      </c>
      <c r="G1001" t="s">
        <v>15</v>
      </c>
      <c r="H1001" t="s">
        <v>14</v>
      </c>
      <c r="I1001" t="s">
        <v>107</v>
      </c>
      <c r="J1001" s="10">
        <v>3</v>
      </c>
    </row>
    <row r="1002" spans="1:10" x14ac:dyDescent="0.35">
      <c r="A1002" t="s">
        <v>62</v>
      </c>
      <c r="B1002" t="s">
        <v>64</v>
      </c>
      <c r="C1002" t="s">
        <v>99</v>
      </c>
      <c r="D1002" t="s">
        <v>100</v>
      </c>
      <c r="E1002">
        <v>2021</v>
      </c>
      <c r="F1002" s="3">
        <v>2021</v>
      </c>
      <c r="G1002" t="s">
        <v>15</v>
      </c>
      <c r="H1002" t="s">
        <v>14</v>
      </c>
      <c r="I1002" t="s">
        <v>108</v>
      </c>
      <c r="J1002" s="10">
        <v>0.3</v>
      </c>
    </row>
    <row r="1003" spans="1:10" x14ac:dyDescent="0.35">
      <c r="A1003" t="s">
        <v>62</v>
      </c>
      <c r="B1003" t="s">
        <v>65</v>
      </c>
      <c r="C1003" t="s">
        <v>99</v>
      </c>
      <c r="D1003" t="s">
        <v>100</v>
      </c>
      <c r="E1003">
        <v>2021</v>
      </c>
      <c r="F1003" s="3">
        <v>2021</v>
      </c>
      <c r="G1003" t="s">
        <v>15</v>
      </c>
      <c r="H1003" t="s">
        <v>14</v>
      </c>
      <c r="I1003" t="s">
        <v>101</v>
      </c>
      <c r="J1003" s="10">
        <v>33.6</v>
      </c>
    </row>
    <row r="1004" spans="1:10" x14ac:dyDescent="0.35">
      <c r="A1004" t="s">
        <v>62</v>
      </c>
      <c r="B1004" t="s">
        <v>65</v>
      </c>
      <c r="C1004" t="s">
        <v>99</v>
      </c>
      <c r="D1004" t="s">
        <v>100</v>
      </c>
      <c r="E1004">
        <v>2021</v>
      </c>
      <c r="F1004" s="3">
        <v>2021</v>
      </c>
      <c r="G1004" t="s">
        <v>15</v>
      </c>
      <c r="H1004" t="s">
        <v>14</v>
      </c>
      <c r="I1004" t="s">
        <v>102</v>
      </c>
      <c r="J1004" s="10">
        <v>27.5</v>
      </c>
    </row>
    <row r="1005" spans="1:10" x14ac:dyDescent="0.35">
      <c r="A1005" t="s">
        <v>62</v>
      </c>
      <c r="B1005" t="s">
        <v>65</v>
      </c>
      <c r="C1005" t="s">
        <v>99</v>
      </c>
      <c r="D1005" t="s">
        <v>100</v>
      </c>
      <c r="E1005">
        <v>2021</v>
      </c>
      <c r="F1005" s="3">
        <v>2021</v>
      </c>
      <c r="G1005" t="s">
        <v>15</v>
      </c>
      <c r="H1005" t="s">
        <v>14</v>
      </c>
      <c r="I1005" t="s">
        <v>103</v>
      </c>
      <c r="J1005" s="10">
        <v>19.2</v>
      </c>
    </row>
    <row r="1006" spans="1:10" x14ac:dyDescent="0.35">
      <c r="A1006" t="s">
        <v>62</v>
      </c>
      <c r="B1006" t="s">
        <v>65</v>
      </c>
      <c r="C1006" t="s">
        <v>99</v>
      </c>
      <c r="D1006" t="s">
        <v>100</v>
      </c>
      <c r="E1006">
        <v>2021</v>
      </c>
      <c r="F1006" s="3">
        <v>2021</v>
      </c>
      <c r="G1006" t="s">
        <v>15</v>
      </c>
      <c r="H1006" t="s">
        <v>14</v>
      </c>
      <c r="I1006" t="s">
        <v>104</v>
      </c>
      <c r="J1006" s="10">
        <v>9.8000000000000007</v>
      </c>
    </row>
    <row r="1007" spans="1:10" x14ac:dyDescent="0.35">
      <c r="A1007" t="s">
        <v>62</v>
      </c>
      <c r="B1007" t="s">
        <v>65</v>
      </c>
      <c r="C1007" t="s">
        <v>99</v>
      </c>
      <c r="D1007" t="s">
        <v>100</v>
      </c>
      <c r="E1007">
        <v>2021</v>
      </c>
      <c r="F1007" s="3">
        <v>2021</v>
      </c>
      <c r="G1007" t="s">
        <v>15</v>
      </c>
      <c r="H1007" t="s">
        <v>14</v>
      </c>
      <c r="I1007" t="s">
        <v>105</v>
      </c>
      <c r="J1007" s="10">
        <v>5.8</v>
      </c>
    </row>
    <row r="1008" spans="1:10" x14ac:dyDescent="0.35">
      <c r="A1008" t="s">
        <v>62</v>
      </c>
      <c r="B1008" t="s">
        <v>65</v>
      </c>
      <c r="C1008" t="s">
        <v>99</v>
      </c>
      <c r="D1008" t="s">
        <v>100</v>
      </c>
      <c r="E1008">
        <v>2021</v>
      </c>
      <c r="F1008" s="3">
        <v>2021</v>
      </c>
      <c r="G1008" t="s">
        <v>15</v>
      </c>
      <c r="H1008" t="s">
        <v>14</v>
      </c>
      <c r="I1008" t="s">
        <v>106</v>
      </c>
      <c r="J1008" s="10">
        <v>2.4</v>
      </c>
    </row>
    <row r="1009" spans="1:10" x14ac:dyDescent="0.35">
      <c r="A1009" t="s">
        <v>62</v>
      </c>
      <c r="B1009" t="s">
        <v>65</v>
      </c>
      <c r="C1009" t="s">
        <v>99</v>
      </c>
      <c r="D1009" t="s">
        <v>100</v>
      </c>
      <c r="E1009">
        <v>2021</v>
      </c>
      <c r="F1009" s="3">
        <v>2021</v>
      </c>
      <c r="G1009" t="s">
        <v>15</v>
      </c>
      <c r="H1009" t="s">
        <v>14</v>
      </c>
      <c r="I1009" t="s">
        <v>107</v>
      </c>
      <c r="J1009" s="10">
        <v>1.6</v>
      </c>
    </row>
    <row r="1010" spans="1:10" x14ac:dyDescent="0.35">
      <c r="A1010" t="s">
        <v>62</v>
      </c>
      <c r="B1010" t="s">
        <v>65</v>
      </c>
      <c r="C1010" t="s">
        <v>99</v>
      </c>
      <c r="D1010" t="s">
        <v>100</v>
      </c>
      <c r="E1010">
        <v>2021</v>
      </c>
      <c r="F1010" s="3">
        <v>2021</v>
      </c>
      <c r="G1010" t="s">
        <v>15</v>
      </c>
      <c r="H1010" t="s">
        <v>14</v>
      </c>
      <c r="I1010" t="s">
        <v>108</v>
      </c>
      <c r="J1010" s="10">
        <v>0.2</v>
      </c>
    </row>
    <row r="1011" spans="1:10" x14ac:dyDescent="0.35">
      <c r="A1011" t="s">
        <v>62</v>
      </c>
      <c r="B1011" t="s">
        <v>66</v>
      </c>
      <c r="C1011" t="s">
        <v>99</v>
      </c>
      <c r="D1011" t="s">
        <v>100</v>
      </c>
      <c r="E1011">
        <v>2021</v>
      </c>
      <c r="F1011" s="3">
        <v>2021</v>
      </c>
      <c r="G1011" t="s">
        <v>15</v>
      </c>
      <c r="H1011" t="s">
        <v>14</v>
      </c>
      <c r="I1011" t="s">
        <v>101</v>
      </c>
      <c r="J1011" s="10">
        <v>16.600000000000001</v>
      </c>
    </row>
    <row r="1012" spans="1:10" x14ac:dyDescent="0.35">
      <c r="A1012" t="s">
        <v>62</v>
      </c>
      <c r="B1012" t="s">
        <v>66</v>
      </c>
      <c r="C1012" t="s">
        <v>99</v>
      </c>
      <c r="D1012" t="s">
        <v>100</v>
      </c>
      <c r="E1012">
        <v>2021</v>
      </c>
      <c r="F1012" s="3">
        <v>2021</v>
      </c>
      <c r="G1012" t="s">
        <v>15</v>
      </c>
      <c r="H1012" t="s">
        <v>14</v>
      </c>
      <c r="I1012" t="s">
        <v>102</v>
      </c>
      <c r="J1012" s="10">
        <v>26.7</v>
      </c>
    </row>
    <row r="1013" spans="1:10" x14ac:dyDescent="0.35">
      <c r="A1013" t="s">
        <v>62</v>
      </c>
      <c r="B1013" t="s">
        <v>66</v>
      </c>
      <c r="C1013" t="s">
        <v>99</v>
      </c>
      <c r="D1013" t="s">
        <v>100</v>
      </c>
      <c r="E1013">
        <v>2021</v>
      </c>
      <c r="F1013" s="3">
        <v>2021</v>
      </c>
      <c r="G1013" t="s">
        <v>15</v>
      </c>
      <c r="H1013" t="s">
        <v>14</v>
      </c>
      <c r="I1013" t="s">
        <v>103</v>
      </c>
      <c r="J1013" s="10">
        <v>31.9</v>
      </c>
    </row>
    <row r="1014" spans="1:10" x14ac:dyDescent="0.35">
      <c r="A1014" t="s">
        <v>62</v>
      </c>
      <c r="B1014" t="s">
        <v>66</v>
      </c>
      <c r="C1014" t="s">
        <v>99</v>
      </c>
      <c r="D1014" t="s">
        <v>100</v>
      </c>
      <c r="E1014">
        <v>2021</v>
      </c>
      <c r="F1014" s="3">
        <v>2021</v>
      </c>
      <c r="G1014" t="s">
        <v>15</v>
      </c>
      <c r="H1014" t="s">
        <v>14</v>
      </c>
      <c r="I1014" t="s">
        <v>104</v>
      </c>
      <c r="J1014" s="10">
        <v>12.8</v>
      </c>
    </row>
    <row r="1015" spans="1:10" x14ac:dyDescent="0.35">
      <c r="A1015" t="s">
        <v>62</v>
      </c>
      <c r="B1015" t="s">
        <v>66</v>
      </c>
      <c r="C1015" t="s">
        <v>99</v>
      </c>
      <c r="D1015" t="s">
        <v>100</v>
      </c>
      <c r="E1015">
        <v>2021</v>
      </c>
      <c r="F1015" s="3">
        <v>2021</v>
      </c>
      <c r="G1015" t="s">
        <v>15</v>
      </c>
      <c r="H1015" t="s">
        <v>14</v>
      </c>
      <c r="I1015" t="s">
        <v>105</v>
      </c>
      <c r="J1015" s="10">
        <v>8.1</v>
      </c>
    </row>
    <row r="1016" spans="1:10" x14ac:dyDescent="0.35">
      <c r="A1016" t="s">
        <v>62</v>
      </c>
      <c r="B1016" t="s">
        <v>66</v>
      </c>
      <c r="C1016" t="s">
        <v>99</v>
      </c>
      <c r="D1016" t="s">
        <v>100</v>
      </c>
      <c r="E1016">
        <v>2021</v>
      </c>
      <c r="F1016" s="3">
        <v>2021</v>
      </c>
      <c r="G1016" t="s">
        <v>15</v>
      </c>
      <c r="H1016" t="s">
        <v>14</v>
      </c>
      <c r="I1016" t="s">
        <v>106</v>
      </c>
      <c r="J1016" s="10">
        <v>2.9</v>
      </c>
    </row>
    <row r="1017" spans="1:10" x14ac:dyDescent="0.35">
      <c r="A1017" t="s">
        <v>62</v>
      </c>
      <c r="B1017" t="s">
        <v>66</v>
      </c>
      <c r="C1017" t="s">
        <v>99</v>
      </c>
      <c r="D1017" t="s">
        <v>100</v>
      </c>
      <c r="E1017">
        <v>2021</v>
      </c>
      <c r="F1017" s="3">
        <v>2021</v>
      </c>
      <c r="G1017" t="s">
        <v>15</v>
      </c>
      <c r="H1017" t="s">
        <v>14</v>
      </c>
      <c r="I1017" t="s">
        <v>107</v>
      </c>
      <c r="J1017" s="10">
        <v>1.1000000000000001</v>
      </c>
    </row>
    <row r="1018" spans="1:10" x14ac:dyDescent="0.35">
      <c r="A1018" t="s">
        <v>62</v>
      </c>
      <c r="B1018" t="s">
        <v>66</v>
      </c>
      <c r="C1018" t="s">
        <v>99</v>
      </c>
      <c r="D1018" t="s">
        <v>100</v>
      </c>
      <c r="E1018">
        <v>2021</v>
      </c>
      <c r="F1018" s="3">
        <v>2021</v>
      </c>
      <c r="G1018" t="s">
        <v>15</v>
      </c>
      <c r="H1018" t="s">
        <v>14</v>
      </c>
      <c r="I1018" t="s">
        <v>108</v>
      </c>
      <c r="J1018" s="10">
        <v>0</v>
      </c>
    </row>
    <row r="1019" spans="1:10" x14ac:dyDescent="0.35">
      <c r="A1019" t="s">
        <v>62</v>
      </c>
      <c r="B1019" t="s">
        <v>67</v>
      </c>
      <c r="C1019" t="s">
        <v>99</v>
      </c>
      <c r="D1019" t="s">
        <v>100</v>
      </c>
      <c r="E1019">
        <v>2021</v>
      </c>
      <c r="F1019" s="3">
        <v>2021</v>
      </c>
      <c r="G1019" t="s">
        <v>15</v>
      </c>
      <c r="H1019" t="s">
        <v>14</v>
      </c>
      <c r="I1019" t="s">
        <v>101</v>
      </c>
      <c r="J1019" s="10">
        <v>29</v>
      </c>
    </row>
    <row r="1020" spans="1:10" x14ac:dyDescent="0.35">
      <c r="A1020" t="s">
        <v>62</v>
      </c>
      <c r="B1020" t="s">
        <v>67</v>
      </c>
      <c r="C1020" t="s">
        <v>99</v>
      </c>
      <c r="D1020" t="s">
        <v>100</v>
      </c>
      <c r="E1020">
        <v>2021</v>
      </c>
      <c r="F1020" s="3">
        <v>2021</v>
      </c>
      <c r="G1020" t="s">
        <v>15</v>
      </c>
      <c r="H1020" t="s">
        <v>14</v>
      </c>
      <c r="I1020" t="s">
        <v>102</v>
      </c>
      <c r="J1020" s="10">
        <v>35.9</v>
      </c>
    </row>
    <row r="1021" spans="1:10" x14ac:dyDescent="0.35">
      <c r="A1021" t="s">
        <v>62</v>
      </c>
      <c r="B1021" t="s">
        <v>67</v>
      </c>
      <c r="C1021" t="s">
        <v>99</v>
      </c>
      <c r="D1021" t="s">
        <v>100</v>
      </c>
      <c r="E1021">
        <v>2021</v>
      </c>
      <c r="F1021" s="3">
        <v>2021</v>
      </c>
      <c r="G1021" t="s">
        <v>15</v>
      </c>
      <c r="H1021" t="s">
        <v>14</v>
      </c>
      <c r="I1021" t="s">
        <v>103</v>
      </c>
      <c r="J1021" s="10">
        <v>18.8</v>
      </c>
    </row>
    <row r="1022" spans="1:10" x14ac:dyDescent="0.35">
      <c r="A1022" t="s">
        <v>62</v>
      </c>
      <c r="B1022" t="s">
        <v>67</v>
      </c>
      <c r="C1022" t="s">
        <v>99</v>
      </c>
      <c r="D1022" t="s">
        <v>100</v>
      </c>
      <c r="E1022">
        <v>2021</v>
      </c>
      <c r="F1022" s="3">
        <v>2021</v>
      </c>
      <c r="G1022" t="s">
        <v>15</v>
      </c>
      <c r="H1022" t="s">
        <v>14</v>
      </c>
      <c r="I1022" t="s">
        <v>104</v>
      </c>
      <c r="J1022" s="10">
        <v>9.4</v>
      </c>
    </row>
    <row r="1023" spans="1:10" x14ac:dyDescent="0.35">
      <c r="A1023" t="s">
        <v>62</v>
      </c>
      <c r="B1023" t="s">
        <v>67</v>
      </c>
      <c r="C1023" t="s">
        <v>99</v>
      </c>
      <c r="D1023" t="s">
        <v>100</v>
      </c>
      <c r="E1023">
        <v>2021</v>
      </c>
      <c r="F1023" s="3">
        <v>2021</v>
      </c>
      <c r="G1023" t="s">
        <v>15</v>
      </c>
      <c r="H1023" t="s">
        <v>14</v>
      </c>
      <c r="I1023" t="s">
        <v>105</v>
      </c>
      <c r="J1023" s="10">
        <v>3.8</v>
      </c>
    </row>
    <row r="1024" spans="1:10" x14ac:dyDescent="0.35">
      <c r="A1024" t="s">
        <v>62</v>
      </c>
      <c r="B1024" t="s">
        <v>67</v>
      </c>
      <c r="C1024" t="s">
        <v>99</v>
      </c>
      <c r="D1024" t="s">
        <v>100</v>
      </c>
      <c r="E1024">
        <v>2021</v>
      </c>
      <c r="F1024" s="3">
        <v>2021</v>
      </c>
      <c r="G1024" t="s">
        <v>15</v>
      </c>
      <c r="H1024" t="s">
        <v>14</v>
      </c>
      <c r="I1024" t="s">
        <v>106</v>
      </c>
      <c r="J1024" s="10">
        <v>2.6</v>
      </c>
    </row>
    <row r="1025" spans="1:10" x14ac:dyDescent="0.35">
      <c r="A1025" t="s">
        <v>62</v>
      </c>
      <c r="B1025" t="s">
        <v>67</v>
      </c>
      <c r="C1025" t="s">
        <v>99</v>
      </c>
      <c r="D1025" t="s">
        <v>100</v>
      </c>
      <c r="E1025">
        <v>2021</v>
      </c>
      <c r="F1025" s="3">
        <v>2021</v>
      </c>
      <c r="G1025" t="s">
        <v>15</v>
      </c>
      <c r="H1025" t="s">
        <v>14</v>
      </c>
      <c r="I1025" t="s">
        <v>107</v>
      </c>
      <c r="J1025" s="10">
        <v>0.4</v>
      </c>
    </row>
    <row r="1026" spans="1:10" x14ac:dyDescent="0.35">
      <c r="A1026" t="s">
        <v>62</v>
      </c>
      <c r="B1026" t="s">
        <v>67</v>
      </c>
      <c r="C1026" t="s">
        <v>99</v>
      </c>
      <c r="D1026" t="s">
        <v>100</v>
      </c>
      <c r="E1026">
        <v>2021</v>
      </c>
      <c r="F1026" s="3">
        <v>2021</v>
      </c>
      <c r="G1026" t="s">
        <v>15</v>
      </c>
      <c r="H1026" t="s">
        <v>14</v>
      </c>
      <c r="I1026" t="s">
        <v>108</v>
      </c>
      <c r="J1026" s="10">
        <v>0</v>
      </c>
    </row>
    <row r="1027" spans="1:10" x14ac:dyDescent="0.35">
      <c r="A1027" t="s">
        <v>62</v>
      </c>
      <c r="B1027" t="s">
        <v>68</v>
      </c>
      <c r="C1027" t="s">
        <v>99</v>
      </c>
      <c r="D1027" t="s">
        <v>100</v>
      </c>
      <c r="E1027">
        <v>2021</v>
      </c>
      <c r="F1027" s="3">
        <v>2021</v>
      </c>
      <c r="G1027" t="s">
        <v>15</v>
      </c>
      <c r="H1027" t="s">
        <v>14</v>
      </c>
      <c r="I1027" t="s">
        <v>101</v>
      </c>
      <c r="J1027" s="10">
        <v>23.2</v>
      </c>
    </row>
    <row r="1028" spans="1:10" x14ac:dyDescent="0.35">
      <c r="A1028" t="s">
        <v>62</v>
      </c>
      <c r="B1028" t="s">
        <v>68</v>
      </c>
      <c r="C1028" t="s">
        <v>99</v>
      </c>
      <c r="D1028" t="s">
        <v>100</v>
      </c>
      <c r="E1028">
        <v>2021</v>
      </c>
      <c r="F1028" s="3">
        <v>2021</v>
      </c>
      <c r="G1028" t="s">
        <v>15</v>
      </c>
      <c r="H1028" t="s">
        <v>14</v>
      </c>
      <c r="I1028" t="s">
        <v>102</v>
      </c>
      <c r="J1028" s="10">
        <v>27.6</v>
      </c>
    </row>
    <row r="1029" spans="1:10" x14ac:dyDescent="0.35">
      <c r="A1029" t="s">
        <v>62</v>
      </c>
      <c r="B1029" t="s">
        <v>68</v>
      </c>
      <c r="C1029" t="s">
        <v>99</v>
      </c>
      <c r="D1029" t="s">
        <v>100</v>
      </c>
      <c r="E1029">
        <v>2021</v>
      </c>
      <c r="F1029" s="3">
        <v>2021</v>
      </c>
      <c r="G1029" t="s">
        <v>15</v>
      </c>
      <c r="H1029" t="s">
        <v>14</v>
      </c>
      <c r="I1029" t="s">
        <v>103</v>
      </c>
      <c r="J1029" s="10">
        <v>17.399999999999999</v>
      </c>
    </row>
    <row r="1030" spans="1:10" x14ac:dyDescent="0.35">
      <c r="A1030" t="s">
        <v>62</v>
      </c>
      <c r="B1030" t="s">
        <v>68</v>
      </c>
      <c r="C1030" t="s">
        <v>99</v>
      </c>
      <c r="D1030" t="s">
        <v>100</v>
      </c>
      <c r="E1030">
        <v>2021</v>
      </c>
      <c r="F1030" s="3">
        <v>2021</v>
      </c>
      <c r="G1030" t="s">
        <v>15</v>
      </c>
      <c r="H1030" t="s">
        <v>14</v>
      </c>
      <c r="I1030" t="s">
        <v>104</v>
      </c>
      <c r="J1030" s="10">
        <v>16.5</v>
      </c>
    </row>
    <row r="1031" spans="1:10" x14ac:dyDescent="0.35">
      <c r="A1031" t="s">
        <v>62</v>
      </c>
      <c r="B1031" t="s">
        <v>68</v>
      </c>
      <c r="C1031" t="s">
        <v>99</v>
      </c>
      <c r="D1031" t="s">
        <v>100</v>
      </c>
      <c r="E1031">
        <v>2021</v>
      </c>
      <c r="F1031" s="3">
        <v>2021</v>
      </c>
      <c r="G1031" t="s">
        <v>15</v>
      </c>
      <c r="H1031" t="s">
        <v>14</v>
      </c>
      <c r="I1031" t="s">
        <v>105</v>
      </c>
      <c r="J1031" s="10">
        <v>9</v>
      </c>
    </row>
    <row r="1032" spans="1:10" x14ac:dyDescent="0.35">
      <c r="A1032" t="s">
        <v>62</v>
      </c>
      <c r="B1032" t="s">
        <v>68</v>
      </c>
      <c r="C1032" t="s">
        <v>99</v>
      </c>
      <c r="D1032" t="s">
        <v>100</v>
      </c>
      <c r="E1032">
        <v>2021</v>
      </c>
      <c r="F1032" s="3">
        <v>2021</v>
      </c>
      <c r="G1032" t="s">
        <v>15</v>
      </c>
      <c r="H1032" t="s">
        <v>14</v>
      </c>
      <c r="I1032" t="s">
        <v>106</v>
      </c>
      <c r="J1032" s="10">
        <v>5.4</v>
      </c>
    </row>
    <row r="1033" spans="1:10" x14ac:dyDescent="0.35">
      <c r="A1033" t="s">
        <v>62</v>
      </c>
      <c r="B1033" t="s">
        <v>68</v>
      </c>
      <c r="C1033" t="s">
        <v>99</v>
      </c>
      <c r="D1033" t="s">
        <v>100</v>
      </c>
      <c r="E1033">
        <v>2021</v>
      </c>
      <c r="F1033" s="3">
        <v>2021</v>
      </c>
      <c r="G1033" t="s">
        <v>15</v>
      </c>
      <c r="H1033" t="s">
        <v>14</v>
      </c>
      <c r="I1033" t="s">
        <v>107</v>
      </c>
      <c r="J1033" s="10">
        <v>0.9</v>
      </c>
    </row>
    <row r="1034" spans="1:10" x14ac:dyDescent="0.35">
      <c r="A1034" t="s">
        <v>62</v>
      </c>
      <c r="B1034" t="s">
        <v>68</v>
      </c>
      <c r="C1034" t="s">
        <v>99</v>
      </c>
      <c r="D1034" t="s">
        <v>100</v>
      </c>
      <c r="E1034">
        <v>2021</v>
      </c>
      <c r="F1034" s="3">
        <v>2021</v>
      </c>
      <c r="G1034" t="s">
        <v>15</v>
      </c>
      <c r="H1034" t="s">
        <v>14</v>
      </c>
      <c r="I1034" t="s">
        <v>108</v>
      </c>
      <c r="J1034" s="10">
        <v>0</v>
      </c>
    </row>
    <row r="1035" spans="1:10" x14ac:dyDescent="0.35">
      <c r="A1035" t="s">
        <v>62</v>
      </c>
      <c r="B1035" t="s">
        <v>69</v>
      </c>
      <c r="C1035" t="s">
        <v>99</v>
      </c>
      <c r="D1035" t="s">
        <v>100</v>
      </c>
      <c r="E1035">
        <v>2021</v>
      </c>
      <c r="F1035" s="3">
        <v>2021</v>
      </c>
      <c r="G1035" t="s">
        <v>15</v>
      </c>
      <c r="H1035" t="s">
        <v>14</v>
      </c>
      <c r="I1035" t="s">
        <v>101</v>
      </c>
      <c r="J1035" s="10">
        <v>19.600000000000001</v>
      </c>
    </row>
    <row r="1036" spans="1:10" x14ac:dyDescent="0.35">
      <c r="A1036" t="s">
        <v>62</v>
      </c>
      <c r="B1036" t="s">
        <v>69</v>
      </c>
      <c r="C1036" t="s">
        <v>99</v>
      </c>
      <c r="D1036" t="s">
        <v>100</v>
      </c>
      <c r="E1036">
        <v>2021</v>
      </c>
      <c r="F1036" s="3">
        <v>2021</v>
      </c>
      <c r="G1036" t="s">
        <v>15</v>
      </c>
      <c r="H1036" t="s">
        <v>14</v>
      </c>
      <c r="I1036" t="s">
        <v>102</v>
      </c>
      <c r="J1036" s="10">
        <v>27</v>
      </c>
    </row>
    <row r="1037" spans="1:10" x14ac:dyDescent="0.35">
      <c r="A1037" t="s">
        <v>62</v>
      </c>
      <c r="B1037" t="s">
        <v>69</v>
      </c>
      <c r="C1037" t="s">
        <v>99</v>
      </c>
      <c r="D1037" t="s">
        <v>100</v>
      </c>
      <c r="E1037">
        <v>2021</v>
      </c>
      <c r="F1037" s="3">
        <v>2021</v>
      </c>
      <c r="G1037" t="s">
        <v>15</v>
      </c>
      <c r="H1037" t="s">
        <v>14</v>
      </c>
      <c r="I1037" t="s">
        <v>103</v>
      </c>
      <c r="J1037" s="10">
        <v>22.7</v>
      </c>
    </row>
    <row r="1038" spans="1:10" x14ac:dyDescent="0.35">
      <c r="A1038" t="s">
        <v>62</v>
      </c>
      <c r="B1038" t="s">
        <v>69</v>
      </c>
      <c r="C1038" t="s">
        <v>99</v>
      </c>
      <c r="D1038" t="s">
        <v>100</v>
      </c>
      <c r="E1038">
        <v>2021</v>
      </c>
      <c r="F1038" s="3">
        <v>2021</v>
      </c>
      <c r="G1038" t="s">
        <v>15</v>
      </c>
      <c r="H1038" t="s">
        <v>14</v>
      </c>
      <c r="I1038" t="s">
        <v>104</v>
      </c>
      <c r="J1038" s="10">
        <v>11.8</v>
      </c>
    </row>
    <row r="1039" spans="1:10" x14ac:dyDescent="0.35">
      <c r="A1039" t="s">
        <v>62</v>
      </c>
      <c r="B1039" t="s">
        <v>69</v>
      </c>
      <c r="C1039" t="s">
        <v>99</v>
      </c>
      <c r="D1039" t="s">
        <v>100</v>
      </c>
      <c r="E1039">
        <v>2021</v>
      </c>
      <c r="F1039" s="3">
        <v>2021</v>
      </c>
      <c r="G1039" t="s">
        <v>15</v>
      </c>
      <c r="H1039" t="s">
        <v>14</v>
      </c>
      <c r="I1039" t="s">
        <v>105</v>
      </c>
      <c r="J1039" s="10">
        <v>10.7</v>
      </c>
    </row>
    <row r="1040" spans="1:10" x14ac:dyDescent="0.35">
      <c r="A1040" t="s">
        <v>62</v>
      </c>
      <c r="B1040" t="s">
        <v>69</v>
      </c>
      <c r="C1040" t="s">
        <v>99</v>
      </c>
      <c r="D1040" t="s">
        <v>100</v>
      </c>
      <c r="E1040">
        <v>2021</v>
      </c>
      <c r="F1040" s="3">
        <v>2021</v>
      </c>
      <c r="G1040" t="s">
        <v>15</v>
      </c>
      <c r="H1040" t="s">
        <v>14</v>
      </c>
      <c r="I1040" t="s">
        <v>106</v>
      </c>
      <c r="J1040" s="10">
        <v>4.0999999999999996</v>
      </c>
    </row>
    <row r="1041" spans="1:10" x14ac:dyDescent="0.35">
      <c r="A1041" t="s">
        <v>62</v>
      </c>
      <c r="B1041" t="s">
        <v>69</v>
      </c>
      <c r="C1041" t="s">
        <v>99</v>
      </c>
      <c r="D1041" t="s">
        <v>100</v>
      </c>
      <c r="E1041">
        <v>2021</v>
      </c>
      <c r="F1041" s="3">
        <v>2021</v>
      </c>
      <c r="G1041" t="s">
        <v>15</v>
      </c>
      <c r="H1041" t="s">
        <v>14</v>
      </c>
      <c r="I1041" t="s">
        <v>107</v>
      </c>
      <c r="J1041" s="10">
        <v>3.3</v>
      </c>
    </row>
    <row r="1042" spans="1:10" x14ac:dyDescent="0.35">
      <c r="A1042" t="s">
        <v>62</v>
      </c>
      <c r="B1042" t="s">
        <v>69</v>
      </c>
      <c r="C1042" t="s">
        <v>99</v>
      </c>
      <c r="D1042" t="s">
        <v>100</v>
      </c>
      <c r="E1042">
        <v>2021</v>
      </c>
      <c r="F1042" s="3">
        <v>2021</v>
      </c>
      <c r="G1042" t="s">
        <v>15</v>
      </c>
      <c r="H1042" t="s">
        <v>14</v>
      </c>
      <c r="I1042" t="s">
        <v>108</v>
      </c>
      <c r="J1042" s="10">
        <v>0.7</v>
      </c>
    </row>
    <row r="1043" spans="1:10" x14ac:dyDescent="0.35">
      <c r="A1043" t="s">
        <v>62</v>
      </c>
      <c r="B1043" t="s">
        <v>70</v>
      </c>
      <c r="C1043" t="s">
        <v>99</v>
      </c>
      <c r="D1043" t="s">
        <v>100</v>
      </c>
      <c r="E1043">
        <v>2021</v>
      </c>
      <c r="F1043" s="3">
        <v>2021</v>
      </c>
      <c r="G1043" t="s">
        <v>15</v>
      </c>
      <c r="H1043" t="s">
        <v>14</v>
      </c>
      <c r="I1043" t="s">
        <v>101</v>
      </c>
      <c r="J1043" s="10">
        <v>50.3</v>
      </c>
    </row>
    <row r="1044" spans="1:10" x14ac:dyDescent="0.35">
      <c r="A1044" t="s">
        <v>62</v>
      </c>
      <c r="B1044" t="s">
        <v>70</v>
      </c>
      <c r="C1044" t="s">
        <v>99</v>
      </c>
      <c r="D1044" t="s">
        <v>100</v>
      </c>
      <c r="E1044">
        <v>2021</v>
      </c>
      <c r="F1044" s="3">
        <v>2021</v>
      </c>
      <c r="G1044" t="s">
        <v>15</v>
      </c>
      <c r="H1044" t="s">
        <v>14</v>
      </c>
      <c r="I1044" t="s">
        <v>102</v>
      </c>
      <c r="J1044" s="10">
        <v>16.100000000000001</v>
      </c>
    </row>
    <row r="1045" spans="1:10" x14ac:dyDescent="0.35">
      <c r="A1045" t="s">
        <v>62</v>
      </c>
      <c r="B1045" t="s">
        <v>70</v>
      </c>
      <c r="C1045" t="s">
        <v>99</v>
      </c>
      <c r="D1045" t="s">
        <v>100</v>
      </c>
      <c r="E1045">
        <v>2021</v>
      </c>
      <c r="F1045" s="3">
        <v>2021</v>
      </c>
      <c r="G1045" t="s">
        <v>15</v>
      </c>
      <c r="H1045" t="s">
        <v>14</v>
      </c>
      <c r="I1045" t="s">
        <v>103</v>
      </c>
      <c r="J1045" s="10">
        <v>9.5</v>
      </c>
    </row>
    <row r="1046" spans="1:10" x14ac:dyDescent="0.35">
      <c r="A1046" t="s">
        <v>62</v>
      </c>
      <c r="B1046" t="s">
        <v>70</v>
      </c>
      <c r="C1046" t="s">
        <v>99</v>
      </c>
      <c r="D1046" t="s">
        <v>100</v>
      </c>
      <c r="E1046">
        <v>2021</v>
      </c>
      <c r="F1046" s="3">
        <v>2021</v>
      </c>
      <c r="G1046" t="s">
        <v>15</v>
      </c>
      <c r="H1046" t="s">
        <v>14</v>
      </c>
      <c r="I1046" t="s">
        <v>104</v>
      </c>
      <c r="J1046" s="10">
        <v>8.6999999999999993</v>
      </c>
    </row>
    <row r="1047" spans="1:10" x14ac:dyDescent="0.35">
      <c r="A1047" t="s">
        <v>62</v>
      </c>
      <c r="B1047" t="s">
        <v>70</v>
      </c>
      <c r="C1047" t="s">
        <v>99</v>
      </c>
      <c r="D1047" t="s">
        <v>100</v>
      </c>
      <c r="E1047">
        <v>2021</v>
      </c>
      <c r="F1047" s="3">
        <v>2021</v>
      </c>
      <c r="G1047" t="s">
        <v>15</v>
      </c>
      <c r="H1047" t="s">
        <v>14</v>
      </c>
      <c r="I1047" t="s">
        <v>105</v>
      </c>
      <c r="J1047" s="10">
        <v>9.1</v>
      </c>
    </row>
    <row r="1048" spans="1:10" x14ac:dyDescent="0.35">
      <c r="A1048" t="s">
        <v>62</v>
      </c>
      <c r="B1048" t="s">
        <v>70</v>
      </c>
      <c r="C1048" t="s">
        <v>99</v>
      </c>
      <c r="D1048" t="s">
        <v>100</v>
      </c>
      <c r="E1048">
        <v>2021</v>
      </c>
      <c r="F1048" s="3">
        <v>2021</v>
      </c>
      <c r="G1048" t="s">
        <v>15</v>
      </c>
      <c r="H1048" t="s">
        <v>14</v>
      </c>
      <c r="I1048" t="s">
        <v>106</v>
      </c>
      <c r="J1048" s="10">
        <v>4.2</v>
      </c>
    </row>
    <row r="1049" spans="1:10" x14ac:dyDescent="0.35">
      <c r="A1049" t="s">
        <v>62</v>
      </c>
      <c r="B1049" t="s">
        <v>70</v>
      </c>
      <c r="C1049" t="s">
        <v>99</v>
      </c>
      <c r="D1049" t="s">
        <v>100</v>
      </c>
      <c r="E1049">
        <v>2021</v>
      </c>
      <c r="F1049" s="3">
        <v>2021</v>
      </c>
      <c r="G1049" t="s">
        <v>15</v>
      </c>
      <c r="H1049" t="s">
        <v>14</v>
      </c>
      <c r="I1049" t="s">
        <v>107</v>
      </c>
      <c r="J1049" s="10">
        <v>2.1</v>
      </c>
    </row>
    <row r="1050" spans="1:10" x14ac:dyDescent="0.35">
      <c r="A1050" t="s">
        <v>62</v>
      </c>
      <c r="B1050" t="s">
        <v>70</v>
      </c>
      <c r="C1050" t="s">
        <v>99</v>
      </c>
      <c r="D1050" t="s">
        <v>100</v>
      </c>
      <c r="E1050">
        <v>2021</v>
      </c>
      <c r="F1050" s="3">
        <v>2021</v>
      </c>
      <c r="G1050" t="s">
        <v>15</v>
      </c>
      <c r="H1050" t="s">
        <v>14</v>
      </c>
      <c r="I1050" t="s">
        <v>108</v>
      </c>
      <c r="J1050" s="10">
        <v>0.1</v>
      </c>
    </row>
    <row r="1051" spans="1:10" x14ac:dyDescent="0.35">
      <c r="A1051" t="s">
        <v>35</v>
      </c>
      <c r="B1051" t="s">
        <v>71</v>
      </c>
      <c r="C1051" t="s">
        <v>99</v>
      </c>
      <c r="D1051" t="s">
        <v>100</v>
      </c>
      <c r="E1051">
        <v>2021</v>
      </c>
      <c r="F1051" s="3">
        <v>2021</v>
      </c>
      <c r="G1051" t="s">
        <v>15</v>
      </c>
      <c r="H1051" t="s">
        <v>14</v>
      </c>
      <c r="I1051" t="s">
        <v>101</v>
      </c>
      <c r="J1051" s="10">
        <v>32.5</v>
      </c>
    </row>
    <row r="1052" spans="1:10" x14ac:dyDescent="0.35">
      <c r="A1052" t="s">
        <v>35</v>
      </c>
      <c r="B1052" t="s">
        <v>71</v>
      </c>
      <c r="C1052" t="s">
        <v>99</v>
      </c>
      <c r="D1052" t="s">
        <v>100</v>
      </c>
      <c r="E1052">
        <v>2021</v>
      </c>
      <c r="F1052" s="3">
        <v>2021</v>
      </c>
      <c r="G1052" t="s">
        <v>15</v>
      </c>
      <c r="H1052" t="s">
        <v>14</v>
      </c>
      <c r="I1052" t="s">
        <v>102</v>
      </c>
      <c r="J1052" s="10">
        <v>17.399999999999999</v>
      </c>
    </row>
    <row r="1053" spans="1:10" x14ac:dyDescent="0.35">
      <c r="A1053" t="s">
        <v>35</v>
      </c>
      <c r="B1053" t="s">
        <v>71</v>
      </c>
      <c r="C1053" t="s">
        <v>99</v>
      </c>
      <c r="D1053" t="s">
        <v>100</v>
      </c>
      <c r="E1053">
        <v>2021</v>
      </c>
      <c r="F1053" s="3">
        <v>2021</v>
      </c>
      <c r="G1053" t="s">
        <v>15</v>
      </c>
      <c r="H1053" t="s">
        <v>14</v>
      </c>
      <c r="I1053" t="s">
        <v>103</v>
      </c>
      <c r="J1053" s="10">
        <v>12.5</v>
      </c>
    </row>
    <row r="1054" spans="1:10" x14ac:dyDescent="0.35">
      <c r="A1054" t="s">
        <v>35</v>
      </c>
      <c r="B1054" t="s">
        <v>71</v>
      </c>
      <c r="C1054" t="s">
        <v>99</v>
      </c>
      <c r="D1054" t="s">
        <v>100</v>
      </c>
      <c r="E1054">
        <v>2021</v>
      </c>
      <c r="F1054" s="3">
        <v>2021</v>
      </c>
      <c r="G1054" t="s">
        <v>15</v>
      </c>
      <c r="H1054" t="s">
        <v>14</v>
      </c>
      <c r="I1054" t="s">
        <v>104</v>
      </c>
      <c r="J1054" s="10">
        <v>15.4</v>
      </c>
    </row>
    <row r="1055" spans="1:10" x14ac:dyDescent="0.35">
      <c r="A1055" t="s">
        <v>35</v>
      </c>
      <c r="B1055" t="s">
        <v>71</v>
      </c>
      <c r="C1055" t="s">
        <v>99</v>
      </c>
      <c r="D1055" t="s">
        <v>100</v>
      </c>
      <c r="E1055">
        <v>2021</v>
      </c>
      <c r="F1055" s="3">
        <v>2021</v>
      </c>
      <c r="G1055" t="s">
        <v>15</v>
      </c>
      <c r="H1055" t="s">
        <v>14</v>
      </c>
      <c r="I1055" t="s">
        <v>105</v>
      </c>
      <c r="J1055" s="10">
        <v>11.5</v>
      </c>
    </row>
    <row r="1056" spans="1:10" x14ac:dyDescent="0.35">
      <c r="A1056" t="s">
        <v>35</v>
      </c>
      <c r="B1056" t="s">
        <v>71</v>
      </c>
      <c r="C1056" t="s">
        <v>99</v>
      </c>
      <c r="D1056" t="s">
        <v>100</v>
      </c>
      <c r="E1056">
        <v>2021</v>
      </c>
      <c r="F1056" s="3">
        <v>2021</v>
      </c>
      <c r="G1056" t="s">
        <v>15</v>
      </c>
      <c r="H1056" t="s">
        <v>14</v>
      </c>
      <c r="I1056" t="s">
        <v>106</v>
      </c>
      <c r="J1056" s="10">
        <v>7.7</v>
      </c>
    </row>
    <row r="1057" spans="1:10" x14ac:dyDescent="0.35">
      <c r="A1057" t="s">
        <v>35</v>
      </c>
      <c r="B1057" t="s">
        <v>71</v>
      </c>
      <c r="C1057" t="s">
        <v>99</v>
      </c>
      <c r="D1057" t="s">
        <v>100</v>
      </c>
      <c r="E1057">
        <v>2021</v>
      </c>
      <c r="F1057" s="3">
        <v>2021</v>
      </c>
      <c r="G1057" t="s">
        <v>15</v>
      </c>
      <c r="H1057" t="s">
        <v>14</v>
      </c>
      <c r="I1057" t="s">
        <v>107</v>
      </c>
      <c r="J1057" s="10">
        <v>2.8</v>
      </c>
    </row>
    <row r="1058" spans="1:10" x14ac:dyDescent="0.35">
      <c r="A1058" t="s">
        <v>35</v>
      </c>
      <c r="B1058" t="s">
        <v>71</v>
      </c>
      <c r="C1058" t="s">
        <v>99</v>
      </c>
      <c r="D1058" t="s">
        <v>100</v>
      </c>
      <c r="E1058">
        <v>2021</v>
      </c>
      <c r="F1058" s="3">
        <v>2021</v>
      </c>
      <c r="G1058" t="s">
        <v>15</v>
      </c>
      <c r="H1058" t="s">
        <v>14</v>
      </c>
      <c r="I1058" t="s">
        <v>108</v>
      </c>
      <c r="J1058" s="10">
        <v>0.1</v>
      </c>
    </row>
    <row r="1059" spans="1:10" x14ac:dyDescent="0.35">
      <c r="A1059" t="s">
        <v>20</v>
      </c>
      <c r="B1059" t="s">
        <v>72</v>
      </c>
      <c r="C1059" t="s">
        <v>99</v>
      </c>
      <c r="D1059" t="s">
        <v>100</v>
      </c>
      <c r="E1059">
        <v>2021</v>
      </c>
      <c r="F1059" s="3">
        <v>2021</v>
      </c>
      <c r="G1059" t="s">
        <v>15</v>
      </c>
      <c r="H1059" t="s">
        <v>14</v>
      </c>
      <c r="I1059" t="s">
        <v>101</v>
      </c>
      <c r="J1059" s="10">
        <v>9.5</v>
      </c>
    </row>
    <row r="1060" spans="1:10" x14ac:dyDescent="0.35">
      <c r="A1060" t="s">
        <v>20</v>
      </c>
      <c r="B1060" t="s">
        <v>72</v>
      </c>
      <c r="C1060" t="s">
        <v>99</v>
      </c>
      <c r="D1060" t="s">
        <v>100</v>
      </c>
      <c r="E1060">
        <v>2021</v>
      </c>
      <c r="F1060" s="3">
        <v>2021</v>
      </c>
      <c r="G1060" t="s">
        <v>15</v>
      </c>
      <c r="H1060" t="s">
        <v>14</v>
      </c>
      <c r="I1060" t="s">
        <v>102</v>
      </c>
      <c r="J1060" s="10">
        <v>21.9</v>
      </c>
    </row>
    <row r="1061" spans="1:10" x14ac:dyDescent="0.35">
      <c r="A1061" t="s">
        <v>20</v>
      </c>
      <c r="B1061" t="s">
        <v>72</v>
      </c>
      <c r="C1061" t="s">
        <v>99</v>
      </c>
      <c r="D1061" t="s">
        <v>100</v>
      </c>
      <c r="E1061">
        <v>2021</v>
      </c>
      <c r="F1061" s="3">
        <v>2021</v>
      </c>
      <c r="G1061" t="s">
        <v>15</v>
      </c>
      <c r="H1061" t="s">
        <v>14</v>
      </c>
      <c r="I1061" t="s">
        <v>103</v>
      </c>
      <c r="J1061" s="10">
        <v>19.5</v>
      </c>
    </row>
    <row r="1062" spans="1:10" x14ac:dyDescent="0.35">
      <c r="A1062" t="s">
        <v>20</v>
      </c>
      <c r="B1062" t="s">
        <v>72</v>
      </c>
      <c r="C1062" t="s">
        <v>99</v>
      </c>
      <c r="D1062" t="s">
        <v>100</v>
      </c>
      <c r="E1062">
        <v>2021</v>
      </c>
      <c r="F1062" s="3">
        <v>2021</v>
      </c>
      <c r="G1062" t="s">
        <v>15</v>
      </c>
      <c r="H1062" t="s">
        <v>14</v>
      </c>
      <c r="I1062" t="s">
        <v>104</v>
      </c>
      <c r="J1062" s="10">
        <v>18</v>
      </c>
    </row>
    <row r="1063" spans="1:10" x14ac:dyDescent="0.35">
      <c r="A1063" t="s">
        <v>20</v>
      </c>
      <c r="B1063" t="s">
        <v>72</v>
      </c>
      <c r="C1063" t="s">
        <v>99</v>
      </c>
      <c r="D1063" t="s">
        <v>100</v>
      </c>
      <c r="E1063">
        <v>2021</v>
      </c>
      <c r="F1063" s="3">
        <v>2021</v>
      </c>
      <c r="G1063" t="s">
        <v>15</v>
      </c>
      <c r="H1063" t="s">
        <v>14</v>
      </c>
      <c r="I1063" t="s">
        <v>105</v>
      </c>
      <c r="J1063" s="10">
        <v>17</v>
      </c>
    </row>
    <row r="1064" spans="1:10" x14ac:dyDescent="0.35">
      <c r="A1064" t="s">
        <v>20</v>
      </c>
      <c r="B1064" t="s">
        <v>72</v>
      </c>
      <c r="C1064" t="s">
        <v>99</v>
      </c>
      <c r="D1064" t="s">
        <v>100</v>
      </c>
      <c r="E1064">
        <v>2021</v>
      </c>
      <c r="F1064" s="3">
        <v>2021</v>
      </c>
      <c r="G1064" t="s">
        <v>15</v>
      </c>
      <c r="H1064" t="s">
        <v>14</v>
      </c>
      <c r="I1064" t="s">
        <v>106</v>
      </c>
      <c r="J1064" s="10">
        <v>9.3000000000000007</v>
      </c>
    </row>
    <row r="1065" spans="1:10" x14ac:dyDescent="0.35">
      <c r="A1065" t="s">
        <v>20</v>
      </c>
      <c r="B1065" t="s">
        <v>72</v>
      </c>
      <c r="C1065" t="s">
        <v>99</v>
      </c>
      <c r="D1065" t="s">
        <v>100</v>
      </c>
      <c r="E1065">
        <v>2021</v>
      </c>
      <c r="F1065" s="3">
        <v>2021</v>
      </c>
      <c r="G1065" t="s">
        <v>15</v>
      </c>
      <c r="H1065" t="s">
        <v>14</v>
      </c>
      <c r="I1065" t="s">
        <v>107</v>
      </c>
      <c r="J1065" s="10">
        <v>4.5999999999999996</v>
      </c>
    </row>
    <row r="1066" spans="1:10" x14ac:dyDescent="0.35">
      <c r="A1066" t="s">
        <v>20</v>
      </c>
      <c r="B1066" t="s">
        <v>72</v>
      </c>
      <c r="C1066" t="s">
        <v>99</v>
      </c>
      <c r="D1066" t="s">
        <v>100</v>
      </c>
      <c r="E1066">
        <v>2021</v>
      </c>
      <c r="F1066" s="3">
        <v>2021</v>
      </c>
      <c r="G1066" t="s">
        <v>15</v>
      </c>
      <c r="H1066" t="s">
        <v>14</v>
      </c>
      <c r="I1066" t="s">
        <v>108</v>
      </c>
      <c r="J1066" s="10">
        <v>0.3</v>
      </c>
    </row>
    <row r="1067" spans="1:10" x14ac:dyDescent="0.35">
      <c r="A1067" t="s">
        <v>26</v>
      </c>
      <c r="B1067" t="s">
        <v>73</v>
      </c>
      <c r="C1067" t="s">
        <v>99</v>
      </c>
      <c r="D1067" t="s">
        <v>100</v>
      </c>
      <c r="E1067">
        <v>2021</v>
      </c>
      <c r="F1067" s="3">
        <v>2021</v>
      </c>
      <c r="G1067" t="s">
        <v>15</v>
      </c>
      <c r="H1067" t="s">
        <v>14</v>
      </c>
      <c r="I1067" t="s">
        <v>101</v>
      </c>
      <c r="J1067" s="10">
        <v>36.1</v>
      </c>
    </row>
    <row r="1068" spans="1:10" x14ac:dyDescent="0.35">
      <c r="A1068" t="s">
        <v>26</v>
      </c>
      <c r="B1068" t="s">
        <v>73</v>
      </c>
      <c r="C1068" t="s">
        <v>99</v>
      </c>
      <c r="D1068" t="s">
        <v>100</v>
      </c>
      <c r="E1068">
        <v>2021</v>
      </c>
      <c r="F1068" s="3">
        <v>2021</v>
      </c>
      <c r="G1068" t="s">
        <v>15</v>
      </c>
      <c r="H1068" t="s">
        <v>14</v>
      </c>
      <c r="I1068" t="s">
        <v>102</v>
      </c>
      <c r="J1068" s="10">
        <v>18.600000000000001</v>
      </c>
    </row>
    <row r="1069" spans="1:10" x14ac:dyDescent="0.35">
      <c r="A1069" t="s">
        <v>26</v>
      </c>
      <c r="B1069" t="s">
        <v>73</v>
      </c>
      <c r="C1069" t="s">
        <v>99</v>
      </c>
      <c r="D1069" t="s">
        <v>100</v>
      </c>
      <c r="E1069">
        <v>2021</v>
      </c>
      <c r="F1069" s="3">
        <v>2021</v>
      </c>
      <c r="G1069" t="s">
        <v>15</v>
      </c>
      <c r="H1069" t="s">
        <v>14</v>
      </c>
      <c r="I1069" t="s">
        <v>103</v>
      </c>
      <c r="J1069" s="10">
        <v>10.1</v>
      </c>
    </row>
    <row r="1070" spans="1:10" x14ac:dyDescent="0.35">
      <c r="A1070" t="s">
        <v>26</v>
      </c>
      <c r="B1070" t="s">
        <v>73</v>
      </c>
      <c r="C1070" t="s">
        <v>99</v>
      </c>
      <c r="D1070" t="s">
        <v>100</v>
      </c>
      <c r="E1070">
        <v>2021</v>
      </c>
      <c r="F1070" s="3">
        <v>2021</v>
      </c>
      <c r="G1070" t="s">
        <v>15</v>
      </c>
      <c r="H1070" t="s">
        <v>14</v>
      </c>
      <c r="I1070" t="s">
        <v>104</v>
      </c>
      <c r="J1070" s="10">
        <v>12.5</v>
      </c>
    </row>
    <row r="1071" spans="1:10" x14ac:dyDescent="0.35">
      <c r="A1071" t="s">
        <v>26</v>
      </c>
      <c r="B1071" t="s">
        <v>73</v>
      </c>
      <c r="C1071" t="s">
        <v>99</v>
      </c>
      <c r="D1071" t="s">
        <v>100</v>
      </c>
      <c r="E1071">
        <v>2021</v>
      </c>
      <c r="F1071" s="3">
        <v>2021</v>
      </c>
      <c r="G1071" t="s">
        <v>15</v>
      </c>
      <c r="H1071" t="s">
        <v>14</v>
      </c>
      <c r="I1071" t="s">
        <v>105</v>
      </c>
      <c r="J1071" s="10">
        <v>12.5</v>
      </c>
    </row>
    <row r="1072" spans="1:10" x14ac:dyDescent="0.35">
      <c r="A1072" t="s">
        <v>26</v>
      </c>
      <c r="B1072" t="s">
        <v>73</v>
      </c>
      <c r="C1072" t="s">
        <v>99</v>
      </c>
      <c r="D1072" t="s">
        <v>100</v>
      </c>
      <c r="E1072">
        <v>2021</v>
      </c>
      <c r="F1072" s="3">
        <v>2021</v>
      </c>
      <c r="G1072" t="s">
        <v>15</v>
      </c>
      <c r="H1072" t="s">
        <v>14</v>
      </c>
      <c r="I1072" t="s">
        <v>106</v>
      </c>
      <c r="J1072" s="10">
        <v>7.9</v>
      </c>
    </row>
    <row r="1073" spans="1:10" x14ac:dyDescent="0.35">
      <c r="A1073" t="s">
        <v>26</v>
      </c>
      <c r="B1073" t="s">
        <v>73</v>
      </c>
      <c r="C1073" t="s">
        <v>99</v>
      </c>
      <c r="D1073" t="s">
        <v>100</v>
      </c>
      <c r="E1073">
        <v>2021</v>
      </c>
      <c r="F1073" s="3">
        <v>2021</v>
      </c>
      <c r="G1073" t="s">
        <v>15</v>
      </c>
      <c r="H1073" t="s">
        <v>14</v>
      </c>
      <c r="I1073" t="s">
        <v>107</v>
      </c>
      <c r="J1073" s="10">
        <v>2.2000000000000002</v>
      </c>
    </row>
    <row r="1074" spans="1:10" x14ac:dyDescent="0.35">
      <c r="A1074" t="s">
        <v>26</v>
      </c>
      <c r="B1074" t="s">
        <v>73</v>
      </c>
      <c r="C1074" t="s">
        <v>99</v>
      </c>
      <c r="D1074" t="s">
        <v>100</v>
      </c>
      <c r="E1074">
        <v>2021</v>
      </c>
      <c r="F1074" s="3">
        <v>2021</v>
      </c>
      <c r="G1074" t="s">
        <v>15</v>
      </c>
      <c r="H1074" t="s">
        <v>14</v>
      </c>
      <c r="I1074" t="s">
        <v>108</v>
      </c>
      <c r="J1074" s="10">
        <v>0.1</v>
      </c>
    </row>
    <row r="1075" spans="1:10" x14ac:dyDescent="0.35">
      <c r="A1075" t="s">
        <v>28</v>
      </c>
      <c r="B1075" t="s">
        <v>74</v>
      </c>
      <c r="C1075" t="s">
        <v>99</v>
      </c>
      <c r="D1075" t="s">
        <v>100</v>
      </c>
      <c r="E1075">
        <v>2021</v>
      </c>
      <c r="F1075" s="3">
        <v>2021</v>
      </c>
      <c r="G1075" t="s">
        <v>15</v>
      </c>
      <c r="H1075" t="s">
        <v>14</v>
      </c>
      <c r="I1075" t="s">
        <v>101</v>
      </c>
      <c r="J1075" s="10">
        <v>32.9</v>
      </c>
    </row>
    <row r="1076" spans="1:10" x14ac:dyDescent="0.35">
      <c r="A1076" t="s">
        <v>28</v>
      </c>
      <c r="B1076" t="s">
        <v>74</v>
      </c>
      <c r="C1076" t="s">
        <v>99</v>
      </c>
      <c r="D1076" t="s">
        <v>100</v>
      </c>
      <c r="E1076">
        <v>2021</v>
      </c>
      <c r="F1076" s="3">
        <v>2021</v>
      </c>
      <c r="G1076" t="s">
        <v>15</v>
      </c>
      <c r="H1076" t="s">
        <v>14</v>
      </c>
      <c r="I1076" t="s">
        <v>102</v>
      </c>
      <c r="J1076" s="10">
        <v>27.7</v>
      </c>
    </row>
    <row r="1077" spans="1:10" x14ac:dyDescent="0.35">
      <c r="A1077" t="s">
        <v>28</v>
      </c>
      <c r="B1077" t="s">
        <v>74</v>
      </c>
      <c r="C1077" t="s">
        <v>99</v>
      </c>
      <c r="D1077" t="s">
        <v>100</v>
      </c>
      <c r="E1077">
        <v>2021</v>
      </c>
      <c r="F1077" s="3">
        <v>2021</v>
      </c>
      <c r="G1077" t="s">
        <v>15</v>
      </c>
      <c r="H1077" t="s">
        <v>14</v>
      </c>
      <c r="I1077" t="s">
        <v>103</v>
      </c>
      <c r="J1077" s="10">
        <v>12.7</v>
      </c>
    </row>
    <row r="1078" spans="1:10" x14ac:dyDescent="0.35">
      <c r="A1078" t="s">
        <v>28</v>
      </c>
      <c r="B1078" t="s">
        <v>74</v>
      </c>
      <c r="C1078" t="s">
        <v>99</v>
      </c>
      <c r="D1078" t="s">
        <v>100</v>
      </c>
      <c r="E1078">
        <v>2021</v>
      </c>
      <c r="F1078" s="3">
        <v>2021</v>
      </c>
      <c r="G1078" t="s">
        <v>15</v>
      </c>
      <c r="H1078" t="s">
        <v>14</v>
      </c>
      <c r="I1078" t="s">
        <v>104</v>
      </c>
      <c r="J1078" s="10">
        <v>9.8000000000000007</v>
      </c>
    </row>
    <row r="1079" spans="1:10" x14ac:dyDescent="0.35">
      <c r="A1079" t="s">
        <v>28</v>
      </c>
      <c r="B1079" t="s">
        <v>74</v>
      </c>
      <c r="C1079" t="s">
        <v>99</v>
      </c>
      <c r="D1079" t="s">
        <v>100</v>
      </c>
      <c r="E1079">
        <v>2021</v>
      </c>
      <c r="F1079" s="3">
        <v>2021</v>
      </c>
      <c r="G1079" t="s">
        <v>15</v>
      </c>
      <c r="H1079" t="s">
        <v>14</v>
      </c>
      <c r="I1079" t="s">
        <v>105</v>
      </c>
      <c r="J1079" s="10">
        <v>9.1999999999999993</v>
      </c>
    </row>
    <row r="1080" spans="1:10" x14ac:dyDescent="0.35">
      <c r="A1080" t="s">
        <v>28</v>
      </c>
      <c r="B1080" t="s">
        <v>74</v>
      </c>
      <c r="C1080" t="s">
        <v>99</v>
      </c>
      <c r="D1080" t="s">
        <v>100</v>
      </c>
      <c r="E1080">
        <v>2021</v>
      </c>
      <c r="F1080" s="3">
        <v>2021</v>
      </c>
      <c r="G1080" t="s">
        <v>15</v>
      </c>
      <c r="H1080" t="s">
        <v>14</v>
      </c>
      <c r="I1080" t="s">
        <v>106</v>
      </c>
      <c r="J1080" s="10">
        <v>5.8</v>
      </c>
    </row>
    <row r="1081" spans="1:10" x14ac:dyDescent="0.35">
      <c r="A1081" t="s">
        <v>28</v>
      </c>
      <c r="B1081" t="s">
        <v>74</v>
      </c>
      <c r="C1081" t="s">
        <v>99</v>
      </c>
      <c r="D1081" t="s">
        <v>100</v>
      </c>
      <c r="E1081">
        <v>2021</v>
      </c>
      <c r="F1081" s="3">
        <v>2021</v>
      </c>
      <c r="G1081" t="s">
        <v>15</v>
      </c>
      <c r="H1081" t="s">
        <v>14</v>
      </c>
      <c r="I1081" t="s">
        <v>107</v>
      </c>
      <c r="J1081" s="10">
        <v>1.9</v>
      </c>
    </row>
    <row r="1082" spans="1:10" x14ac:dyDescent="0.35">
      <c r="A1082" t="s">
        <v>28</v>
      </c>
      <c r="B1082" t="s">
        <v>74</v>
      </c>
      <c r="C1082" t="s">
        <v>99</v>
      </c>
      <c r="D1082" t="s">
        <v>100</v>
      </c>
      <c r="E1082">
        <v>2021</v>
      </c>
      <c r="F1082" s="3">
        <v>2021</v>
      </c>
      <c r="G1082" t="s">
        <v>15</v>
      </c>
      <c r="H1082" t="s">
        <v>14</v>
      </c>
      <c r="I1082" t="s">
        <v>108</v>
      </c>
      <c r="J1082" s="10">
        <v>0.1</v>
      </c>
    </row>
    <row r="1083" spans="1:10" x14ac:dyDescent="0.35">
      <c r="A1083" t="s">
        <v>33</v>
      </c>
      <c r="B1083" t="s">
        <v>75</v>
      </c>
      <c r="C1083" t="s">
        <v>99</v>
      </c>
      <c r="D1083" t="s">
        <v>100</v>
      </c>
      <c r="E1083">
        <v>2021</v>
      </c>
      <c r="F1083" s="3">
        <v>2021</v>
      </c>
      <c r="G1083" t="s">
        <v>15</v>
      </c>
      <c r="H1083" t="s">
        <v>14</v>
      </c>
      <c r="I1083" t="s">
        <v>101</v>
      </c>
      <c r="J1083" s="10">
        <v>23.1</v>
      </c>
    </row>
    <row r="1084" spans="1:10" x14ac:dyDescent="0.35">
      <c r="A1084" t="s">
        <v>33</v>
      </c>
      <c r="B1084" t="s">
        <v>75</v>
      </c>
      <c r="C1084" t="s">
        <v>99</v>
      </c>
      <c r="D1084" t="s">
        <v>100</v>
      </c>
      <c r="E1084">
        <v>2021</v>
      </c>
      <c r="F1084" s="3">
        <v>2021</v>
      </c>
      <c r="G1084" t="s">
        <v>15</v>
      </c>
      <c r="H1084" t="s">
        <v>14</v>
      </c>
      <c r="I1084" t="s">
        <v>102</v>
      </c>
      <c r="J1084" s="10">
        <v>27.3</v>
      </c>
    </row>
    <row r="1085" spans="1:10" x14ac:dyDescent="0.35">
      <c r="A1085" t="s">
        <v>33</v>
      </c>
      <c r="B1085" t="s">
        <v>75</v>
      </c>
      <c r="C1085" t="s">
        <v>99</v>
      </c>
      <c r="D1085" t="s">
        <v>100</v>
      </c>
      <c r="E1085">
        <v>2021</v>
      </c>
      <c r="F1085" s="3">
        <v>2021</v>
      </c>
      <c r="G1085" t="s">
        <v>15</v>
      </c>
      <c r="H1085" t="s">
        <v>14</v>
      </c>
      <c r="I1085" t="s">
        <v>103</v>
      </c>
      <c r="J1085" s="10">
        <v>11.8</v>
      </c>
    </row>
    <row r="1086" spans="1:10" x14ac:dyDescent="0.35">
      <c r="A1086" t="s">
        <v>33</v>
      </c>
      <c r="B1086" t="s">
        <v>75</v>
      </c>
      <c r="C1086" t="s">
        <v>99</v>
      </c>
      <c r="D1086" t="s">
        <v>100</v>
      </c>
      <c r="E1086">
        <v>2021</v>
      </c>
      <c r="F1086" s="3">
        <v>2021</v>
      </c>
      <c r="G1086" t="s">
        <v>15</v>
      </c>
      <c r="H1086" t="s">
        <v>14</v>
      </c>
      <c r="I1086" t="s">
        <v>104</v>
      </c>
      <c r="J1086" s="10">
        <v>11.7</v>
      </c>
    </row>
    <row r="1087" spans="1:10" x14ac:dyDescent="0.35">
      <c r="A1087" t="s">
        <v>33</v>
      </c>
      <c r="B1087" t="s">
        <v>75</v>
      </c>
      <c r="C1087" t="s">
        <v>99</v>
      </c>
      <c r="D1087" t="s">
        <v>100</v>
      </c>
      <c r="E1087">
        <v>2021</v>
      </c>
      <c r="F1087" s="3">
        <v>2021</v>
      </c>
      <c r="G1087" t="s">
        <v>15</v>
      </c>
      <c r="H1087" t="s">
        <v>14</v>
      </c>
      <c r="I1087" t="s">
        <v>105</v>
      </c>
      <c r="J1087" s="10">
        <v>13.1</v>
      </c>
    </row>
    <row r="1088" spans="1:10" x14ac:dyDescent="0.35">
      <c r="A1088" t="s">
        <v>33</v>
      </c>
      <c r="B1088" t="s">
        <v>75</v>
      </c>
      <c r="C1088" t="s">
        <v>99</v>
      </c>
      <c r="D1088" t="s">
        <v>100</v>
      </c>
      <c r="E1088">
        <v>2021</v>
      </c>
      <c r="F1088" s="3">
        <v>2021</v>
      </c>
      <c r="G1088" t="s">
        <v>15</v>
      </c>
      <c r="H1088" t="s">
        <v>14</v>
      </c>
      <c r="I1088" t="s">
        <v>106</v>
      </c>
      <c r="J1088" s="10">
        <v>8.9</v>
      </c>
    </row>
    <row r="1089" spans="1:10" x14ac:dyDescent="0.35">
      <c r="A1089" t="s">
        <v>33</v>
      </c>
      <c r="B1089" t="s">
        <v>75</v>
      </c>
      <c r="C1089" t="s">
        <v>99</v>
      </c>
      <c r="D1089" t="s">
        <v>100</v>
      </c>
      <c r="E1089">
        <v>2021</v>
      </c>
      <c r="F1089" s="3">
        <v>2021</v>
      </c>
      <c r="G1089" t="s">
        <v>15</v>
      </c>
      <c r="H1089" t="s">
        <v>14</v>
      </c>
      <c r="I1089" t="s">
        <v>107</v>
      </c>
      <c r="J1089" s="10">
        <v>3.7</v>
      </c>
    </row>
    <row r="1090" spans="1:10" x14ac:dyDescent="0.35">
      <c r="A1090" t="s">
        <v>33</v>
      </c>
      <c r="B1090" t="s">
        <v>75</v>
      </c>
      <c r="C1090" t="s">
        <v>99</v>
      </c>
      <c r="D1090" t="s">
        <v>100</v>
      </c>
      <c r="E1090">
        <v>2021</v>
      </c>
      <c r="F1090" s="3">
        <v>2021</v>
      </c>
      <c r="G1090" t="s">
        <v>15</v>
      </c>
      <c r="H1090" t="s">
        <v>14</v>
      </c>
      <c r="I1090" t="s">
        <v>108</v>
      </c>
      <c r="J1090" s="10">
        <v>0.3</v>
      </c>
    </row>
    <row r="1091" spans="1:10" x14ac:dyDescent="0.35">
      <c r="A1091" t="s">
        <v>22</v>
      </c>
      <c r="B1091" t="s">
        <v>76</v>
      </c>
      <c r="C1091" t="s">
        <v>99</v>
      </c>
      <c r="D1091" t="s">
        <v>100</v>
      </c>
      <c r="E1091">
        <v>2021</v>
      </c>
      <c r="F1091" s="3">
        <v>2021</v>
      </c>
      <c r="G1091" t="s">
        <v>15</v>
      </c>
      <c r="H1091" t="s">
        <v>14</v>
      </c>
      <c r="I1091" t="s">
        <v>101</v>
      </c>
      <c r="J1091" s="10">
        <v>27.4</v>
      </c>
    </row>
    <row r="1092" spans="1:10" x14ac:dyDescent="0.35">
      <c r="A1092" t="s">
        <v>22</v>
      </c>
      <c r="B1092" t="s">
        <v>76</v>
      </c>
      <c r="C1092" t="s">
        <v>99</v>
      </c>
      <c r="D1092" t="s">
        <v>100</v>
      </c>
      <c r="E1092">
        <v>2021</v>
      </c>
      <c r="F1092" s="3">
        <v>2021</v>
      </c>
      <c r="G1092" t="s">
        <v>15</v>
      </c>
      <c r="H1092" t="s">
        <v>14</v>
      </c>
      <c r="I1092" t="s">
        <v>102</v>
      </c>
      <c r="J1092" s="10">
        <v>34.9</v>
      </c>
    </row>
    <row r="1093" spans="1:10" x14ac:dyDescent="0.35">
      <c r="A1093" t="s">
        <v>22</v>
      </c>
      <c r="B1093" t="s">
        <v>76</v>
      </c>
      <c r="C1093" t="s">
        <v>99</v>
      </c>
      <c r="D1093" t="s">
        <v>100</v>
      </c>
      <c r="E1093">
        <v>2021</v>
      </c>
      <c r="F1093" s="3">
        <v>2021</v>
      </c>
      <c r="G1093" t="s">
        <v>15</v>
      </c>
      <c r="H1093" t="s">
        <v>14</v>
      </c>
      <c r="I1093" t="s">
        <v>103</v>
      </c>
      <c r="J1093" s="10">
        <v>8.3000000000000007</v>
      </c>
    </row>
    <row r="1094" spans="1:10" x14ac:dyDescent="0.35">
      <c r="A1094" t="s">
        <v>22</v>
      </c>
      <c r="B1094" t="s">
        <v>76</v>
      </c>
      <c r="C1094" t="s">
        <v>99</v>
      </c>
      <c r="D1094" t="s">
        <v>100</v>
      </c>
      <c r="E1094">
        <v>2021</v>
      </c>
      <c r="F1094" s="3">
        <v>2021</v>
      </c>
      <c r="G1094" t="s">
        <v>15</v>
      </c>
      <c r="H1094" t="s">
        <v>14</v>
      </c>
      <c r="I1094" t="s">
        <v>104</v>
      </c>
      <c r="J1094" s="10">
        <v>9.8000000000000007</v>
      </c>
    </row>
    <row r="1095" spans="1:10" x14ac:dyDescent="0.35">
      <c r="A1095" t="s">
        <v>22</v>
      </c>
      <c r="B1095" t="s">
        <v>76</v>
      </c>
      <c r="C1095" t="s">
        <v>99</v>
      </c>
      <c r="D1095" t="s">
        <v>100</v>
      </c>
      <c r="E1095">
        <v>2021</v>
      </c>
      <c r="F1095" s="3">
        <v>2021</v>
      </c>
      <c r="G1095" t="s">
        <v>15</v>
      </c>
      <c r="H1095" t="s">
        <v>14</v>
      </c>
      <c r="I1095" t="s">
        <v>105</v>
      </c>
      <c r="J1095" s="10">
        <v>12</v>
      </c>
    </row>
    <row r="1096" spans="1:10" x14ac:dyDescent="0.35">
      <c r="A1096" t="s">
        <v>22</v>
      </c>
      <c r="B1096" t="s">
        <v>76</v>
      </c>
      <c r="C1096" t="s">
        <v>99</v>
      </c>
      <c r="D1096" t="s">
        <v>100</v>
      </c>
      <c r="E1096">
        <v>2021</v>
      </c>
      <c r="F1096" s="3">
        <v>2021</v>
      </c>
      <c r="G1096" t="s">
        <v>15</v>
      </c>
      <c r="H1096" t="s">
        <v>14</v>
      </c>
      <c r="I1096" t="s">
        <v>106</v>
      </c>
      <c r="J1096" s="10">
        <v>5.8</v>
      </c>
    </row>
    <row r="1097" spans="1:10" x14ac:dyDescent="0.35">
      <c r="A1097" t="s">
        <v>22</v>
      </c>
      <c r="B1097" t="s">
        <v>76</v>
      </c>
      <c r="C1097" t="s">
        <v>99</v>
      </c>
      <c r="D1097" t="s">
        <v>100</v>
      </c>
      <c r="E1097">
        <v>2021</v>
      </c>
      <c r="F1097" s="3">
        <v>2021</v>
      </c>
      <c r="G1097" t="s">
        <v>15</v>
      </c>
      <c r="H1097" t="s">
        <v>14</v>
      </c>
      <c r="I1097" t="s">
        <v>107</v>
      </c>
      <c r="J1097" s="10">
        <v>1.7</v>
      </c>
    </row>
    <row r="1098" spans="1:10" x14ac:dyDescent="0.35">
      <c r="A1098" t="s">
        <v>22</v>
      </c>
      <c r="B1098" t="s">
        <v>76</v>
      </c>
      <c r="C1098" t="s">
        <v>99</v>
      </c>
      <c r="D1098" t="s">
        <v>100</v>
      </c>
      <c r="E1098">
        <v>2021</v>
      </c>
      <c r="F1098" s="3">
        <v>2021</v>
      </c>
      <c r="G1098" t="s">
        <v>15</v>
      </c>
      <c r="H1098" t="s">
        <v>14</v>
      </c>
      <c r="I1098" t="s">
        <v>108</v>
      </c>
      <c r="J1098" s="10">
        <v>0.1</v>
      </c>
    </row>
    <row r="1099" spans="1:10" x14ac:dyDescent="0.35">
      <c r="A1099" t="s">
        <v>33</v>
      </c>
      <c r="B1099" t="s">
        <v>77</v>
      </c>
      <c r="C1099" t="s">
        <v>99</v>
      </c>
      <c r="D1099" t="s">
        <v>100</v>
      </c>
      <c r="E1099">
        <v>2021</v>
      </c>
      <c r="F1099" s="3">
        <v>2021</v>
      </c>
      <c r="G1099" t="s">
        <v>15</v>
      </c>
      <c r="H1099" t="s">
        <v>14</v>
      </c>
      <c r="I1099" t="s">
        <v>101</v>
      </c>
      <c r="J1099" s="10">
        <v>2.9</v>
      </c>
    </row>
    <row r="1100" spans="1:10" x14ac:dyDescent="0.35">
      <c r="A1100" t="s">
        <v>33</v>
      </c>
      <c r="B1100" t="s">
        <v>77</v>
      </c>
      <c r="C1100" t="s">
        <v>99</v>
      </c>
      <c r="D1100" t="s">
        <v>100</v>
      </c>
      <c r="E1100">
        <v>2021</v>
      </c>
      <c r="F1100" s="3">
        <v>2021</v>
      </c>
      <c r="G1100" t="s">
        <v>15</v>
      </c>
      <c r="H1100" t="s">
        <v>14</v>
      </c>
      <c r="I1100" t="s">
        <v>102</v>
      </c>
      <c r="J1100" s="10">
        <v>30.2</v>
      </c>
    </row>
    <row r="1101" spans="1:10" x14ac:dyDescent="0.35">
      <c r="A1101" t="s">
        <v>33</v>
      </c>
      <c r="B1101" t="s">
        <v>77</v>
      </c>
      <c r="C1101" t="s">
        <v>99</v>
      </c>
      <c r="D1101" t="s">
        <v>100</v>
      </c>
      <c r="E1101">
        <v>2021</v>
      </c>
      <c r="F1101" s="3">
        <v>2021</v>
      </c>
      <c r="G1101" t="s">
        <v>15</v>
      </c>
      <c r="H1101" t="s">
        <v>14</v>
      </c>
      <c r="I1101" t="s">
        <v>103</v>
      </c>
      <c r="J1101" s="10">
        <v>27.1</v>
      </c>
    </row>
    <row r="1102" spans="1:10" x14ac:dyDescent="0.35">
      <c r="A1102" t="s">
        <v>33</v>
      </c>
      <c r="B1102" t="s">
        <v>77</v>
      </c>
      <c r="C1102" t="s">
        <v>99</v>
      </c>
      <c r="D1102" t="s">
        <v>100</v>
      </c>
      <c r="E1102">
        <v>2021</v>
      </c>
      <c r="F1102" s="3">
        <v>2021</v>
      </c>
      <c r="G1102" t="s">
        <v>15</v>
      </c>
      <c r="H1102" t="s">
        <v>14</v>
      </c>
      <c r="I1102" t="s">
        <v>104</v>
      </c>
      <c r="J1102" s="10">
        <v>12.6</v>
      </c>
    </row>
    <row r="1103" spans="1:10" x14ac:dyDescent="0.35">
      <c r="A1103" t="s">
        <v>33</v>
      </c>
      <c r="B1103" t="s">
        <v>77</v>
      </c>
      <c r="C1103" t="s">
        <v>99</v>
      </c>
      <c r="D1103" t="s">
        <v>100</v>
      </c>
      <c r="E1103">
        <v>2021</v>
      </c>
      <c r="F1103" s="3">
        <v>2021</v>
      </c>
      <c r="G1103" t="s">
        <v>15</v>
      </c>
      <c r="H1103" t="s">
        <v>14</v>
      </c>
      <c r="I1103" t="s">
        <v>105</v>
      </c>
      <c r="J1103" s="10">
        <v>11.8</v>
      </c>
    </row>
    <row r="1104" spans="1:10" x14ac:dyDescent="0.35">
      <c r="A1104" t="s">
        <v>33</v>
      </c>
      <c r="B1104" t="s">
        <v>77</v>
      </c>
      <c r="C1104" t="s">
        <v>99</v>
      </c>
      <c r="D1104" t="s">
        <v>100</v>
      </c>
      <c r="E1104">
        <v>2021</v>
      </c>
      <c r="F1104" s="3">
        <v>2021</v>
      </c>
      <c r="G1104" t="s">
        <v>15</v>
      </c>
      <c r="H1104" t="s">
        <v>14</v>
      </c>
      <c r="I1104" t="s">
        <v>106</v>
      </c>
      <c r="J1104" s="10">
        <v>9.3000000000000007</v>
      </c>
    </row>
    <row r="1105" spans="1:10" x14ac:dyDescent="0.35">
      <c r="A1105" t="s">
        <v>33</v>
      </c>
      <c r="B1105" t="s">
        <v>77</v>
      </c>
      <c r="C1105" t="s">
        <v>99</v>
      </c>
      <c r="D1105" t="s">
        <v>100</v>
      </c>
      <c r="E1105">
        <v>2021</v>
      </c>
      <c r="F1105" s="3">
        <v>2021</v>
      </c>
      <c r="G1105" t="s">
        <v>15</v>
      </c>
      <c r="H1105" t="s">
        <v>14</v>
      </c>
      <c r="I1105" t="s">
        <v>107</v>
      </c>
      <c r="J1105" s="10">
        <v>5.6</v>
      </c>
    </row>
    <row r="1106" spans="1:10" x14ac:dyDescent="0.35">
      <c r="A1106" t="s">
        <v>33</v>
      </c>
      <c r="B1106" t="s">
        <v>77</v>
      </c>
      <c r="C1106" t="s">
        <v>99</v>
      </c>
      <c r="D1106" t="s">
        <v>100</v>
      </c>
      <c r="E1106">
        <v>2021</v>
      </c>
      <c r="F1106" s="3">
        <v>2021</v>
      </c>
      <c r="G1106" t="s">
        <v>15</v>
      </c>
      <c r="H1106" t="s">
        <v>14</v>
      </c>
      <c r="I1106" t="s">
        <v>108</v>
      </c>
      <c r="J1106" s="10">
        <v>0.5</v>
      </c>
    </row>
    <row r="1107" spans="1:10" x14ac:dyDescent="0.35">
      <c r="A1107" t="s">
        <v>22</v>
      </c>
      <c r="B1107" t="s">
        <v>78</v>
      </c>
      <c r="C1107" t="s">
        <v>99</v>
      </c>
      <c r="D1107" t="s">
        <v>100</v>
      </c>
      <c r="E1107">
        <v>2021</v>
      </c>
      <c r="F1107" s="3">
        <v>2021</v>
      </c>
      <c r="G1107" t="s">
        <v>15</v>
      </c>
      <c r="H1107" t="s">
        <v>14</v>
      </c>
      <c r="I1107" t="s">
        <v>101</v>
      </c>
      <c r="J1107" s="10">
        <v>14.6</v>
      </c>
    </row>
    <row r="1108" spans="1:10" x14ac:dyDescent="0.35">
      <c r="A1108" t="s">
        <v>22</v>
      </c>
      <c r="B1108" t="s">
        <v>78</v>
      </c>
      <c r="C1108" t="s">
        <v>99</v>
      </c>
      <c r="D1108" t="s">
        <v>100</v>
      </c>
      <c r="E1108">
        <v>2021</v>
      </c>
      <c r="F1108" s="3">
        <v>2021</v>
      </c>
      <c r="G1108" t="s">
        <v>15</v>
      </c>
      <c r="H1108" t="s">
        <v>14</v>
      </c>
      <c r="I1108" t="s">
        <v>102</v>
      </c>
      <c r="J1108" s="10">
        <v>22.1</v>
      </c>
    </row>
    <row r="1109" spans="1:10" x14ac:dyDescent="0.35">
      <c r="A1109" t="s">
        <v>22</v>
      </c>
      <c r="B1109" t="s">
        <v>78</v>
      </c>
      <c r="C1109" t="s">
        <v>99</v>
      </c>
      <c r="D1109" t="s">
        <v>100</v>
      </c>
      <c r="E1109">
        <v>2021</v>
      </c>
      <c r="F1109" s="3">
        <v>2021</v>
      </c>
      <c r="G1109" t="s">
        <v>15</v>
      </c>
      <c r="H1109" t="s">
        <v>14</v>
      </c>
      <c r="I1109" t="s">
        <v>103</v>
      </c>
      <c r="J1109" s="10">
        <v>18.2</v>
      </c>
    </row>
    <row r="1110" spans="1:10" x14ac:dyDescent="0.35">
      <c r="A1110" t="s">
        <v>22</v>
      </c>
      <c r="B1110" t="s">
        <v>78</v>
      </c>
      <c r="C1110" t="s">
        <v>99</v>
      </c>
      <c r="D1110" t="s">
        <v>100</v>
      </c>
      <c r="E1110">
        <v>2021</v>
      </c>
      <c r="F1110" s="3">
        <v>2021</v>
      </c>
      <c r="G1110" t="s">
        <v>15</v>
      </c>
      <c r="H1110" t="s">
        <v>14</v>
      </c>
      <c r="I1110" t="s">
        <v>104</v>
      </c>
      <c r="J1110" s="10">
        <v>12.7</v>
      </c>
    </row>
    <row r="1111" spans="1:10" x14ac:dyDescent="0.35">
      <c r="A1111" t="s">
        <v>22</v>
      </c>
      <c r="B1111" t="s">
        <v>78</v>
      </c>
      <c r="C1111" t="s">
        <v>99</v>
      </c>
      <c r="D1111" t="s">
        <v>100</v>
      </c>
      <c r="E1111">
        <v>2021</v>
      </c>
      <c r="F1111" s="3">
        <v>2021</v>
      </c>
      <c r="G1111" t="s">
        <v>15</v>
      </c>
      <c r="H1111" t="s">
        <v>14</v>
      </c>
      <c r="I1111" t="s">
        <v>105</v>
      </c>
      <c r="J1111" s="10">
        <v>13.4</v>
      </c>
    </row>
    <row r="1112" spans="1:10" x14ac:dyDescent="0.35">
      <c r="A1112" t="s">
        <v>22</v>
      </c>
      <c r="B1112" t="s">
        <v>78</v>
      </c>
      <c r="C1112" t="s">
        <v>99</v>
      </c>
      <c r="D1112" t="s">
        <v>100</v>
      </c>
      <c r="E1112">
        <v>2021</v>
      </c>
      <c r="F1112" s="3">
        <v>2021</v>
      </c>
      <c r="G1112" t="s">
        <v>15</v>
      </c>
      <c r="H1112" t="s">
        <v>14</v>
      </c>
      <c r="I1112" t="s">
        <v>106</v>
      </c>
      <c r="J1112" s="10">
        <v>9.5</v>
      </c>
    </row>
    <row r="1113" spans="1:10" x14ac:dyDescent="0.35">
      <c r="A1113" t="s">
        <v>22</v>
      </c>
      <c r="B1113" t="s">
        <v>78</v>
      </c>
      <c r="C1113" t="s">
        <v>99</v>
      </c>
      <c r="D1113" t="s">
        <v>100</v>
      </c>
      <c r="E1113">
        <v>2021</v>
      </c>
      <c r="F1113" s="3">
        <v>2021</v>
      </c>
      <c r="G1113" t="s">
        <v>15</v>
      </c>
      <c r="H1113" t="s">
        <v>14</v>
      </c>
      <c r="I1113" t="s">
        <v>107</v>
      </c>
      <c r="J1113" s="10">
        <v>8.8000000000000007</v>
      </c>
    </row>
    <row r="1114" spans="1:10" x14ac:dyDescent="0.35">
      <c r="A1114" t="s">
        <v>22</v>
      </c>
      <c r="B1114" t="s">
        <v>78</v>
      </c>
      <c r="C1114" t="s">
        <v>99</v>
      </c>
      <c r="D1114" t="s">
        <v>100</v>
      </c>
      <c r="E1114">
        <v>2021</v>
      </c>
      <c r="F1114" s="3">
        <v>2021</v>
      </c>
      <c r="G1114" t="s">
        <v>15</v>
      </c>
      <c r="H1114" t="s">
        <v>14</v>
      </c>
      <c r="I1114" t="s">
        <v>108</v>
      </c>
      <c r="J1114" s="10">
        <v>0.9</v>
      </c>
    </row>
    <row r="1115" spans="1:10" x14ac:dyDescent="0.35">
      <c r="A1115" t="s">
        <v>28</v>
      </c>
      <c r="B1115" t="s">
        <v>79</v>
      </c>
      <c r="C1115" t="s">
        <v>99</v>
      </c>
      <c r="D1115" t="s">
        <v>100</v>
      </c>
      <c r="E1115">
        <v>2021</v>
      </c>
      <c r="F1115" s="3">
        <v>2021</v>
      </c>
      <c r="G1115" t="s">
        <v>15</v>
      </c>
      <c r="H1115" t="s">
        <v>14</v>
      </c>
      <c r="I1115" t="s">
        <v>101</v>
      </c>
      <c r="J1115" s="10">
        <v>23.6</v>
      </c>
    </row>
    <row r="1116" spans="1:10" x14ac:dyDescent="0.35">
      <c r="A1116" t="s">
        <v>28</v>
      </c>
      <c r="B1116" t="s">
        <v>79</v>
      </c>
      <c r="C1116" t="s">
        <v>99</v>
      </c>
      <c r="D1116" t="s">
        <v>100</v>
      </c>
      <c r="E1116">
        <v>2021</v>
      </c>
      <c r="F1116" s="3">
        <v>2021</v>
      </c>
      <c r="G1116" t="s">
        <v>15</v>
      </c>
      <c r="H1116" t="s">
        <v>14</v>
      </c>
      <c r="I1116" t="s">
        <v>102</v>
      </c>
      <c r="J1116" s="10">
        <v>23.6</v>
      </c>
    </row>
    <row r="1117" spans="1:10" x14ac:dyDescent="0.35">
      <c r="A1117" t="s">
        <v>28</v>
      </c>
      <c r="B1117" t="s">
        <v>79</v>
      </c>
      <c r="C1117" t="s">
        <v>99</v>
      </c>
      <c r="D1117" t="s">
        <v>100</v>
      </c>
      <c r="E1117">
        <v>2021</v>
      </c>
      <c r="F1117" s="3">
        <v>2021</v>
      </c>
      <c r="G1117" t="s">
        <v>15</v>
      </c>
      <c r="H1117" t="s">
        <v>14</v>
      </c>
      <c r="I1117" t="s">
        <v>103</v>
      </c>
      <c r="J1117" s="10">
        <v>15.5</v>
      </c>
    </row>
    <row r="1118" spans="1:10" x14ac:dyDescent="0.35">
      <c r="A1118" t="s">
        <v>28</v>
      </c>
      <c r="B1118" t="s">
        <v>79</v>
      </c>
      <c r="C1118" t="s">
        <v>99</v>
      </c>
      <c r="D1118" t="s">
        <v>100</v>
      </c>
      <c r="E1118">
        <v>2021</v>
      </c>
      <c r="F1118" s="3">
        <v>2021</v>
      </c>
      <c r="G1118" t="s">
        <v>15</v>
      </c>
      <c r="H1118" t="s">
        <v>14</v>
      </c>
      <c r="I1118" t="s">
        <v>104</v>
      </c>
      <c r="J1118" s="10">
        <v>14.8</v>
      </c>
    </row>
    <row r="1119" spans="1:10" x14ac:dyDescent="0.35">
      <c r="A1119" t="s">
        <v>28</v>
      </c>
      <c r="B1119" t="s">
        <v>79</v>
      </c>
      <c r="C1119" t="s">
        <v>99</v>
      </c>
      <c r="D1119" t="s">
        <v>100</v>
      </c>
      <c r="E1119">
        <v>2021</v>
      </c>
      <c r="F1119" s="3">
        <v>2021</v>
      </c>
      <c r="G1119" t="s">
        <v>15</v>
      </c>
      <c r="H1119" t="s">
        <v>14</v>
      </c>
      <c r="I1119" t="s">
        <v>105</v>
      </c>
      <c r="J1119" s="10">
        <v>14.6</v>
      </c>
    </row>
    <row r="1120" spans="1:10" x14ac:dyDescent="0.35">
      <c r="A1120" t="s">
        <v>28</v>
      </c>
      <c r="B1120" t="s">
        <v>79</v>
      </c>
      <c r="C1120" t="s">
        <v>99</v>
      </c>
      <c r="D1120" t="s">
        <v>100</v>
      </c>
      <c r="E1120">
        <v>2021</v>
      </c>
      <c r="F1120" s="3">
        <v>2021</v>
      </c>
      <c r="G1120" t="s">
        <v>15</v>
      </c>
      <c r="H1120" t="s">
        <v>14</v>
      </c>
      <c r="I1120" t="s">
        <v>106</v>
      </c>
      <c r="J1120" s="10">
        <v>5.8</v>
      </c>
    </row>
    <row r="1121" spans="1:10" x14ac:dyDescent="0.35">
      <c r="A1121" t="s">
        <v>28</v>
      </c>
      <c r="B1121" t="s">
        <v>79</v>
      </c>
      <c r="C1121" t="s">
        <v>99</v>
      </c>
      <c r="D1121" t="s">
        <v>100</v>
      </c>
      <c r="E1121">
        <v>2021</v>
      </c>
      <c r="F1121" s="3">
        <v>2021</v>
      </c>
      <c r="G1121" t="s">
        <v>15</v>
      </c>
      <c r="H1121" t="s">
        <v>14</v>
      </c>
      <c r="I1121" t="s">
        <v>107</v>
      </c>
      <c r="J1121" s="10">
        <v>1.8</v>
      </c>
    </row>
    <row r="1122" spans="1:10" x14ac:dyDescent="0.35">
      <c r="A1122" t="s">
        <v>28</v>
      </c>
      <c r="B1122" t="s">
        <v>79</v>
      </c>
      <c r="C1122" t="s">
        <v>99</v>
      </c>
      <c r="D1122" t="s">
        <v>100</v>
      </c>
      <c r="E1122">
        <v>2021</v>
      </c>
      <c r="F1122" s="3">
        <v>2021</v>
      </c>
      <c r="G1122" t="s">
        <v>15</v>
      </c>
      <c r="H1122" t="s">
        <v>14</v>
      </c>
      <c r="I1122" t="s">
        <v>108</v>
      </c>
      <c r="J1122" s="10">
        <v>0.3</v>
      </c>
    </row>
    <row r="1123" spans="1:10" x14ac:dyDescent="0.35">
      <c r="A1123" t="s">
        <v>26</v>
      </c>
      <c r="B1123" t="s">
        <v>80</v>
      </c>
      <c r="C1123" t="s">
        <v>99</v>
      </c>
      <c r="D1123" t="s">
        <v>100</v>
      </c>
      <c r="E1123">
        <v>2021</v>
      </c>
      <c r="F1123" s="3">
        <v>2021</v>
      </c>
      <c r="G1123" t="s">
        <v>15</v>
      </c>
      <c r="H1123" t="s">
        <v>14</v>
      </c>
      <c r="I1123" t="s">
        <v>101</v>
      </c>
      <c r="J1123" s="10">
        <v>44.6</v>
      </c>
    </row>
    <row r="1124" spans="1:10" x14ac:dyDescent="0.35">
      <c r="A1124" t="s">
        <v>26</v>
      </c>
      <c r="B1124" t="s">
        <v>80</v>
      </c>
      <c r="C1124" t="s">
        <v>99</v>
      </c>
      <c r="D1124" t="s">
        <v>100</v>
      </c>
      <c r="E1124">
        <v>2021</v>
      </c>
      <c r="F1124" s="3">
        <v>2021</v>
      </c>
      <c r="G1124" t="s">
        <v>15</v>
      </c>
      <c r="H1124" t="s">
        <v>14</v>
      </c>
      <c r="I1124" t="s">
        <v>102</v>
      </c>
      <c r="J1124" s="10">
        <v>15.3</v>
      </c>
    </row>
    <row r="1125" spans="1:10" x14ac:dyDescent="0.35">
      <c r="A1125" t="s">
        <v>26</v>
      </c>
      <c r="B1125" t="s">
        <v>80</v>
      </c>
      <c r="C1125" t="s">
        <v>99</v>
      </c>
      <c r="D1125" t="s">
        <v>100</v>
      </c>
      <c r="E1125">
        <v>2021</v>
      </c>
      <c r="F1125" s="3">
        <v>2021</v>
      </c>
      <c r="G1125" t="s">
        <v>15</v>
      </c>
      <c r="H1125" t="s">
        <v>14</v>
      </c>
      <c r="I1125" t="s">
        <v>103</v>
      </c>
      <c r="J1125" s="10">
        <v>11</v>
      </c>
    </row>
    <row r="1126" spans="1:10" x14ac:dyDescent="0.35">
      <c r="A1126" t="s">
        <v>26</v>
      </c>
      <c r="B1126" t="s">
        <v>80</v>
      </c>
      <c r="C1126" t="s">
        <v>99</v>
      </c>
      <c r="D1126" t="s">
        <v>100</v>
      </c>
      <c r="E1126">
        <v>2021</v>
      </c>
      <c r="F1126" s="3">
        <v>2021</v>
      </c>
      <c r="G1126" t="s">
        <v>15</v>
      </c>
      <c r="H1126" t="s">
        <v>14</v>
      </c>
      <c r="I1126" t="s">
        <v>104</v>
      </c>
      <c r="J1126" s="10">
        <v>11.4</v>
      </c>
    </row>
    <row r="1127" spans="1:10" x14ac:dyDescent="0.35">
      <c r="A1127" t="s">
        <v>26</v>
      </c>
      <c r="B1127" t="s">
        <v>80</v>
      </c>
      <c r="C1127" t="s">
        <v>99</v>
      </c>
      <c r="D1127" t="s">
        <v>100</v>
      </c>
      <c r="E1127">
        <v>2021</v>
      </c>
      <c r="F1127" s="3">
        <v>2021</v>
      </c>
      <c r="G1127" t="s">
        <v>15</v>
      </c>
      <c r="H1127" t="s">
        <v>14</v>
      </c>
      <c r="I1127" t="s">
        <v>105</v>
      </c>
      <c r="J1127" s="10">
        <v>10.8</v>
      </c>
    </row>
    <row r="1128" spans="1:10" x14ac:dyDescent="0.35">
      <c r="A1128" t="s">
        <v>26</v>
      </c>
      <c r="B1128" t="s">
        <v>80</v>
      </c>
      <c r="C1128" t="s">
        <v>99</v>
      </c>
      <c r="D1128" t="s">
        <v>100</v>
      </c>
      <c r="E1128">
        <v>2021</v>
      </c>
      <c r="F1128" s="3">
        <v>2021</v>
      </c>
      <c r="G1128" t="s">
        <v>15</v>
      </c>
      <c r="H1128" t="s">
        <v>14</v>
      </c>
      <c r="I1128" t="s">
        <v>106</v>
      </c>
      <c r="J1128" s="10">
        <v>5.2</v>
      </c>
    </row>
    <row r="1129" spans="1:10" x14ac:dyDescent="0.35">
      <c r="A1129" t="s">
        <v>26</v>
      </c>
      <c r="B1129" t="s">
        <v>80</v>
      </c>
      <c r="C1129" t="s">
        <v>99</v>
      </c>
      <c r="D1129" t="s">
        <v>100</v>
      </c>
      <c r="E1129">
        <v>2021</v>
      </c>
      <c r="F1129" s="3">
        <v>2021</v>
      </c>
      <c r="G1129" t="s">
        <v>15</v>
      </c>
      <c r="H1129" t="s">
        <v>14</v>
      </c>
      <c r="I1129" t="s">
        <v>107</v>
      </c>
      <c r="J1129" s="10">
        <v>1.5</v>
      </c>
    </row>
    <row r="1130" spans="1:10" x14ac:dyDescent="0.35">
      <c r="A1130" t="s">
        <v>26</v>
      </c>
      <c r="B1130" t="s">
        <v>80</v>
      </c>
      <c r="C1130" t="s">
        <v>99</v>
      </c>
      <c r="D1130" t="s">
        <v>100</v>
      </c>
      <c r="E1130">
        <v>2021</v>
      </c>
      <c r="F1130" s="3">
        <v>2021</v>
      </c>
      <c r="G1130" t="s">
        <v>15</v>
      </c>
      <c r="H1130" t="s">
        <v>14</v>
      </c>
      <c r="I1130" t="s">
        <v>108</v>
      </c>
      <c r="J1130" s="10">
        <v>0.1</v>
      </c>
    </row>
    <row r="1131" spans="1:10" x14ac:dyDescent="0.35">
      <c r="A1131" t="s">
        <v>20</v>
      </c>
      <c r="B1131" t="s">
        <v>81</v>
      </c>
      <c r="C1131" t="s">
        <v>99</v>
      </c>
      <c r="D1131" t="s">
        <v>100</v>
      </c>
      <c r="E1131">
        <v>2021</v>
      </c>
      <c r="F1131" s="3">
        <v>2021</v>
      </c>
      <c r="G1131" t="s">
        <v>15</v>
      </c>
      <c r="H1131" t="s">
        <v>14</v>
      </c>
      <c r="I1131" t="s">
        <v>101</v>
      </c>
      <c r="J1131" s="10">
        <v>32.1</v>
      </c>
    </row>
    <row r="1132" spans="1:10" x14ac:dyDescent="0.35">
      <c r="A1132" t="s">
        <v>20</v>
      </c>
      <c r="B1132" t="s">
        <v>81</v>
      </c>
      <c r="C1132" t="s">
        <v>99</v>
      </c>
      <c r="D1132" t="s">
        <v>100</v>
      </c>
      <c r="E1132">
        <v>2021</v>
      </c>
      <c r="F1132" s="3">
        <v>2021</v>
      </c>
      <c r="G1132" t="s">
        <v>15</v>
      </c>
      <c r="H1132" t="s">
        <v>14</v>
      </c>
      <c r="I1132" t="s">
        <v>102</v>
      </c>
      <c r="J1132" s="10">
        <v>26.2</v>
      </c>
    </row>
    <row r="1133" spans="1:10" x14ac:dyDescent="0.35">
      <c r="A1133" t="s">
        <v>20</v>
      </c>
      <c r="B1133" t="s">
        <v>81</v>
      </c>
      <c r="C1133" t="s">
        <v>99</v>
      </c>
      <c r="D1133" t="s">
        <v>100</v>
      </c>
      <c r="E1133">
        <v>2021</v>
      </c>
      <c r="F1133" s="3">
        <v>2021</v>
      </c>
      <c r="G1133" t="s">
        <v>15</v>
      </c>
      <c r="H1133" t="s">
        <v>14</v>
      </c>
      <c r="I1133" t="s">
        <v>103</v>
      </c>
      <c r="J1133" s="10">
        <v>19</v>
      </c>
    </row>
    <row r="1134" spans="1:10" x14ac:dyDescent="0.35">
      <c r="A1134" t="s">
        <v>20</v>
      </c>
      <c r="B1134" t="s">
        <v>81</v>
      </c>
      <c r="C1134" t="s">
        <v>99</v>
      </c>
      <c r="D1134" t="s">
        <v>100</v>
      </c>
      <c r="E1134">
        <v>2021</v>
      </c>
      <c r="F1134" s="3">
        <v>2021</v>
      </c>
      <c r="G1134" t="s">
        <v>15</v>
      </c>
      <c r="H1134" t="s">
        <v>14</v>
      </c>
      <c r="I1134" t="s">
        <v>104</v>
      </c>
      <c r="J1134" s="10">
        <v>12.2</v>
      </c>
    </row>
    <row r="1135" spans="1:10" x14ac:dyDescent="0.35">
      <c r="A1135" t="s">
        <v>20</v>
      </c>
      <c r="B1135" t="s">
        <v>81</v>
      </c>
      <c r="C1135" t="s">
        <v>99</v>
      </c>
      <c r="D1135" t="s">
        <v>100</v>
      </c>
      <c r="E1135">
        <v>2021</v>
      </c>
      <c r="F1135" s="3">
        <v>2021</v>
      </c>
      <c r="G1135" t="s">
        <v>15</v>
      </c>
      <c r="H1135" t="s">
        <v>14</v>
      </c>
      <c r="I1135" t="s">
        <v>105</v>
      </c>
      <c r="J1135" s="10">
        <v>9</v>
      </c>
    </row>
    <row r="1136" spans="1:10" x14ac:dyDescent="0.35">
      <c r="A1136" t="s">
        <v>20</v>
      </c>
      <c r="B1136" t="s">
        <v>81</v>
      </c>
      <c r="C1136" t="s">
        <v>99</v>
      </c>
      <c r="D1136" t="s">
        <v>100</v>
      </c>
      <c r="E1136">
        <v>2021</v>
      </c>
      <c r="F1136" s="3">
        <v>2021</v>
      </c>
      <c r="G1136" t="s">
        <v>15</v>
      </c>
      <c r="H1136" t="s">
        <v>14</v>
      </c>
      <c r="I1136" t="s">
        <v>106</v>
      </c>
      <c r="J1136" s="10">
        <v>1.3</v>
      </c>
    </row>
    <row r="1137" spans="1:10" x14ac:dyDescent="0.35">
      <c r="A1137" t="s">
        <v>20</v>
      </c>
      <c r="B1137" t="s">
        <v>81</v>
      </c>
      <c r="C1137" t="s">
        <v>99</v>
      </c>
      <c r="D1137" t="s">
        <v>100</v>
      </c>
      <c r="E1137">
        <v>2021</v>
      </c>
      <c r="F1137" s="3">
        <v>2021</v>
      </c>
      <c r="G1137" t="s">
        <v>15</v>
      </c>
      <c r="H1137" t="s">
        <v>14</v>
      </c>
      <c r="I1137" t="s">
        <v>107</v>
      </c>
      <c r="J1137" s="10">
        <v>0.2</v>
      </c>
    </row>
    <row r="1138" spans="1:10" x14ac:dyDescent="0.35">
      <c r="A1138" t="s">
        <v>20</v>
      </c>
      <c r="B1138" t="s">
        <v>81</v>
      </c>
      <c r="C1138" t="s">
        <v>99</v>
      </c>
      <c r="D1138" t="s">
        <v>100</v>
      </c>
      <c r="E1138">
        <v>2021</v>
      </c>
      <c r="F1138" s="3">
        <v>2021</v>
      </c>
      <c r="G1138" t="s">
        <v>15</v>
      </c>
      <c r="H1138" t="s">
        <v>14</v>
      </c>
      <c r="I1138" t="s">
        <v>108</v>
      </c>
      <c r="J1138" s="10">
        <v>0</v>
      </c>
    </row>
    <row r="1139" spans="1:10" x14ac:dyDescent="0.35">
      <c r="A1139" t="s">
        <v>33</v>
      </c>
      <c r="B1139" t="s">
        <v>82</v>
      </c>
      <c r="C1139" t="s">
        <v>99</v>
      </c>
      <c r="D1139" t="s">
        <v>100</v>
      </c>
      <c r="E1139">
        <v>2021</v>
      </c>
      <c r="F1139" s="3">
        <v>2021</v>
      </c>
      <c r="G1139" t="s">
        <v>15</v>
      </c>
      <c r="H1139" t="s">
        <v>14</v>
      </c>
      <c r="I1139" t="s">
        <v>101</v>
      </c>
      <c r="J1139" s="10">
        <v>10.4</v>
      </c>
    </row>
    <row r="1140" spans="1:10" x14ac:dyDescent="0.35">
      <c r="A1140" t="s">
        <v>33</v>
      </c>
      <c r="B1140" t="s">
        <v>82</v>
      </c>
      <c r="C1140" t="s">
        <v>99</v>
      </c>
      <c r="D1140" t="s">
        <v>100</v>
      </c>
      <c r="E1140">
        <v>2021</v>
      </c>
      <c r="F1140" s="3">
        <v>2021</v>
      </c>
      <c r="G1140" t="s">
        <v>15</v>
      </c>
      <c r="H1140" t="s">
        <v>14</v>
      </c>
      <c r="I1140" t="s">
        <v>102</v>
      </c>
      <c r="J1140" s="10">
        <v>17.5</v>
      </c>
    </row>
    <row r="1141" spans="1:10" x14ac:dyDescent="0.35">
      <c r="A1141" t="s">
        <v>33</v>
      </c>
      <c r="B1141" t="s">
        <v>82</v>
      </c>
      <c r="C1141" t="s">
        <v>99</v>
      </c>
      <c r="D1141" t="s">
        <v>100</v>
      </c>
      <c r="E1141">
        <v>2021</v>
      </c>
      <c r="F1141" s="3">
        <v>2021</v>
      </c>
      <c r="G1141" t="s">
        <v>15</v>
      </c>
      <c r="H1141" t="s">
        <v>14</v>
      </c>
      <c r="I1141" t="s">
        <v>103</v>
      </c>
      <c r="J1141" s="10">
        <v>18.3</v>
      </c>
    </row>
    <row r="1142" spans="1:10" x14ac:dyDescent="0.35">
      <c r="A1142" t="s">
        <v>33</v>
      </c>
      <c r="B1142" t="s">
        <v>82</v>
      </c>
      <c r="C1142" t="s">
        <v>99</v>
      </c>
      <c r="D1142" t="s">
        <v>100</v>
      </c>
      <c r="E1142">
        <v>2021</v>
      </c>
      <c r="F1142" s="3">
        <v>2021</v>
      </c>
      <c r="G1142" t="s">
        <v>15</v>
      </c>
      <c r="H1142" t="s">
        <v>14</v>
      </c>
      <c r="I1142" t="s">
        <v>104</v>
      </c>
      <c r="J1142" s="10">
        <v>17</v>
      </c>
    </row>
    <row r="1143" spans="1:10" x14ac:dyDescent="0.35">
      <c r="A1143" t="s">
        <v>33</v>
      </c>
      <c r="B1143" t="s">
        <v>82</v>
      </c>
      <c r="C1143" t="s">
        <v>99</v>
      </c>
      <c r="D1143" t="s">
        <v>100</v>
      </c>
      <c r="E1143">
        <v>2021</v>
      </c>
      <c r="F1143" s="3">
        <v>2021</v>
      </c>
      <c r="G1143" t="s">
        <v>15</v>
      </c>
      <c r="H1143" t="s">
        <v>14</v>
      </c>
      <c r="I1143" t="s">
        <v>105</v>
      </c>
      <c r="J1143" s="10">
        <v>17.5</v>
      </c>
    </row>
    <row r="1144" spans="1:10" x14ac:dyDescent="0.35">
      <c r="A1144" t="s">
        <v>33</v>
      </c>
      <c r="B1144" t="s">
        <v>82</v>
      </c>
      <c r="C1144" t="s">
        <v>99</v>
      </c>
      <c r="D1144" t="s">
        <v>100</v>
      </c>
      <c r="E1144">
        <v>2021</v>
      </c>
      <c r="F1144" s="3">
        <v>2021</v>
      </c>
      <c r="G1144" t="s">
        <v>15</v>
      </c>
      <c r="H1144" t="s">
        <v>14</v>
      </c>
      <c r="I1144" t="s">
        <v>106</v>
      </c>
      <c r="J1144" s="10">
        <v>10.8</v>
      </c>
    </row>
    <row r="1145" spans="1:10" x14ac:dyDescent="0.35">
      <c r="A1145" t="s">
        <v>33</v>
      </c>
      <c r="B1145" t="s">
        <v>82</v>
      </c>
      <c r="C1145" t="s">
        <v>99</v>
      </c>
      <c r="D1145" t="s">
        <v>100</v>
      </c>
      <c r="E1145">
        <v>2021</v>
      </c>
      <c r="F1145" s="3">
        <v>2021</v>
      </c>
      <c r="G1145" t="s">
        <v>15</v>
      </c>
      <c r="H1145" t="s">
        <v>14</v>
      </c>
      <c r="I1145" t="s">
        <v>107</v>
      </c>
      <c r="J1145" s="10">
        <v>7.6</v>
      </c>
    </row>
    <row r="1146" spans="1:10" x14ac:dyDescent="0.35">
      <c r="A1146" t="s">
        <v>33</v>
      </c>
      <c r="B1146" t="s">
        <v>82</v>
      </c>
      <c r="C1146" t="s">
        <v>99</v>
      </c>
      <c r="D1146" t="s">
        <v>100</v>
      </c>
      <c r="E1146">
        <v>2021</v>
      </c>
      <c r="F1146" s="3">
        <v>2021</v>
      </c>
      <c r="G1146" t="s">
        <v>15</v>
      </c>
      <c r="H1146" t="s">
        <v>14</v>
      </c>
      <c r="I1146" t="s">
        <v>108</v>
      </c>
      <c r="J1146" s="10">
        <v>1</v>
      </c>
    </row>
    <row r="1147" spans="1:10" x14ac:dyDescent="0.35">
      <c r="A1147" t="s">
        <v>26</v>
      </c>
      <c r="B1147" t="s">
        <v>83</v>
      </c>
      <c r="C1147" t="s">
        <v>99</v>
      </c>
      <c r="D1147" t="s">
        <v>100</v>
      </c>
      <c r="E1147">
        <v>2021</v>
      </c>
      <c r="F1147" s="3">
        <v>2021</v>
      </c>
      <c r="G1147" t="s">
        <v>15</v>
      </c>
      <c r="H1147" t="s">
        <v>14</v>
      </c>
      <c r="I1147" t="s">
        <v>101</v>
      </c>
      <c r="J1147" s="10">
        <v>20.5</v>
      </c>
    </row>
    <row r="1148" spans="1:10" x14ac:dyDescent="0.35">
      <c r="A1148" t="s">
        <v>26</v>
      </c>
      <c r="B1148" t="s">
        <v>83</v>
      </c>
      <c r="C1148" t="s">
        <v>99</v>
      </c>
      <c r="D1148" t="s">
        <v>100</v>
      </c>
      <c r="E1148">
        <v>2021</v>
      </c>
      <c r="F1148" s="3">
        <v>2021</v>
      </c>
      <c r="G1148" t="s">
        <v>15</v>
      </c>
      <c r="H1148" t="s">
        <v>14</v>
      </c>
      <c r="I1148" t="s">
        <v>102</v>
      </c>
      <c r="J1148" s="10">
        <v>25.2</v>
      </c>
    </row>
    <row r="1149" spans="1:10" x14ac:dyDescent="0.35">
      <c r="A1149" t="s">
        <v>26</v>
      </c>
      <c r="B1149" t="s">
        <v>83</v>
      </c>
      <c r="C1149" t="s">
        <v>99</v>
      </c>
      <c r="D1149" t="s">
        <v>100</v>
      </c>
      <c r="E1149">
        <v>2021</v>
      </c>
      <c r="F1149" s="3">
        <v>2021</v>
      </c>
      <c r="G1149" t="s">
        <v>15</v>
      </c>
      <c r="H1149" t="s">
        <v>14</v>
      </c>
      <c r="I1149" t="s">
        <v>103</v>
      </c>
      <c r="J1149" s="10">
        <v>21.3</v>
      </c>
    </row>
    <row r="1150" spans="1:10" x14ac:dyDescent="0.35">
      <c r="A1150" t="s">
        <v>26</v>
      </c>
      <c r="B1150" t="s">
        <v>83</v>
      </c>
      <c r="C1150" t="s">
        <v>99</v>
      </c>
      <c r="D1150" t="s">
        <v>100</v>
      </c>
      <c r="E1150">
        <v>2021</v>
      </c>
      <c r="F1150" s="3">
        <v>2021</v>
      </c>
      <c r="G1150" t="s">
        <v>15</v>
      </c>
      <c r="H1150" t="s">
        <v>14</v>
      </c>
      <c r="I1150" t="s">
        <v>104</v>
      </c>
      <c r="J1150" s="10">
        <v>16.399999999999999</v>
      </c>
    </row>
    <row r="1151" spans="1:10" x14ac:dyDescent="0.35">
      <c r="A1151" t="s">
        <v>26</v>
      </c>
      <c r="B1151" t="s">
        <v>83</v>
      </c>
      <c r="C1151" t="s">
        <v>99</v>
      </c>
      <c r="D1151" t="s">
        <v>100</v>
      </c>
      <c r="E1151">
        <v>2021</v>
      </c>
      <c r="F1151" s="3">
        <v>2021</v>
      </c>
      <c r="G1151" t="s">
        <v>15</v>
      </c>
      <c r="H1151" t="s">
        <v>14</v>
      </c>
      <c r="I1151" t="s">
        <v>105</v>
      </c>
      <c r="J1151" s="10">
        <v>13.2</v>
      </c>
    </row>
    <row r="1152" spans="1:10" x14ac:dyDescent="0.35">
      <c r="A1152" t="s">
        <v>26</v>
      </c>
      <c r="B1152" t="s">
        <v>83</v>
      </c>
      <c r="C1152" t="s">
        <v>99</v>
      </c>
      <c r="D1152" t="s">
        <v>100</v>
      </c>
      <c r="E1152">
        <v>2021</v>
      </c>
      <c r="F1152" s="3">
        <v>2021</v>
      </c>
      <c r="G1152" t="s">
        <v>15</v>
      </c>
      <c r="H1152" t="s">
        <v>14</v>
      </c>
      <c r="I1152" t="s">
        <v>106</v>
      </c>
      <c r="J1152" s="10">
        <v>3.1</v>
      </c>
    </row>
    <row r="1153" spans="1:10" x14ac:dyDescent="0.35">
      <c r="A1153" t="s">
        <v>26</v>
      </c>
      <c r="B1153" t="s">
        <v>83</v>
      </c>
      <c r="C1153" t="s">
        <v>99</v>
      </c>
      <c r="D1153" t="s">
        <v>100</v>
      </c>
      <c r="E1153">
        <v>2021</v>
      </c>
      <c r="F1153" s="3">
        <v>2021</v>
      </c>
      <c r="G1153" t="s">
        <v>15</v>
      </c>
      <c r="H1153" t="s">
        <v>14</v>
      </c>
      <c r="I1153" t="s">
        <v>107</v>
      </c>
      <c r="J1153" s="10">
        <v>0.2</v>
      </c>
    </row>
    <row r="1154" spans="1:10" x14ac:dyDescent="0.35">
      <c r="A1154" t="s">
        <v>26</v>
      </c>
      <c r="B1154" t="s">
        <v>83</v>
      </c>
      <c r="C1154" t="s">
        <v>99</v>
      </c>
      <c r="D1154" t="s">
        <v>100</v>
      </c>
      <c r="E1154">
        <v>2021</v>
      </c>
      <c r="F1154" s="3">
        <v>2021</v>
      </c>
      <c r="G1154" t="s">
        <v>15</v>
      </c>
      <c r="H1154" t="s">
        <v>14</v>
      </c>
      <c r="I1154" t="s">
        <v>108</v>
      </c>
      <c r="J1154" s="10">
        <v>0.1</v>
      </c>
    </row>
    <row r="1155" spans="1:10" x14ac:dyDescent="0.35">
      <c r="A1155" t="s">
        <v>35</v>
      </c>
      <c r="B1155" t="s">
        <v>84</v>
      </c>
      <c r="C1155" t="s">
        <v>99</v>
      </c>
      <c r="D1155" t="s">
        <v>100</v>
      </c>
      <c r="E1155">
        <v>2021</v>
      </c>
      <c r="F1155" s="3">
        <v>2021</v>
      </c>
      <c r="G1155" t="s">
        <v>15</v>
      </c>
      <c r="H1155" t="s">
        <v>14</v>
      </c>
      <c r="I1155" t="s">
        <v>101</v>
      </c>
      <c r="J1155" s="10">
        <v>20.100000000000001</v>
      </c>
    </row>
    <row r="1156" spans="1:10" x14ac:dyDescent="0.35">
      <c r="A1156" t="s">
        <v>35</v>
      </c>
      <c r="B1156" t="s">
        <v>84</v>
      </c>
      <c r="C1156" t="s">
        <v>99</v>
      </c>
      <c r="D1156" t="s">
        <v>100</v>
      </c>
      <c r="E1156">
        <v>2021</v>
      </c>
      <c r="F1156" s="3">
        <v>2021</v>
      </c>
      <c r="G1156" t="s">
        <v>15</v>
      </c>
      <c r="H1156" t="s">
        <v>14</v>
      </c>
      <c r="I1156" t="s">
        <v>102</v>
      </c>
      <c r="J1156" s="10">
        <v>30.3</v>
      </c>
    </row>
    <row r="1157" spans="1:10" x14ac:dyDescent="0.35">
      <c r="A1157" t="s">
        <v>35</v>
      </c>
      <c r="B1157" t="s">
        <v>84</v>
      </c>
      <c r="C1157" t="s">
        <v>99</v>
      </c>
      <c r="D1157" t="s">
        <v>100</v>
      </c>
      <c r="E1157">
        <v>2021</v>
      </c>
      <c r="F1157" s="3">
        <v>2021</v>
      </c>
      <c r="G1157" t="s">
        <v>15</v>
      </c>
      <c r="H1157" t="s">
        <v>14</v>
      </c>
      <c r="I1157" t="s">
        <v>103</v>
      </c>
      <c r="J1157" s="10">
        <v>16</v>
      </c>
    </row>
    <row r="1158" spans="1:10" x14ac:dyDescent="0.35">
      <c r="A1158" t="s">
        <v>35</v>
      </c>
      <c r="B1158" t="s">
        <v>84</v>
      </c>
      <c r="C1158" t="s">
        <v>99</v>
      </c>
      <c r="D1158" t="s">
        <v>100</v>
      </c>
      <c r="E1158">
        <v>2021</v>
      </c>
      <c r="F1158" s="3">
        <v>2021</v>
      </c>
      <c r="G1158" t="s">
        <v>15</v>
      </c>
      <c r="H1158" t="s">
        <v>14</v>
      </c>
      <c r="I1158" t="s">
        <v>104</v>
      </c>
      <c r="J1158" s="10">
        <v>13</v>
      </c>
    </row>
    <row r="1159" spans="1:10" x14ac:dyDescent="0.35">
      <c r="A1159" t="s">
        <v>35</v>
      </c>
      <c r="B1159" t="s">
        <v>84</v>
      </c>
      <c r="C1159" t="s">
        <v>99</v>
      </c>
      <c r="D1159" t="s">
        <v>100</v>
      </c>
      <c r="E1159">
        <v>2021</v>
      </c>
      <c r="F1159" s="3">
        <v>2021</v>
      </c>
      <c r="G1159" t="s">
        <v>15</v>
      </c>
      <c r="H1159" t="s">
        <v>14</v>
      </c>
      <c r="I1159" t="s">
        <v>105</v>
      </c>
      <c r="J1159" s="10">
        <v>11.4</v>
      </c>
    </row>
    <row r="1160" spans="1:10" x14ac:dyDescent="0.35">
      <c r="A1160" t="s">
        <v>35</v>
      </c>
      <c r="B1160" t="s">
        <v>84</v>
      </c>
      <c r="C1160" t="s">
        <v>99</v>
      </c>
      <c r="D1160" t="s">
        <v>100</v>
      </c>
      <c r="E1160">
        <v>2021</v>
      </c>
      <c r="F1160" s="3">
        <v>2021</v>
      </c>
      <c r="G1160" t="s">
        <v>15</v>
      </c>
      <c r="H1160" t="s">
        <v>14</v>
      </c>
      <c r="I1160" t="s">
        <v>106</v>
      </c>
      <c r="J1160" s="10">
        <v>6.2</v>
      </c>
    </row>
    <row r="1161" spans="1:10" x14ac:dyDescent="0.35">
      <c r="A1161" t="s">
        <v>35</v>
      </c>
      <c r="B1161" t="s">
        <v>84</v>
      </c>
      <c r="C1161" t="s">
        <v>99</v>
      </c>
      <c r="D1161" t="s">
        <v>100</v>
      </c>
      <c r="E1161">
        <v>2021</v>
      </c>
      <c r="F1161" s="3">
        <v>2021</v>
      </c>
      <c r="G1161" t="s">
        <v>15</v>
      </c>
      <c r="H1161" t="s">
        <v>14</v>
      </c>
      <c r="I1161" t="s">
        <v>107</v>
      </c>
      <c r="J1161" s="10">
        <v>3</v>
      </c>
    </row>
    <row r="1162" spans="1:10" x14ac:dyDescent="0.35">
      <c r="A1162" t="s">
        <v>35</v>
      </c>
      <c r="B1162" t="s">
        <v>84</v>
      </c>
      <c r="C1162" t="s">
        <v>99</v>
      </c>
      <c r="D1162" t="s">
        <v>100</v>
      </c>
      <c r="E1162">
        <v>2021</v>
      </c>
      <c r="F1162" s="3">
        <v>2021</v>
      </c>
      <c r="G1162" t="s">
        <v>15</v>
      </c>
      <c r="H1162" t="s">
        <v>14</v>
      </c>
      <c r="I1162" t="s">
        <v>108</v>
      </c>
      <c r="J1162" s="10">
        <v>0.1</v>
      </c>
    </row>
    <row r="1163" spans="1:10" x14ac:dyDescent="0.35">
      <c r="A1163" t="s">
        <v>33</v>
      </c>
      <c r="B1163" t="s">
        <v>85</v>
      </c>
      <c r="C1163" t="s">
        <v>99</v>
      </c>
      <c r="D1163" t="s">
        <v>100</v>
      </c>
      <c r="E1163">
        <v>2021</v>
      </c>
      <c r="F1163" s="3">
        <v>2021</v>
      </c>
      <c r="G1163" t="s">
        <v>15</v>
      </c>
      <c r="H1163" t="s">
        <v>14</v>
      </c>
      <c r="I1163" t="s">
        <v>101</v>
      </c>
      <c r="J1163" s="10">
        <v>12.9</v>
      </c>
    </row>
    <row r="1164" spans="1:10" x14ac:dyDescent="0.35">
      <c r="A1164" t="s">
        <v>33</v>
      </c>
      <c r="B1164" t="s">
        <v>85</v>
      </c>
      <c r="C1164" t="s">
        <v>99</v>
      </c>
      <c r="D1164" t="s">
        <v>100</v>
      </c>
      <c r="E1164">
        <v>2021</v>
      </c>
      <c r="F1164" s="3">
        <v>2021</v>
      </c>
      <c r="G1164" t="s">
        <v>15</v>
      </c>
      <c r="H1164" t="s">
        <v>14</v>
      </c>
      <c r="I1164" t="s">
        <v>102</v>
      </c>
      <c r="J1164" s="10">
        <v>21.7</v>
      </c>
    </row>
    <row r="1165" spans="1:10" x14ac:dyDescent="0.35">
      <c r="A1165" t="s">
        <v>33</v>
      </c>
      <c r="B1165" t="s">
        <v>85</v>
      </c>
      <c r="C1165" t="s">
        <v>99</v>
      </c>
      <c r="D1165" t="s">
        <v>100</v>
      </c>
      <c r="E1165">
        <v>2021</v>
      </c>
      <c r="F1165" s="3">
        <v>2021</v>
      </c>
      <c r="G1165" t="s">
        <v>15</v>
      </c>
      <c r="H1165" t="s">
        <v>14</v>
      </c>
      <c r="I1165" t="s">
        <v>103</v>
      </c>
      <c r="J1165" s="10">
        <v>17.5</v>
      </c>
    </row>
    <row r="1166" spans="1:10" x14ac:dyDescent="0.35">
      <c r="A1166" t="s">
        <v>33</v>
      </c>
      <c r="B1166" t="s">
        <v>85</v>
      </c>
      <c r="C1166" t="s">
        <v>99</v>
      </c>
      <c r="D1166" t="s">
        <v>100</v>
      </c>
      <c r="E1166">
        <v>2021</v>
      </c>
      <c r="F1166" s="3">
        <v>2021</v>
      </c>
      <c r="G1166" t="s">
        <v>15</v>
      </c>
      <c r="H1166" t="s">
        <v>14</v>
      </c>
      <c r="I1166" t="s">
        <v>104</v>
      </c>
      <c r="J1166" s="10">
        <v>15.2</v>
      </c>
    </row>
    <row r="1167" spans="1:10" x14ac:dyDescent="0.35">
      <c r="A1167" t="s">
        <v>33</v>
      </c>
      <c r="B1167" t="s">
        <v>85</v>
      </c>
      <c r="C1167" t="s">
        <v>99</v>
      </c>
      <c r="D1167" t="s">
        <v>100</v>
      </c>
      <c r="E1167">
        <v>2021</v>
      </c>
      <c r="F1167" s="3">
        <v>2021</v>
      </c>
      <c r="G1167" t="s">
        <v>15</v>
      </c>
      <c r="H1167" t="s">
        <v>14</v>
      </c>
      <c r="I1167" t="s">
        <v>105</v>
      </c>
      <c r="J1167" s="10">
        <v>14.7</v>
      </c>
    </row>
    <row r="1168" spans="1:10" x14ac:dyDescent="0.35">
      <c r="A1168" t="s">
        <v>33</v>
      </c>
      <c r="B1168" t="s">
        <v>85</v>
      </c>
      <c r="C1168" t="s">
        <v>99</v>
      </c>
      <c r="D1168" t="s">
        <v>100</v>
      </c>
      <c r="E1168">
        <v>2021</v>
      </c>
      <c r="F1168" s="3">
        <v>2021</v>
      </c>
      <c r="G1168" t="s">
        <v>15</v>
      </c>
      <c r="H1168" t="s">
        <v>14</v>
      </c>
      <c r="I1168" t="s">
        <v>106</v>
      </c>
      <c r="J1168" s="10">
        <v>9.6999999999999993</v>
      </c>
    </row>
    <row r="1169" spans="1:10" x14ac:dyDescent="0.35">
      <c r="A1169" t="s">
        <v>33</v>
      </c>
      <c r="B1169" t="s">
        <v>85</v>
      </c>
      <c r="C1169" t="s">
        <v>99</v>
      </c>
      <c r="D1169" t="s">
        <v>100</v>
      </c>
      <c r="E1169">
        <v>2021</v>
      </c>
      <c r="F1169" s="3">
        <v>2021</v>
      </c>
      <c r="G1169" t="s">
        <v>15</v>
      </c>
      <c r="H1169" t="s">
        <v>14</v>
      </c>
      <c r="I1169" t="s">
        <v>107</v>
      </c>
      <c r="J1169" s="10">
        <v>7.4</v>
      </c>
    </row>
    <row r="1170" spans="1:10" x14ac:dyDescent="0.35">
      <c r="A1170" t="s">
        <v>33</v>
      </c>
      <c r="B1170" t="s">
        <v>85</v>
      </c>
      <c r="C1170" t="s">
        <v>99</v>
      </c>
      <c r="D1170" t="s">
        <v>100</v>
      </c>
      <c r="E1170">
        <v>2021</v>
      </c>
      <c r="F1170" s="3">
        <v>2021</v>
      </c>
      <c r="G1170" t="s">
        <v>15</v>
      </c>
      <c r="H1170" t="s">
        <v>14</v>
      </c>
      <c r="I1170" t="s">
        <v>108</v>
      </c>
      <c r="J1170" s="10">
        <v>1</v>
      </c>
    </row>
    <row r="1171" spans="1:10" x14ac:dyDescent="0.35">
      <c r="A1171" t="s">
        <v>33</v>
      </c>
      <c r="B1171" t="s">
        <v>86</v>
      </c>
      <c r="C1171" t="s">
        <v>99</v>
      </c>
      <c r="D1171" t="s">
        <v>100</v>
      </c>
      <c r="E1171">
        <v>2021</v>
      </c>
      <c r="F1171" s="3">
        <v>2021</v>
      </c>
      <c r="G1171" t="s">
        <v>15</v>
      </c>
      <c r="H1171" t="s">
        <v>14</v>
      </c>
      <c r="I1171" t="s">
        <v>101</v>
      </c>
      <c r="J1171" s="10">
        <v>10.4</v>
      </c>
    </row>
    <row r="1172" spans="1:10" x14ac:dyDescent="0.35">
      <c r="A1172" t="s">
        <v>33</v>
      </c>
      <c r="B1172" t="s">
        <v>86</v>
      </c>
      <c r="C1172" t="s">
        <v>99</v>
      </c>
      <c r="D1172" t="s">
        <v>100</v>
      </c>
      <c r="E1172">
        <v>2021</v>
      </c>
      <c r="F1172" s="3">
        <v>2021</v>
      </c>
      <c r="G1172" t="s">
        <v>15</v>
      </c>
      <c r="H1172" t="s">
        <v>14</v>
      </c>
      <c r="I1172" t="s">
        <v>102</v>
      </c>
      <c r="J1172" s="10">
        <v>18.3</v>
      </c>
    </row>
    <row r="1173" spans="1:10" x14ac:dyDescent="0.35">
      <c r="A1173" t="s">
        <v>33</v>
      </c>
      <c r="B1173" t="s">
        <v>86</v>
      </c>
      <c r="C1173" t="s">
        <v>99</v>
      </c>
      <c r="D1173" t="s">
        <v>100</v>
      </c>
      <c r="E1173">
        <v>2021</v>
      </c>
      <c r="F1173" s="3">
        <v>2021</v>
      </c>
      <c r="G1173" t="s">
        <v>15</v>
      </c>
      <c r="H1173" t="s">
        <v>14</v>
      </c>
      <c r="I1173" t="s">
        <v>103</v>
      </c>
      <c r="J1173" s="10">
        <v>16.5</v>
      </c>
    </row>
    <row r="1174" spans="1:10" x14ac:dyDescent="0.35">
      <c r="A1174" t="s">
        <v>33</v>
      </c>
      <c r="B1174" t="s">
        <v>86</v>
      </c>
      <c r="C1174" t="s">
        <v>99</v>
      </c>
      <c r="D1174" t="s">
        <v>100</v>
      </c>
      <c r="E1174">
        <v>2021</v>
      </c>
      <c r="F1174" s="3">
        <v>2021</v>
      </c>
      <c r="G1174" t="s">
        <v>15</v>
      </c>
      <c r="H1174" t="s">
        <v>14</v>
      </c>
      <c r="I1174" t="s">
        <v>104</v>
      </c>
      <c r="J1174" s="10">
        <v>15.1</v>
      </c>
    </row>
    <row r="1175" spans="1:10" x14ac:dyDescent="0.35">
      <c r="A1175" t="s">
        <v>33</v>
      </c>
      <c r="B1175" t="s">
        <v>86</v>
      </c>
      <c r="C1175" t="s">
        <v>99</v>
      </c>
      <c r="D1175" t="s">
        <v>100</v>
      </c>
      <c r="E1175">
        <v>2021</v>
      </c>
      <c r="F1175" s="3">
        <v>2021</v>
      </c>
      <c r="G1175" t="s">
        <v>15</v>
      </c>
      <c r="H1175" t="s">
        <v>14</v>
      </c>
      <c r="I1175" t="s">
        <v>105</v>
      </c>
      <c r="J1175" s="10">
        <v>17.2</v>
      </c>
    </row>
    <row r="1176" spans="1:10" x14ac:dyDescent="0.35">
      <c r="A1176" t="s">
        <v>33</v>
      </c>
      <c r="B1176" t="s">
        <v>86</v>
      </c>
      <c r="C1176" t="s">
        <v>99</v>
      </c>
      <c r="D1176" t="s">
        <v>100</v>
      </c>
      <c r="E1176">
        <v>2021</v>
      </c>
      <c r="F1176" s="3">
        <v>2021</v>
      </c>
      <c r="G1176" t="s">
        <v>15</v>
      </c>
      <c r="H1176" t="s">
        <v>14</v>
      </c>
      <c r="I1176" t="s">
        <v>106</v>
      </c>
      <c r="J1176" s="10">
        <v>11.7</v>
      </c>
    </row>
    <row r="1177" spans="1:10" x14ac:dyDescent="0.35">
      <c r="A1177" t="s">
        <v>33</v>
      </c>
      <c r="B1177" t="s">
        <v>86</v>
      </c>
      <c r="C1177" t="s">
        <v>99</v>
      </c>
      <c r="D1177" t="s">
        <v>100</v>
      </c>
      <c r="E1177">
        <v>2021</v>
      </c>
      <c r="F1177" s="3">
        <v>2021</v>
      </c>
      <c r="G1177" t="s">
        <v>15</v>
      </c>
      <c r="H1177" t="s">
        <v>14</v>
      </c>
      <c r="I1177" t="s">
        <v>107</v>
      </c>
      <c r="J1177" s="10">
        <v>9.9</v>
      </c>
    </row>
    <row r="1178" spans="1:10" x14ac:dyDescent="0.35">
      <c r="A1178" t="s">
        <v>33</v>
      </c>
      <c r="B1178" t="s">
        <v>86</v>
      </c>
      <c r="C1178" t="s">
        <v>99</v>
      </c>
      <c r="D1178" t="s">
        <v>100</v>
      </c>
      <c r="E1178">
        <v>2021</v>
      </c>
      <c r="F1178" s="3">
        <v>2021</v>
      </c>
      <c r="G1178" t="s">
        <v>15</v>
      </c>
      <c r="H1178" t="s">
        <v>14</v>
      </c>
      <c r="I1178" t="s">
        <v>108</v>
      </c>
      <c r="J1178" s="10">
        <v>0.9</v>
      </c>
    </row>
    <row r="1179" spans="1:10" x14ac:dyDescent="0.35">
      <c r="A1179" t="s">
        <v>35</v>
      </c>
      <c r="B1179" t="s">
        <v>87</v>
      </c>
      <c r="C1179" t="s">
        <v>99</v>
      </c>
      <c r="D1179" t="s">
        <v>100</v>
      </c>
      <c r="E1179">
        <v>2021</v>
      </c>
      <c r="F1179" s="3">
        <v>2021</v>
      </c>
      <c r="G1179" t="s">
        <v>15</v>
      </c>
      <c r="H1179" t="s">
        <v>14</v>
      </c>
      <c r="I1179" t="s">
        <v>101</v>
      </c>
      <c r="J1179" s="10">
        <v>10.199999999999999</v>
      </c>
    </row>
    <row r="1180" spans="1:10" x14ac:dyDescent="0.35">
      <c r="A1180" t="s">
        <v>35</v>
      </c>
      <c r="B1180" t="s">
        <v>87</v>
      </c>
      <c r="C1180" t="s">
        <v>99</v>
      </c>
      <c r="D1180" t="s">
        <v>100</v>
      </c>
      <c r="E1180">
        <v>2021</v>
      </c>
      <c r="F1180" s="3">
        <v>2021</v>
      </c>
      <c r="G1180" t="s">
        <v>15</v>
      </c>
      <c r="H1180" t="s">
        <v>14</v>
      </c>
      <c r="I1180" t="s">
        <v>102</v>
      </c>
      <c r="J1180" s="10">
        <v>22.5</v>
      </c>
    </row>
    <row r="1181" spans="1:10" x14ac:dyDescent="0.35">
      <c r="A1181" t="s">
        <v>35</v>
      </c>
      <c r="B1181" t="s">
        <v>87</v>
      </c>
      <c r="C1181" t="s">
        <v>99</v>
      </c>
      <c r="D1181" t="s">
        <v>100</v>
      </c>
      <c r="E1181">
        <v>2021</v>
      </c>
      <c r="F1181" s="3">
        <v>2021</v>
      </c>
      <c r="G1181" t="s">
        <v>15</v>
      </c>
      <c r="H1181" t="s">
        <v>14</v>
      </c>
      <c r="I1181" t="s">
        <v>103</v>
      </c>
      <c r="J1181" s="10">
        <v>17.600000000000001</v>
      </c>
    </row>
    <row r="1182" spans="1:10" x14ac:dyDescent="0.35">
      <c r="A1182" t="s">
        <v>35</v>
      </c>
      <c r="B1182" t="s">
        <v>87</v>
      </c>
      <c r="C1182" t="s">
        <v>99</v>
      </c>
      <c r="D1182" t="s">
        <v>100</v>
      </c>
      <c r="E1182">
        <v>2021</v>
      </c>
      <c r="F1182" s="3">
        <v>2021</v>
      </c>
      <c r="G1182" t="s">
        <v>15</v>
      </c>
      <c r="H1182" t="s">
        <v>14</v>
      </c>
      <c r="I1182" t="s">
        <v>104</v>
      </c>
      <c r="J1182" s="10">
        <v>17.5</v>
      </c>
    </row>
    <row r="1183" spans="1:10" x14ac:dyDescent="0.35">
      <c r="A1183" t="s">
        <v>35</v>
      </c>
      <c r="B1183" t="s">
        <v>87</v>
      </c>
      <c r="C1183" t="s">
        <v>99</v>
      </c>
      <c r="D1183" t="s">
        <v>100</v>
      </c>
      <c r="E1183">
        <v>2021</v>
      </c>
      <c r="F1183" s="3">
        <v>2021</v>
      </c>
      <c r="G1183" t="s">
        <v>15</v>
      </c>
      <c r="H1183" t="s">
        <v>14</v>
      </c>
      <c r="I1183" t="s">
        <v>105</v>
      </c>
      <c r="J1183" s="10">
        <v>15.4</v>
      </c>
    </row>
    <row r="1184" spans="1:10" x14ac:dyDescent="0.35">
      <c r="A1184" t="s">
        <v>35</v>
      </c>
      <c r="B1184" t="s">
        <v>87</v>
      </c>
      <c r="C1184" t="s">
        <v>99</v>
      </c>
      <c r="D1184" t="s">
        <v>100</v>
      </c>
      <c r="E1184">
        <v>2021</v>
      </c>
      <c r="F1184" s="3">
        <v>2021</v>
      </c>
      <c r="G1184" t="s">
        <v>15</v>
      </c>
      <c r="H1184" t="s">
        <v>14</v>
      </c>
      <c r="I1184" t="s">
        <v>106</v>
      </c>
      <c r="J1184" s="10">
        <v>8.9</v>
      </c>
    </row>
    <row r="1185" spans="1:10" x14ac:dyDescent="0.35">
      <c r="A1185" t="s">
        <v>35</v>
      </c>
      <c r="B1185" t="s">
        <v>87</v>
      </c>
      <c r="C1185" t="s">
        <v>99</v>
      </c>
      <c r="D1185" t="s">
        <v>100</v>
      </c>
      <c r="E1185">
        <v>2021</v>
      </c>
      <c r="F1185" s="3">
        <v>2021</v>
      </c>
      <c r="G1185" t="s">
        <v>15</v>
      </c>
      <c r="H1185" t="s">
        <v>14</v>
      </c>
      <c r="I1185" t="s">
        <v>107</v>
      </c>
      <c r="J1185" s="10">
        <v>6.8</v>
      </c>
    </row>
    <row r="1186" spans="1:10" x14ac:dyDescent="0.35">
      <c r="A1186" t="s">
        <v>35</v>
      </c>
      <c r="B1186" t="s">
        <v>87</v>
      </c>
      <c r="C1186" t="s">
        <v>99</v>
      </c>
      <c r="D1186" t="s">
        <v>100</v>
      </c>
      <c r="E1186">
        <v>2021</v>
      </c>
      <c r="F1186" s="3">
        <v>2021</v>
      </c>
      <c r="G1186" t="s">
        <v>15</v>
      </c>
      <c r="H1186" t="s">
        <v>14</v>
      </c>
      <c r="I1186" t="s">
        <v>108</v>
      </c>
      <c r="J1186" s="10">
        <v>0.9</v>
      </c>
    </row>
    <row r="1187" spans="1:10" x14ac:dyDescent="0.35">
      <c r="A1187" t="s">
        <v>35</v>
      </c>
      <c r="B1187" t="s">
        <v>88</v>
      </c>
      <c r="C1187" t="s">
        <v>99</v>
      </c>
      <c r="D1187" t="s">
        <v>100</v>
      </c>
      <c r="E1187">
        <v>2021</v>
      </c>
      <c r="F1187" s="3">
        <v>2021</v>
      </c>
      <c r="G1187" t="s">
        <v>15</v>
      </c>
      <c r="H1187" t="s">
        <v>14</v>
      </c>
      <c r="I1187" t="s">
        <v>101</v>
      </c>
      <c r="J1187" s="10">
        <v>11.4</v>
      </c>
    </row>
    <row r="1188" spans="1:10" x14ac:dyDescent="0.35">
      <c r="A1188" t="s">
        <v>35</v>
      </c>
      <c r="B1188" t="s">
        <v>88</v>
      </c>
      <c r="C1188" t="s">
        <v>99</v>
      </c>
      <c r="D1188" t="s">
        <v>100</v>
      </c>
      <c r="E1188">
        <v>2021</v>
      </c>
      <c r="F1188" s="3">
        <v>2021</v>
      </c>
      <c r="G1188" t="s">
        <v>15</v>
      </c>
      <c r="H1188" t="s">
        <v>14</v>
      </c>
      <c r="I1188" t="s">
        <v>102</v>
      </c>
      <c r="J1188" s="10">
        <v>32.6</v>
      </c>
    </row>
    <row r="1189" spans="1:10" x14ac:dyDescent="0.35">
      <c r="A1189" t="s">
        <v>35</v>
      </c>
      <c r="B1189" t="s">
        <v>88</v>
      </c>
      <c r="C1189" t="s">
        <v>99</v>
      </c>
      <c r="D1189" t="s">
        <v>100</v>
      </c>
      <c r="E1189">
        <v>2021</v>
      </c>
      <c r="F1189" s="3">
        <v>2021</v>
      </c>
      <c r="G1189" t="s">
        <v>15</v>
      </c>
      <c r="H1189" t="s">
        <v>14</v>
      </c>
      <c r="I1189" t="s">
        <v>103</v>
      </c>
      <c r="J1189" s="10">
        <v>16.399999999999999</v>
      </c>
    </row>
    <row r="1190" spans="1:10" x14ac:dyDescent="0.35">
      <c r="A1190" t="s">
        <v>35</v>
      </c>
      <c r="B1190" t="s">
        <v>88</v>
      </c>
      <c r="C1190" t="s">
        <v>99</v>
      </c>
      <c r="D1190" t="s">
        <v>100</v>
      </c>
      <c r="E1190">
        <v>2021</v>
      </c>
      <c r="F1190" s="3">
        <v>2021</v>
      </c>
      <c r="G1190" t="s">
        <v>15</v>
      </c>
      <c r="H1190" t="s">
        <v>14</v>
      </c>
      <c r="I1190" t="s">
        <v>104</v>
      </c>
      <c r="J1190" s="10">
        <v>13.6</v>
      </c>
    </row>
    <row r="1191" spans="1:10" x14ac:dyDescent="0.35">
      <c r="A1191" t="s">
        <v>35</v>
      </c>
      <c r="B1191" t="s">
        <v>88</v>
      </c>
      <c r="C1191" t="s">
        <v>99</v>
      </c>
      <c r="D1191" t="s">
        <v>100</v>
      </c>
      <c r="E1191">
        <v>2021</v>
      </c>
      <c r="F1191" s="3">
        <v>2021</v>
      </c>
      <c r="G1191" t="s">
        <v>15</v>
      </c>
      <c r="H1191" t="s">
        <v>14</v>
      </c>
      <c r="I1191" t="s">
        <v>105</v>
      </c>
      <c r="J1191" s="10">
        <v>11.8</v>
      </c>
    </row>
    <row r="1192" spans="1:10" x14ac:dyDescent="0.35">
      <c r="A1192" t="s">
        <v>35</v>
      </c>
      <c r="B1192" t="s">
        <v>88</v>
      </c>
      <c r="C1192" t="s">
        <v>99</v>
      </c>
      <c r="D1192" t="s">
        <v>100</v>
      </c>
      <c r="E1192">
        <v>2021</v>
      </c>
      <c r="F1192" s="3">
        <v>2021</v>
      </c>
      <c r="G1192" t="s">
        <v>15</v>
      </c>
      <c r="H1192" t="s">
        <v>14</v>
      </c>
      <c r="I1192" t="s">
        <v>106</v>
      </c>
      <c r="J1192" s="10">
        <v>8.9</v>
      </c>
    </row>
    <row r="1193" spans="1:10" x14ac:dyDescent="0.35">
      <c r="A1193" t="s">
        <v>35</v>
      </c>
      <c r="B1193" t="s">
        <v>88</v>
      </c>
      <c r="C1193" t="s">
        <v>99</v>
      </c>
      <c r="D1193" t="s">
        <v>100</v>
      </c>
      <c r="E1193">
        <v>2021</v>
      </c>
      <c r="F1193" s="3">
        <v>2021</v>
      </c>
      <c r="G1193" t="s">
        <v>15</v>
      </c>
      <c r="H1193" t="s">
        <v>14</v>
      </c>
      <c r="I1193" t="s">
        <v>107</v>
      </c>
      <c r="J1193" s="10">
        <v>5.2</v>
      </c>
    </row>
    <row r="1194" spans="1:10" x14ac:dyDescent="0.35">
      <c r="A1194" t="s">
        <v>35</v>
      </c>
      <c r="B1194" t="s">
        <v>88</v>
      </c>
      <c r="C1194" t="s">
        <v>99</v>
      </c>
      <c r="D1194" t="s">
        <v>100</v>
      </c>
      <c r="E1194">
        <v>2021</v>
      </c>
      <c r="F1194" s="3">
        <v>2021</v>
      </c>
      <c r="G1194" t="s">
        <v>15</v>
      </c>
      <c r="H1194" t="s">
        <v>14</v>
      </c>
      <c r="I1194" t="s">
        <v>108</v>
      </c>
      <c r="J1194" s="10">
        <v>0.2</v>
      </c>
    </row>
    <row r="1195" spans="1:10" x14ac:dyDescent="0.35">
      <c r="A1195" t="s">
        <v>62</v>
      </c>
      <c r="B1195" t="s">
        <v>89</v>
      </c>
      <c r="C1195" t="s">
        <v>99</v>
      </c>
      <c r="D1195" t="s">
        <v>100</v>
      </c>
      <c r="E1195">
        <v>2021</v>
      </c>
      <c r="F1195" s="3">
        <v>2021</v>
      </c>
      <c r="G1195" t="s">
        <v>15</v>
      </c>
      <c r="H1195" t="s">
        <v>14</v>
      </c>
      <c r="I1195" t="s">
        <v>101</v>
      </c>
      <c r="J1195" s="10">
        <v>22.9</v>
      </c>
    </row>
    <row r="1196" spans="1:10" x14ac:dyDescent="0.35">
      <c r="A1196" t="s">
        <v>62</v>
      </c>
      <c r="B1196" t="s">
        <v>89</v>
      </c>
      <c r="C1196" t="s">
        <v>99</v>
      </c>
      <c r="D1196" t="s">
        <v>100</v>
      </c>
      <c r="E1196">
        <v>2021</v>
      </c>
      <c r="F1196" s="3">
        <v>2021</v>
      </c>
      <c r="G1196" t="s">
        <v>15</v>
      </c>
      <c r="H1196" t="s">
        <v>14</v>
      </c>
      <c r="I1196" t="s">
        <v>102</v>
      </c>
      <c r="J1196" s="10">
        <v>21</v>
      </c>
    </row>
    <row r="1197" spans="1:10" x14ac:dyDescent="0.35">
      <c r="A1197" t="s">
        <v>62</v>
      </c>
      <c r="B1197" t="s">
        <v>89</v>
      </c>
      <c r="C1197" t="s">
        <v>99</v>
      </c>
      <c r="D1197" t="s">
        <v>100</v>
      </c>
      <c r="E1197">
        <v>2021</v>
      </c>
      <c r="F1197" s="3">
        <v>2021</v>
      </c>
      <c r="G1197" t="s">
        <v>15</v>
      </c>
      <c r="H1197" t="s">
        <v>14</v>
      </c>
      <c r="I1197" t="s">
        <v>103</v>
      </c>
      <c r="J1197" s="10">
        <v>18.600000000000001</v>
      </c>
    </row>
    <row r="1198" spans="1:10" x14ac:dyDescent="0.35">
      <c r="A1198" t="s">
        <v>62</v>
      </c>
      <c r="B1198" t="s">
        <v>89</v>
      </c>
      <c r="C1198" t="s">
        <v>99</v>
      </c>
      <c r="D1198" t="s">
        <v>100</v>
      </c>
      <c r="E1198">
        <v>2021</v>
      </c>
      <c r="F1198" s="3">
        <v>2021</v>
      </c>
      <c r="G1198" t="s">
        <v>15</v>
      </c>
      <c r="H1198" t="s">
        <v>14</v>
      </c>
      <c r="I1198" t="s">
        <v>104</v>
      </c>
      <c r="J1198" s="10">
        <v>12.9</v>
      </c>
    </row>
    <row r="1199" spans="1:10" x14ac:dyDescent="0.35">
      <c r="A1199" t="s">
        <v>62</v>
      </c>
      <c r="B1199" t="s">
        <v>89</v>
      </c>
      <c r="C1199" t="s">
        <v>99</v>
      </c>
      <c r="D1199" t="s">
        <v>100</v>
      </c>
      <c r="E1199">
        <v>2021</v>
      </c>
      <c r="F1199" s="3">
        <v>2021</v>
      </c>
      <c r="G1199" t="s">
        <v>15</v>
      </c>
      <c r="H1199" t="s">
        <v>14</v>
      </c>
      <c r="I1199" t="s">
        <v>105</v>
      </c>
      <c r="J1199" s="10">
        <v>14.9</v>
      </c>
    </row>
    <row r="1200" spans="1:10" x14ac:dyDescent="0.35">
      <c r="A1200" t="s">
        <v>62</v>
      </c>
      <c r="B1200" t="s">
        <v>89</v>
      </c>
      <c r="C1200" t="s">
        <v>99</v>
      </c>
      <c r="D1200" t="s">
        <v>100</v>
      </c>
      <c r="E1200">
        <v>2021</v>
      </c>
      <c r="F1200" s="3">
        <v>2021</v>
      </c>
      <c r="G1200" t="s">
        <v>15</v>
      </c>
      <c r="H1200" t="s">
        <v>14</v>
      </c>
      <c r="I1200" t="s">
        <v>106</v>
      </c>
      <c r="J1200" s="10">
        <v>7.7</v>
      </c>
    </row>
    <row r="1201" spans="1:10" x14ac:dyDescent="0.35">
      <c r="A1201" t="s">
        <v>62</v>
      </c>
      <c r="B1201" t="s">
        <v>89</v>
      </c>
      <c r="C1201" t="s">
        <v>99</v>
      </c>
      <c r="D1201" t="s">
        <v>100</v>
      </c>
      <c r="E1201">
        <v>2021</v>
      </c>
      <c r="F1201" s="3">
        <v>2021</v>
      </c>
      <c r="G1201" t="s">
        <v>15</v>
      </c>
      <c r="H1201" t="s">
        <v>14</v>
      </c>
      <c r="I1201" t="s">
        <v>107</v>
      </c>
      <c r="J1201" s="10">
        <v>2</v>
      </c>
    </row>
    <row r="1202" spans="1:10" x14ac:dyDescent="0.35">
      <c r="A1202" t="s">
        <v>62</v>
      </c>
      <c r="B1202" t="s">
        <v>89</v>
      </c>
      <c r="C1202" t="s">
        <v>99</v>
      </c>
      <c r="D1202" t="s">
        <v>100</v>
      </c>
      <c r="E1202">
        <v>2021</v>
      </c>
      <c r="F1202" s="3">
        <v>2021</v>
      </c>
      <c r="G1202" t="s">
        <v>15</v>
      </c>
      <c r="H1202" t="s">
        <v>14</v>
      </c>
      <c r="I1202" t="s">
        <v>108</v>
      </c>
      <c r="J1202" s="10">
        <v>0</v>
      </c>
    </row>
    <row r="1203" spans="1:10" x14ac:dyDescent="0.35">
      <c r="A1203" t="s">
        <v>26</v>
      </c>
      <c r="B1203" t="s">
        <v>90</v>
      </c>
      <c r="C1203" t="s">
        <v>99</v>
      </c>
      <c r="D1203" t="s">
        <v>100</v>
      </c>
      <c r="E1203">
        <v>2021</v>
      </c>
      <c r="F1203" s="3">
        <v>2021</v>
      </c>
      <c r="G1203" t="s">
        <v>15</v>
      </c>
      <c r="H1203" t="s">
        <v>14</v>
      </c>
      <c r="I1203" t="s">
        <v>101</v>
      </c>
      <c r="J1203" s="10">
        <v>25.8</v>
      </c>
    </row>
    <row r="1204" spans="1:10" x14ac:dyDescent="0.35">
      <c r="A1204" t="s">
        <v>26</v>
      </c>
      <c r="B1204" t="s">
        <v>90</v>
      </c>
      <c r="C1204" t="s">
        <v>99</v>
      </c>
      <c r="D1204" t="s">
        <v>100</v>
      </c>
      <c r="E1204">
        <v>2021</v>
      </c>
      <c r="F1204" s="3">
        <v>2021</v>
      </c>
      <c r="G1204" t="s">
        <v>15</v>
      </c>
      <c r="H1204" t="s">
        <v>14</v>
      </c>
      <c r="I1204" t="s">
        <v>102</v>
      </c>
      <c r="J1204" s="10">
        <v>16.100000000000001</v>
      </c>
    </row>
    <row r="1205" spans="1:10" x14ac:dyDescent="0.35">
      <c r="A1205" t="s">
        <v>26</v>
      </c>
      <c r="B1205" t="s">
        <v>90</v>
      </c>
      <c r="C1205" t="s">
        <v>99</v>
      </c>
      <c r="D1205" t="s">
        <v>100</v>
      </c>
      <c r="E1205">
        <v>2021</v>
      </c>
      <c r="F1205" s="3">
        <v>2021</v>
      </c>
      <c r="G1205" t="s">
        <v>15</v>
      </c>
      <c r="H1205" t="s">
        <v>14</v>
      </c>
      <c r="I1205" t="s">
        <v>103</v>
      </c>
      <c r="J1205" s="10">
        <v>25.2</v>
      </c>
    </row>
    <row r="1206" spans="1:10" x14ac:dyDescent="0.35">
      <c r="A1206" t="s">
        <v>26</v>
      </c>
      <c r="B1206" t="s">
        <v>90</v>
      </c>
      <c r="C1206" t="s">
        <v>99</v>
      </c>
      <c r="D1206" t="s">
        <v>100</v>
      </c>
      <c r="E1206">
        <v>2021</v>
      </c>
      <c r="F1206" s="3">
        <v>2021</v>
      </c>
      <c r="G1206" t="s">
        <v>15</v>
      </c>
      <c r="H1206" t="s">
        <v>14</v>
      </c>
      <c r="I1206" t="s">
        <v>104</v>
      </c>
      <c r="J1206" s="10">
        <v>16.600000000000001</v>
      </c>
    </row>
    <row r="1207" spans="1:10" x14ac:dyDescent="0.35">
      <c r="A1207" t="s">
        <v>26</v>
      </c>
      <c r="B1207" t="s">
        <v>90</v>
      </c>
      <c r="C1207" t="s">
        <v>99</v>
      </c>
      <c r="D1207" t="s">
        <v>100</v>
      </c>
      <c r="E1207">
        <v>2021</v>
      </c>
      <c r="F1207" s="3">
        <v>2021</v>
      </c>
      <c r="G1207" t="s">
        <v>15</v>
      </c>
      <c r="H1207" t="s">
        <v>14</v>
      </c>
      <c r="I1207" t="s">
        <v>105</v>
      </c>
      <c r="J1207" s="10">
        <v>13</v>
      </c>
    </row>
    <row r="1208" spans="1:10" x14ac:dyDescent="0.35">
      <c r="A1208" t="s">
        <v>26</v>
      </c>
      <c r="B1208" t="s">
        <v>90</v>
      </c>
      <c r="C1208" t="s">
        <v>99</v>
      </c>
      <c r="D1208" t="s">
        <v>100</v>
      </c>
      <c r="E1208">
        <v>2021</v>
      </c>
      <c r="F1208" s="3">
        <v>2021</v>
      </c>
      <c r="G1208" t="s">
        <v>15</v>
      </c>
      <c r="H1208" t="s">
        <v>14</v>
      </c>
      <c r="I1208" t="s">
        <v>106</v>
      </c>
      <c r="J1208" s="10">
        <v>2.7</v>
      </c>
    </row>
    <row r="1209" spans="1:10" x14ac:dyDescent="0.35">
      <c r="A1209" t="s">
        <v>26</v>
      </c>
      <c r="B1209" t="s">
        <v>90</v>
      </c>
      <c r="C1209" t="s">
        <v>99</v>
      </c>
      <c r="D1209" t="s">
        <v>100</v>
      </c>
      <c r="E1209">
        <v>2021</v>
      </c>
      <c r="F1209" s="3">
        <v>2021</v>
      </c>
      <c r="G1209" t="s">
        <v>15</v>
      </c>
      <c r="H1209" t="s">
        <v>14</v>
      </c>
      <c r="I1209" t="s">
        <v>107</v>
      </c>
      <c r="J1209" s="10">
        <v>0.6</v>
      </c>
    </row>
    <row r="1210" spans="1:10" x14ac:dyDescent="0.35">
      <c r="A1210" t="s">
        <v>26</v>
      </c>
      <c r="B1210" t="s">
        <v>90</v>
      </c>
      <c r="C1210" t="s">
        <v>99</v>
      </c>
      <c r="D1210" t="s">
        <v>100</v>
      </c>
      <c r="E1210">
        <v>2021</v>
      </c>
      <c r="F1210" s="3">
        <v>2021</v>
      </c>
      <c r="G1210" t="s">
        <v>15</v>
      </c>
      <c r="H1210" t="s">
        <v>14</v>
      </c>
      <c r="I1210" t="s">
        <v>108</v>
      </c>
      <c r="J1210" s="10">
        <v>0</v>
      </c>
    </row>
    <row r="1211" spans="1:10" x14ac:dyDescent="0.35">
      <c r="A1211" t="s">
        <v>26</v>
      </c>
      <c r="B1211" t="s">
        <v>91</v>
      </c>
      <c r="C1211" t="s">
        <v>99</v>
      </c>
      <c r="D1211" t="s">
        <v>100</v>
      </c>
      <c r="E1211">
        <v>2021</v>
      </c>
      <c r="F1211" s="3">
        <v>2021</v>
      </c>
      <c r="G1211" t="s">
        <v>15</v>
      </c>
      <c r="H1211" t="s">
        <v>14</v>
      </c>
      <c r="I1211" t="s">
        <v>101</v>
      </c>
      <c r="J1211" s="10">
        <v>6.9</v>
      </c>
    </row>
    <row r="1212" spans="1:10" x14ac:dyDescent="0.35">
      <c r="A1212" t="s">
        <v>26</v>
      </c>
      <c r="B1212" t="s">
        <v>91</v>
      </c>
      <c r="C1212" t="s">
        <v>99</v>
      </c>
      <c r="D1212" t="s">
        <v>100</v>
      </c>
      <c r="E1212">
        <v>2021</v>
      </c>
      <c r="F1212" s="3">
        <v>2021</v>
      </c>
      <c r="G1212" t="s">
        <v>15</v>
      </c>
      <c r="H1212" t="s">
        <v>14</v>
      </c>
      <c r="I1212" t="s">
        <v>102</v>
      </c>
      <c r="J1212" s="10">
        <v>17.399999999999999</v>
      </c>
    </row>
    <row r="1213" spans="1:10" x14ac:dyDescent="0.35">
      <c r="A1213" t="s">
        <v>26</v>
      </c>
      <c r="B1213" t="s">
        <v>91</v>
      </c>
      <c r="C1213" t="s">
        <v>99</v>
      </c>
      <c r="D1213" t="s">
        <v>100</v>
      </c>
      <c r="E1213">
        <v>2021</v>
      </c>
      <c r="F1213" s="3">
        <v>2021</v>
      </c>
      <c r="G1213" t="s">
        <v>15</v>
      </c>
      <c r="H1213" t="s">
        <v>14</v>
      </c>
      <c r="I1213" t="s">
        <v>103</v>
      </c>
      <c r="J1213" s="10">
        <v>25.1</v>
      </c>
    </row>
    <row r="1214" spans="1:10" x14ac:dyDescent="0.35">
      <c r="A1214" t="s">
        <v>26</v>
      </c>
      <c r="B1214" t="s">
        <v>91</v>
      </c>
      <c r="C1214" t="s">
        <v>99</v>
      </c>
      <c r="D1214" t="s">
        <v>100</v>
      </c>
      <c r="E1214">
        <v>2021</v>
      </c>
      <c r="F1214" s="3">
        <v>2021</v>
      </c>
      <c r="G1214" t="s">
        <v>15</v>
      </c>
      <c r="H1214" t="s">
        <v>14</v>
      </c>
      <c r="I1214" t="s">
        <v>104</v>
      </c>
      <c r="J1214" s="10">
        <v>15.9</v>
      </c>
    </row>
    <row r="1215" spans="1:10" x14ac:dyDescent="0.35">
      <c r="A1215" t="s">
        <v>26</v>
      </c>
      <c r="B1215" t="s">
        <v>91</v>
      </c>
      <c r="C1215" t="s">
        <v>99</v>
      </c>
      <c r="D1215" t="s">
        <v>100</v>
      </c>
      <c r="E1215">
        <v>2021</v>
      </c>
      <c r="F1215" s="3">
        <v>2021</v>
      </c>
      <c r="G1215" t="s">
        <v>15</v>
      </c>
      <c r="H1215" t="s">
        <v>14</v>
      </c>
      <c r="I1215" t="s">
        <v>105</v>
      </c>
      <c r="J1215" s="10">
        <v>19.7</v>
      </c>
    </row>
    <row r="1216" spans="1:10" x14ac:dyDescent="0.35">
      <c r="A1216" t="s">
        <v>26</v>
      </c>
      <c r="B1216" t="s">
        <v>91</v>
      </c>
      <c r="C1216" t="s">
        <v>99</v>
      </c>
      <c r="D1216" t="s">
        <v>100</v>
      </c>
      <c r="E1216">
        <v>2021</v>
      </c>
      <c r="F1216" s="3">
        <v>2021</v>
      </c>
      <c r="G1216" t="s">
        <v>15</v>
      </c>
      <c r="H1216" t="s">
        <v>14</v>
      </c>
      <c r="I1216" t="s">
        <v>106</v>
      </c>
      <c r="J1216" s="10">
        <v>10</v>
      </c>
    </row>
    <row r="1217" spans="1:10" x14ac:dyDescent="0.35">
      <c r="A1217" t="s">
        <v>26</v>
      </c>
      <c r="B1217" t="s">
        <v>91</v>
      </c>
      <c r="C1217" t="s">
        <v>99</v>
      </c>
      <c r="D1217" t="s">
        <v>100</v>
      </c>
      <c r="E1217">
        <v>2021</v>
      </c>
      <c r="F1217" s="3">
        <v>2021</v>
      </c>
      <c r="G1217" t="s">
        <v>15</v>
      </c>
      <c r="H1217" t="s">
        <v>14</v>
      </c>
      <c r="I1217" t="s">
        <v>107</v>
      </c>
      <c r="J1217" s="10">
        <v>4.8</v>
      </c>
    </row>
    <row r="1218" spans="1:10" x14ac:dyDescent="0.35">
      <c r="A1218" t="s">
        <v>26</v>
      </c>
      <c r="B1218" t="s">
        <v>91</v>
      </c>
      <c r="C1218" t="s">
        <v>99</v>
      </c>
      <c r="D1218" t="s">
        <v>100</v>
      </c>
      <c r="E1218">
        <v>2021</v>
      </c>
      <c r="F1218" s="3">
        <v>2021</v>
      </c>
      <c r="G1218" t="s">
        <v>15</v>
      </c>
      <c r="H1218" t="s">
        <v>14</v>
      </c>
      <c r="I1218" t="s">
        <v>108</v>
      </c>
      <c r="J1218" s="10">
        <v>0.4</v>
      </c>
    </row>
    <row r="1219" spans="1:10" x14ac:dyDescent="0.35">
      <c r="A1219" t="s">
        <v>33</v>
      </c>
      <c r="B1219" t="s">
        <v>92</v>
      </c>
      <c r="C1219" t="s">
        <v>99</v>
      </c>
      <c r="D1219" t="s">
        <v>100</v>
      </c>
      <c r="E1219">
        <v>2021</v>
      </c>
      <c r="F1219" s="3">
        <v>2021</v>
      </c>
      <c r="G1219" t="s">
        <v>15</v>
      </c>
      <c r="H1219" t="s">
        <v>14</v>
      </c>
      <c r="I1219" t="s">
        <v>101</v>
      </c>
      <c r="J1219" s="10">
        <v>15.9</v>
      </c>
    </row>
    <row r="1220" spans="1:10" x14ac:dyDescent="0.35">
      <c r="A1220" t="s">
        <v>33</v>
      </c>
      <c r="B1220" t="s">
        <v>92</v>
      </c>
      <c r="C1220" t="s">
        <v>99</v>
      </c>
      <c r="D1220" t="s">
        <v>100</v>
      </c>
      <c r="E1220">
        <v>2021</v>
      </c>
      <c r="F1220" s="3">
        <v>2021</v>
      </c>
      <c r="G1220" t="s">
        <v>15</v>
      </c>
      <c r="H1220" t="s">
        <v>14</v>
      </c>
      <c r="I1220" t="s">
        <v>102</v>
      </c>
      <c r="J1220" s="10">
        <v>22.1</v>
      </c>
    </row>
    <row r="1221" spans="1:10" x14ac:dyDescent="0.35">
      <c r="A1221" t="s">
        <v>33</v>
      </c>
      <c r="B1221" t="s">
        <v>92</v>
      </c>
      <c r="C1221" t="s">
        <v>99</v>
      </c>
      <c r="D1221" t="s">
        <v>100</v>
      </c>
      <c r="E1221">
        <v>2021</v>
      </c>
      <c r="F1221" s="3">
        <v>2021</v>
      </c>
      <c r="G1221" t="s">
        <v>15</v>
      </c>
      <c r="H1221" t="s">
        <v>14</v>
      </c>
      <c r="I1221" t="s">
        <v>103</v>
      </c>
      <c r="J1221" s="10">
        <v>11.5</v>
      </c>
    </row>
    <row r="1222" spans="1:10" x14ac:dyDescent="0.35">
      <c r="A1222" t="s">
        <v>33</v>
      </c>
      <c r="B1222" t="s">
        <v>92</v>
      </c>
      <c r="C1222" t="s">
        <v>99</v>
      </c>
      <c r="D1222" t="s">
        <v>100</v>
      </c>
      <c r="E1222">
        <v>2021</v>
      </c>
      <c r="F1222" s="3">
        <v>2021</v>
      </c>
      <c r="G1222" t="s">
        <v>15</v>
      </c>
      <c r="H1222" t="s">
        <v>14</v>
      </c>
      <c r="I1222" t="s">
        <v>104</v>
      </c>
      <c r="J1222" s="10">
        <v>12</v>
      </c>
    </row>
    <row r="1223" spans="1:10" x14ac:dyDescent="0.35">
      <c r="A1223" t="s">
        <v>33</v>
      </c>
      <c r="B1223" t="s">
        <v>92</v>
      </c>
      <c r="C1223" t="s">
        <v>99</v>
      </c>
      <c r="D1223" t="s">
        <v>100</v>
      </c>
      <c r="E1223">
        <v>2021</v>
      </c>
      <c r="F1223" s="3">
        <v>2021</v>
      </c>
      <c r="G1223" t="s">
        <v>15</v>
      </c>
      <c r="H1223" t="s">
        <v>14</v>
      </c>
      <c r="I1223" t="s">
        <v>105</v>
      </c>
      <c r="J1223" s="10">
        <v>14.5</v>
      </c>
    </row>
    <row r="1224" spans="1:10" x14ac:dyDescent="0.35">
      <c r="A1224" t="s">
        <v>33</v>
      </c>
      <c r="B1224" t="s">
        <v>92</v>
      </c>
      <c r="C1224" t="s">
        <v>99</v>
      </c>
      <c r="D1224" t="s">
        <v>100</v>
      </c>
      <c r="E1224">
        <v>2021</v>
      </c>
      <c r="F1224" s="3">
        <v>2021</v>
      </c>
      <c r="G1224" t="s">
        <v>15</v>
      </c>
      <c r="H1224" t="s">
        <v>14</v>
      </c>
      <c r="I1224" t="s">
        <v>106</v>
      </c>
      <c r="J1224" s="10">
        <v>11.7</v>
      </c>
    </row>
    <row r="1225" spans="1:10" x14ac:dyDescent="0.35">
      <c r="A1225" t="s">
        <v>33</v>
      </c>
      <c r="B1225" t="s">
        <v>92</v>
      </c>
      <c r="C1225" t="s">
        <v>99</v>
      </c>
      <c r="D1225" t="s">
        <v>100</v>
      </c>
      <c r="E1225">
        <v>2021</v>
      </c>
      <c r="F1225" s="3">
        <v>2021</v>
      </c>
      <c r="G1225" t="s">
        <v>15</v>
      </c>
      <c r="H1225" t="s">
        <v>14</v>
      </c>
      <c r="I1225" t="s">
        <v>107</v>
      </c>
      <c r="J1225" s="10">
        <v>11.1</v>
      </c>
    </row>
    <row r="1226" spans="1:10" x14ac:dyDescent="0.35">
      <c r="A1226" t="s">
        <v>33</v>
      </c>
      <c r="B1226" t="s">
        <v>92</v>
      </c>
      <c r="C1226" t="s">
        <v>99</v>
      </c>
      <c r="D1226" t="s">
        <v>100</v>
      </c>
      <c r="E1226">
        <v>2021</v>
      </c>
      <c r="F1226" s="3">
        <v>2021</v>
      </c>
      <c r="G1226" t="s">
        <v>15</v>
      </c>
      <c r="H1226" t="s">
        <v>14</v>
      </c>
      <c r="I1226" t="s">
        <v>108</v>
      </c>
      <c r="J1226" s="10">
        <v>1.3</v>
      </c>
    </row>
    <row r="1227" spans="1:10" x14ac:dyDescent="0.35">
      <c r="A1227" t="s">
        <v>35</v>
      </c>
      <c r="B1227" t="s">
        <v>93</v>
      </c>
      <c r="C1227" t="s">
        <v>99</v>
      </c>
      <c r="D1227" t="s">
        <v>100</v>
      </c>
      <c r="E1227">
        <v>2021</v>
      </c>
      <c r="F1227" s="3">
        <v>2021</v>
      </c>
      <c r="G1227" t="s">
        <v>15</v>
      </c>
      <c r="H1227" t="s">
        <v>14</v>
      </c>
      <c r="I1227" t="s">
        <v>101</v>
      </c>
      <c r="J1227" s="10">
        <v>2.8</v>
      </c>
    </row>
    <row r="1228" spans="1:10" x14ac:dyDescent="0.35">
      <c r="A1228" t="s">
        <v>35</v>
      </c>
      <c r="B1228" t="s">
        <v>93</v>
      </c>
      <c r="C1228" t="s">
        <v>99</v>
      </c>
      <c r="D1228" t="s">
        <v>100</v>
      </c>
      <c r="E1228">
        <v>2021</v>
      </c>
      <c r="F1228" s="3">
        <v>2021</v>
      </c>
      <c r="G1228" t="s">
        <v>15</v>
      </c>
      <c r="H1228" t="s">
        <v>14</v>
      </c>
      <c r="I1228" t="s">
        <v>102</v>
      </c>
      <c r="J1228" s="10">
        <v>10.1</v>
      </c>
    </row>
    <row r="1229" spans="1:10" x14ac:dyDescent="0.35">
      <c r="A1229" t="s">
        <v>35</v>
      </c>
      <c r="B1229" t="s">
        <v>93</v>
      </c>
      <c r="C1229" t="s">
        <v>99</v>
      </c>
      <c r="D1229" t="s">
        <v>100</v>
      </c>
      <c r="E1229">
        <v>2021</v>
      </c>
      <c r="F1229" s="3">
        <v>2021</v>
      </c>
      <c r="G1229" t="s">
        <v>15</v>
      </c>
      <c r="H1229" t="s">
        <v>14</v>
      </c>
      <c r="I1229" t="s">
        <v>103</v>
      </c>
      <c r="J1229" s="10">
        <v>19.399999999999999</v>
      </c>
    </row>
    <row r="1230" spans="1:10" x14ac:dyDescent="0.35">
      <c r="A1230" t="s">
        <v>35</v>
      </c>
      <c r="B1230" t="s">
        <v>93</v>
      </c>
      <c r="C1230" t="s">
        <v>99</v>
      </c>
      <c r="D1230" t="s">
        <v>100</v>
      </c>
      <c r="E1230">
        <v>2021</v>
      </c>
      <c r="F1230" s="3">
        <v>2021</v>
      </c>
      <c r="G1230" t="s">
        <v>15</v>
      </c>
      <c r="H1230" t="s">
        <v>14</v>
      </c>
      <c r="I1230" t="s">
        <v>104</v>
      </c>
      <c r="J1230" s="10">
        <v>20.100000000000001</v>
      </c>
    </row>
    <row r="1231" spans="1:10" x14ac:dyDescent="0.35">
      <c r="A1231" t="s">
        <v>35</v>
      </c>
      <c r="B1231" t="s">
        <v>93</v>
      </c>
      <c r="C1231" t="s">
        <v>99</v>
      </c>
      <c r="D1231" t="s">
        <v>100</v>
      </c>
      <c r="E1231">
        <v>2021</v>
      </c>
      <c r="F1231" s="3">
        <v>2021</v>
      </c>
      <c r="G1231" t="s">
        <v>15</v>
      </c>
      <c r="H1231" t="s">
        <v>14</v>
      </c>
      <c r="I1231" t="s">
        <v>105</v>
      </c>
      <c r="J1231" s="10">
        <v>21.5</v>
      </c>
    </row>
    <row r="1232" spans="1:10" x14ac:dyDescent="0.35">
      <c r="A1232" t="s">
        <v>35</v>
      </c>
      <c r="B1232" t="s">
        <v>93</v>
      </c>
      <c r="C1232" t="s">
        <v>99</v>
      </c>
      <c r="D1232" t="s">
        <v>100</v>
      </c>
      <c r="E1232">
        <v>2021</v>
      </c>
      <c r="F1232" s="3">
        <v>2021</v>
      </c>
      <c r="G1232" t="s">
        <v>15</v>
      </c>
      <c r="H1232" t="s">
        <v>14</v>
      </c>
      <c r="I1232" t="s">
        <v>106</v>
      </c>
      <c r="J1232" s="10">
        <v>14.4</v>
      </c>
    </row>
    <row r="1233" spans="1:10" x14ac:dyDescent="0.35">
      <c r="A1233" t="s">
        <v>35</v>
      </c>
      <c r="B1233" t="s">
        <v>93</v>
      </c>
      <c r="C1233" t="s">
        <v>99</v>
      </c>
      <c r="D1233" t="s">
        <v>100</v>
      </c>
      <c r="E1233">
        <v>2021</v>
      </c>
      <c r="F1233" s="3">
        <v>2021</v>
      </c>
      <c r="G1233" t="s">
        <v>15</v>
      </c>
      <c r="H1233" t="s">
        <v>14</v>
      </c>
      <c r="I1233" t="s">
        <v>107</v>
      </c>
      <c r="J1233" s="10">
        <v>11.1</v>
      </c>
    </row>
    <row r="1234" spans="1:10" x14ac:dyDescent="0.35">
      <c r="A1234" t="s">
        <v>35</v>
      </c>
      <c r="B1234" t="s">
        <v>93</v>
      </c>
      <c r="C1234" t="s">
        <v>99</v>
      </c>
      <c r="D1234" t="s">
        <v>100</v>
      </c>
      <c r="E1234">
        <v>2021</v>
      </c>
      <c r="F1234" s="3">
        <v>2021</v>
      </c>
      <c r="G1234" t="s">
        <v>15</v>
      </c>
      <c r="H1234" t="s">
        <v>14</v>
      </c>
      <c r="I1234" t="s">
        <v>108</v>
      </c>
      <c r="J1234" s="10">
        <v>0.6</v>
      </c>
    </row>
    <row r="1235" spans="1:10" x14ac:dyDescent="0.35">
      <c r="A1235" t="s">
        <v>20</v>
      </c>
      <c r="B1235" t="s">
        <v>94</v>
      </c>
      <c r="C1235" t="s">
        <v>99</v>
      </c>
      <c r="D1235" t="s">
        <v>100</v>
      </c>
      <c r="E1235">
        <v>2021</v>
      </c>
      <c r="F1235" s="3">
        <v>2021</v>
      </c>
      <c r="G1235" t="s">
        <v>15</v>
      </c>
      <c r="H1235" t="s">
        <v>14</v>
      </c>
      <c r="I1235" t="s">
        <v>101</v>
      </c>
      <c r="J1235" s="10">
        <v>44.1</v>
      </c>
    </row>
    <row r="1236" spans="1:10" x14ac:dyDescent="0.35">
      <c r="A1236" t="s">
        <v>20</v>
      </c>
      <c r="B1236" t="s">
        <v>94</v>
      </c>
      <c r="C1236" t="s">
        <v>99</v>
      </c>
      <c r="D1236" t="s">
        <v>100</v>
      </c>
      <c r="E1236">
        <v>2021</v>
      </c>
      <c r="F1236" s="3">
        <v>2021</v>
      </c>
      <c r="G1236" t="s">
        <v>15</v>
      </c>
      <c r="H1236" t="s">
        <v>14</v>
      </c>
      <c r="I1236" t="s">
        <v>102</v>
      </c>
      <c r="J1236" s="10">
        <v>15.8</v>
      </c>
    </row>
    <row r="1237" spans="1:10" x14ac:dyDescent="0.35">
      <c r="A1237" t="s">
        <v>20</v>
      </c>
      <c r="B1237" t="s">
        <v>94</v>
      </c>
      <c r="C1237" t="s">
        <v>99</v>
      </c>
      <c r="D1237" t="s">
        <v>100</v>
      </c>
      <c r="E1237">
        <v>2021</v>
      </c>
      <c r="F1237" s="3">
        <v>2021</v>
      </c>
      <c r="G1237" t="s">
        <v>15</v>
      </c>
      <c r="H1237" t="s">
        <v>14</v>
      </c>
      <c r="I1237" t="s">
        <v>103</v>
      </c>
      <c r="J1237" s="10">
        <v>9.8000000000000007</v>
      </c>
    </row>
    <row r="1238" spans="1:10" x14ac:dyDescent="0.35">
      <c r="A1238" t="s">
        <v>20</v>
      </c>
      <c r="B1238" t="s">
        <v>94</v>
      </c>
      <c r="C1238" t="s">
        <v>99</v>
      </c>
      <c r="D1238" t="s">
        <v>100</v>
      </c>
      <c r="E1238">
        <v>2021</v>
      </c>
      <c r="F1238" s="3">
        <v>2021</v>
      </c>
      <c r="G1238" t="s">
        <v>15</v>
      </c>
      <c r="H1238" t="s">
        <v>14</v>
      </c>
      <c r="I1238" t="s">
        <v>104</v>
      </c>
      <c r="J1238" s="10">
        <v>10.199999999999999</v>
      </c>
    </row>
    <row r="1239" spans="1:10" x14ac:dyDescent="0.35">
      <c r="A1239" t="s">
        <v>20</v>
      </c>
      <c r="B1239" t="s">
        <v>94</v>
      </c>
      <c r="C1239" t="s">
        <v>99</v>
      </c>
      <c r="D1239" t="s">
        <v>100</v>
      </c>
      <c r="E1239">
        <v>2021</v>
      </c>
      <c r="F1239" s="3">
        <v>2021</v>
      </c>
      <c r="G1239" t="s">
        <v>15</v>
      </c>
      <c r="H1239" t="s">
        <v>14</v>
      </c>
      <c r="I1239" t="s">
        <v>105</v>
      </c>
      <c r="J1239" s="10">
        <v>10.199999999999999</v>
      </c>
    </row>
    <row r="1240" spans="1:10" x14ac:dyDescent="0.35">
      <c r="A1240" t="s">
        <v>20</v>
      </c>
      <c r="B1240" t="s">
        <v>94</v>
      </c>
      <c r="C1240" t="s">
        <v>99</v>
      </c>
      <c r="D1240" t="s">
        <v>100</v>
      </c>
      <c r="E1240">
        <v>2021</v>
      </c>
      <c r="F1240" s="3">
        <v>2021</v>
      </c>
      <c r="G1240" t="s">
        <v>15</v>
      </c>
      <c r="H1240" t="s">
        <v>14</v>
      </c>
      <c r="I1240" t="s">
        <v>106</v>
      </c>
      <c r="J1240" s="10">
        <v>5.2</v>
      </c>
    </row>
    <row r="1241" spans="1:10" x14ac:dyDescent="0.35">
      <c r="A1241" t="s">
        <v>20</v>
      </c>
      <c r="B1241" t="s">
        <v>94</v>
      </c>
      <c r="C1241" t="s">
        <v>99</v>
      </c>
      <c r="D1241" t="s">
        <v>100</v>
      </c>
      <c r="E1241">
        <v>2021</v>
      </c>
      <c r="F1241" s="3">
        <v>2021</v>
      </c>
      <c r="G1241" t="s">
        <v>15</v>
      </c>
      <c r="H1241" t="s">
        <v>14</v>
      </c>
      <c r="I1241" t="s">
        <v>107</v>
      </c>
      <c r="J1241" s="10">
        <v>4</v>
      </c>
    </row>
    <row r="1242" spans="1:10" x14ac:dyDescent="0.35">
      <c r="A1242" t="s">
        <v>20</v>
      </c>
      <c r="B1242" t="s">
        <v>94</v>
      </c>
      <c r="C1242" t="s">
        <v>99</v>
      </c>
      <c r="D1242" t="s">
        <v>100</v>
      </c>
      <c r="E1242">
        <v>2021</v>
      </c>
      <c r="F1242" s="3">
        <v>2021</v>
      </c>
      <c r="G1242" t="s">
        <v>15</v>
      </c>
      <c r="H1242" t="s">
        <v>14</v>
      </c>
      <c r="I1242" t="s">
        <v>108</v>
      </c>
      <c r="J1242" s="10">
        <v>0.6</v>
      </c>
    </row>
    <row r="1243" spans="1:10" x14ac:dyDescent="0.35">
      <c r="A1243" t="s">
        <v>10</v>
      </c>
      <c r="B1243" t="s">
        <v>11</v>
      </c>
      <c r="C1243" t="s">
        <v>109</v>
      </c>
      <c r="D1243" t="s">
        <v>110</v>
      </c>
      <c r="E1243" s="4">
        <v>45323</v>
      </c>
      <c r="G1243" t="s">
        <v>97</v>
      </c>
      <c r="H1243" t="s">
        <v>14</v>
      </c>
      <c r="I1243" t="s">
        <v>15</v>
      </c>
      <c r="J1243" s="10">
        <v>500</v>
      </c>
    </row>
    <row r="1244" spans="1:10" x14ac:dyDescent="0.35">
      <c r="A1244" t="s">
        <v>10</v>
      </c>
      <c r="B1244" t="s">
        <v>16</v>
      </c>
      <c r="C1244" t="s">
        <v>109</v>
      </c>
      <c r="D1244" t="s">
        <v>110</v>
      </c>
      <c r="E1244" s="4">
        <v>45323</v>
      </c>
      <c r="G1244" t="s">
        <v>97</v>
      </c>
      <c r="H1244" t="s">
        <v>14</v>
      </c>
      <c r="I1244" t="s">
        <v>15</v>
      </c>
      <c r="J1244" s="10">
        <v>599</v>
      </c>
    </row>
    <row r="1245" spans="1:10" x14ac:dyDescent="0.35">
      <c r="A1245" t="s">
        <v>10</v>
      </c>
      <c r="B1245" t="s">
        <v>17</v>
      </c>
      <c r="C1245" t="s">
        <v>109</v>
      </c>
      <c r="D1245" t="s">
        <v>110</v>
      </c>
      <c r="E1245" s="4">
        <v>45323</v>
      </c>
      <c r="G1245" t="s">
        <v>97</v>
      </c>
      <c r="H1245" t="s">
        <v>14</v>
      </c>
      <c r="I1245" t="s">
        <v>15</v>
      </c>
      <c r="J1245" s="10">
        <v>445</v>
      </c>
    </row>
    <row r="1246" spans="1:10" x14ac:dyDescent="0.35">
      <c r="A1246" t="s">
        <v>10</v>
      </c>
      <c r="B1246" t="s">
        <v>18</v>
      </c>
      <c r="C1246" t="s">
        <v>109</v>
      </c>
      <c r="D1246" t="s">
        <v>110</v>
      </c>
      <c r="E1246" s="4">
        <v>45323</v>
      </c>
      <c r="G1246" t="s">
        <v>97</v>
      </c>
      <c r="H1246" t="s">
        <v>14</v>
      </c>
      <c r="I1246" t="s">
        <v>15</v>
      </c>
      <c r="J1246" s="10">
        <v>452</v>
      </c>
    </row>
    <row r="1247" spans="1:10" x14ac:dyDescent="0.35">
      <c r="A1247" t="s">
        <v>10</v>
      </c>
      <c r="B1247" t="s">
        <v>19</v>
      </c>
      <c r="C1247" t="s">
        <v>109</v>
      </c>
      <c r="D1247" t="s">
        <v>110</v>
      </c>
      <c r="E1247" s="4">
        <v>45323</v>
      </c>
      <c r="G1247" t="s">
        <v>97</v>
      </c>
      <c r="H1247" t="s">
        <v>14</v>
      </c>
      <c r="I1247" t="s">
        <v>15</v>
      </c>
      <c r="J1247" s="10">
        <v>337</v>
      </c>
    </row>
    <row r="1248" spans="1:10" x14ac:dyDescent="0.35">
      <c r="A1248" t="s">
        <v>20</v>
      </c>
      <c r="B1248" t="s">
        <v>21</v>
      </c>
      <c r="C1248" t="s">
        <v>109</v>
      </c>
      <c r="D1248" t="s">
        <v>110</v>
      </c>
      <c r="E1248" s="4">
        <v>45323</v>
      </c>
      <c r="G1248" t="s">
        <v>97</v>
      </c>
      <c r="H1248" t="s">
        <v>14</v>
      </c>
      <c r="I1248" t="s">
        <v>15</v>
      </c>
      <c r="J1248" s="10">
        <v>563</v>
      </c>
    </row>
    <row r="1249" spans="1:10" x14ac:dyDescent="0.35">
      <c r="A1249" t="s">
        <v>22</v>
      </c>
      <c r="B1249" t="s">
        <v>23</v>
      </c>
      <c r="C1249" t="s">
        <v>109</v>
      </c>
      <c r="D1249" t="s">
        <v>110</v>
      </c>
      <c r="E1249" s="4">
        <v>45323</v>
      </c>
      <c r="G1249" t="s">
        <v>97</v>
      </c>
      <c r="H1249" t="s">
        <v>14</v>
      </c>
      <c r="I1249" t="s">
        <v>15</v>
      </c>
      <c r="J1249" s="10">
        <v>463</v>
      </c>
    </row>
    <row r="1250" spans="1:10" x14ac:dyDescent="0.35">
      <c r="A1250" t="s">
        <v>10</v>
      </c>
      <c r="B1250" t="s">
        <v>24</v>
      </c>
      <c r="C1250" t="s">
        <v>109</v>
      </c>
      <c r="D1250" t="s">
        <v>110</v>
      </c>
      <c r="E1250" s="4">
        <v>45323</v>
      </c>
      <c r="G1250" t="s">
        <v>97</v>
      </c>
      <c r="H1250" t="s">
        <v>14</v>
      </c>
      <c r="I1250" t="s">
        <v>15</v>
      </c>
      <c r="J1250" s="10">
        <v>303</v>
      </c>
    </row>
    <row r="1251" spans="1:10" x14ac:dyDescent="0.35">
      <c r="A1251" t="s">
        <v>10</v>
      </c>
      <c r="B1251" t="s">
        <v>25</v>
      </c>
      <c r="C1251" t="s">
        <v>109</v>
      </c>
      <c r="D1251" t="s">
        <v>110</v>
      </c>
      <c r="E1251" s="4">
        <v>45323</v>
      </c>
      <c r="G1251" t="s">
        <v>97</v>
      </c>
      <c r="H1251" t="s">
        <v>14</v>
      </c>
      <c r="I1251" t="s">
        <v>15</v>
      </c>
      <c r="J1251" s="10">
        <v>319</v>
      </c>
    </row>
    <row r="1252" spans="1:10" x14ac:dyDescent="0.35">
      <c r="A1252" t="s">
        <v>26</v>
      </c>
      <c r="B1252" t="s">
        <v>27</v>
      </c>
      <c r="C1252" t="s">
        <v>109</v>
      </c>
      <c r="D1252" t="s">
        <v>110</v>
      </c>
      <c r="E1252" s="4">
        <v>45323</v>
      </c>
      <c r="G1252" t="s">
        <v>97</v>
      </c>
      <c r="H1252" t="s">
        <v>14</v>
      </c>
      <c r="I1252" t="s">
        <v>15</v>
      </c>
      <c r="J1252" s="10">
        <v>390</v>
      </c>
    </row>
    <row r="1253" spans="1:10" x14ac:dyDescent="0.35">
      <c r="A1253" t="s">
        <v>28</v>
      </c>
      <c r="B1253" t="s">
        <v>29</v>
      </c>
      <c r="C1253" t="s">
        <v>109</v>
      </c>
      <c r="D1253" t="s">
        <v>110</v>
      </c>
      <c r="E1253" s="4">
        <v>45323</v>
      </c>
      <c r="G1253" t="s">
        <v>97</v>
      </c>
      <c r="H1253" t="s">
        <v>14</v>
      </c>
      <c r="I1253" t="s">
        <v>15</v>
      </c>
      <c r="J1253" s="10">
        <v>549</v>
      </c>
    </row>
    <row r="1254" spans="1:10" x14ac:dyDescent="0.35">
      <c r="A1254" t="s">
        <v>10</v>
      </c>
      <c r="B1254" t="s">
        <v>30</v>
      </c>
      <c r="C1254" t="s">
        <v>109</v>
      </c>
      <c r="D1254" t="s">
        <v>110</v>
      </c>
      <c r="E1254" s="4">
        <v>45323</v>
      </c>
      <c r="G1254" t="s">
        <v>97</v>
      </c>
      <c r="H1254" t="s">
        <v>14</v>
      </c>
      <c r="I1254" t="s">
        <v>15</v>
      </c>
      <c r="J1254" s="10">
        <v>794</v>
      </c>
    </row>
    <row r="1255" spans="1:10" x14ac:dyDescent="0.35">
      <c r="A1255" t="s">
        <v>26</v>
      </c>
      <c r="B1255" t="s">
        <v>31</v>
      </c>
      <c r="C1255" t="s">
        <v>109</v>
      </c>
      <c r="D1255" t="s">
        <v>110</v>
      </c>
      <c r="E1255" s="4">
        <v>45323</v>
      </c>
      <c r="G1255" t="s">
        <v>97</v>
      </c>
      <c r="H1255" t="s">
        <v>14</v>
      </c>
      <c r="I1255" t="s">
        <v>15</v>
      </c>
      <c r="J1255" s="10">
        <v>336</v>
      </c>
    </row>
    <row r="1256" spans="1:10" x14ac:dyDescent="0.35">
      <c r="A1256" t="s">
        <v>28</v>
      </c>
      <c r="B1256" t="s">
        <v>32</v>
      </c>
      <c r="C1256" t="s">
        <v>109</v>
      </c>
      <c r="D1256" t="s">
        <v>110</v>
      </c>
      <c r="E1256" s="4">
        <v>45323</v>
      </c>
      <c r="G1256" t="s">
        <v>97</v>
      </c>
      <c r="H1256" t="s">
        <v>14</v>
      </c>
      <c r="I1256" t="s">
        <v>15</v>
      </c>
      <c r="J1256" s="10">
        <v>752</v>
      </c>
    </row>
    <row r="1257" spans="1:10" x14ac:dyDescent="0.35">
      <c r="A1257" t="s">
        <v>33</v>
      </c>
      <c r="B1257" t="s">
        <v>34</v>
      </c>
      <c r="C1257" t="s">
        <v>109</v>
      </c>
      <c r="D1257" t="s">
        <v>110</v>
      </c>
      <c r="E1257" s="4">
        <v>45323</v>
      </c>
      <c r="G1257" t="s">
        <v>97</v>
      </c>
      <c r="H1257" t="s">
        <v>14</v>
      </c>
      <c r="I1257" t="s">
        <v>15</v>
      </c>
      <c r="J1257" s="10">
        <v>390</v>
      </c>
    </row>
    <row r="1258" spans="1:10" x14ac:dyDescent="0.35">
      <c r="A1258" t="s">
        <v>35</v>
      </c>
      <c r="B1258" t="s">
        <v>36</v>
      </c>
      <c r="C1258" t="s">
        <v>109</v>
      </c>
      <c r="D1258" t="s">
        <v>110</v>
      </c>
      <c r="E1258" s="4">
        <v>45323</v>
      </c>
      <c r="G1258" t="s">
        <v>97</v>
      </c>
      <c r="H1258" t="s">
        <v>14</v>
      </c>
      <c r="I1258" t="s">
        <v>15</v>
      </c>
      <c r="J1258" s="10">
        <v>560</v>
      </c>
    </row>
    <row r="1259" spans="1:10" x14ac:dyDescent="0.35">
      <c r="A1259" t="s">
        <v>28</v>
      </c>
      <c r="B1259" t="s">
        <v>37</v>
      </c>
      <c r="C1259" t="s">
        <v>109</v>
      </c>
      <c r="D1259" t="s">
        <v>110</v>
      </c>
      <c r="E1259" s="4">
        <v>45323</v>
      </c>
      <c r="G1259" t="s">
        <v>97</v>
      </c>
      <c r="H1259" t="s">
        <v>14</v>
      </c>
      <c r="I1259" t="s">
        <v>15</v>
      </c>
      <c r="J1259" s="10">
        <v>502</v>
      </c>
    </row>
    <row r="1260" spans="1:10" x14ac:dyDescent="0.35">
      <c r="A1260" t="s">
        <v>20</v>
      </c>
      <c r="B1260" t="s">
        <v>38</v>
      </c>
      <c r="C1260" t="s">
        <v>109</v>
      </c>
      <c r="D1260" t="s">
        <v>110</v>
      </c>
      <c r="E1260" s="4">
        <v>45323</v>
      </c>
      <c r="G1260" t="s">
        <v>97</v>
      </c>
      <c r="H1260" t="s">
        <v>14</v>
      </c>
      <c r="I1260" t="s">
        <v>15</v>
      </c>
      <c r="J1260" s="10">
        <v>599</v>
      </c>
    </row>
    <row r="1261" spans="1:10" x14ac:dyDescent="0.35">
      <c r="A1261" t="s">
        <v>33</v>
      </c>
      <c r="B1261" t="s">
        <v>39</v>
      </c>
      <c r="C1261" t="s">
        <v>109</v>
      </c>
      <c r="D1261" t="s">
        <v>110</v>
      </c>
      <c r="E1261" s="4">
        <v>45323</v>
      </c>
      <c r="G1261" t="s">
        <v>97</v>
      </c>
      <c r="H1261" t="s">
        <v>14</v>
      </c>
      <c r="I1261" t="s">
        <v>15</v>
      </c>
      <c r="J1261" s="10">
        <v>539</v>
      </c>
    </row>
    <row r="1262" spans="1:10" x14ac:dyDescent="0.35">
      <c r="A1262" t="s">
        <v>20</v>
      </c>
      <c r="B1262" t="s">
        <v>40</v>
      </c>
      <c r="C1262" t="s">
        <v>109</v>
      </c>
      <c r="D1262" t="s">
        <v>110</v>
      </c>
      <c r="E1262" s="4">
        <v>45323</v>
      </c>
      <c r="G1262" t="s">
        <v>97</v>
      </c>
      <c r="H1262" t="s">
        <v>14</v>
      </c>
      <c r="I1262" t="s">
        <v>15</v>
      </c>
      <c r="J1262" s="10">
        <v>512</v>
      </c>
    </row>
    <row r="1263" spans="1:10" x14ac:dyDescent="0.35">
      <c r="A1263" t="s">
        <v>35</v>
      </c>
      <c r="B1263" t="s">
        <v>41</v>
      </c>
      <c r="C1263" t="s">
        <v>109</v>
      </c>
      <c r="D1263" t="s">
        <v>110</v>
      </c>
      <c r="E1263" s="4">
        <v>45323</v>
      </c>
      <c r="G1263" t="s">
        <v>97</v>
      </c>
      <c r="H1263" t="s">
        <v>14</v>
      </c>
      <c r="I1263" t="s">
        <v>15</v>
      </c>
      <c r="J1263" s="10">
        <v>573</v>
      </c>
    </row>
    <row r="1264" spans="1:10" x14ac:dyDescent="0.35">
      <c r="A1264" t="s">
        <v>35</v>
      </c>
      <c r="B1264" t="s">
        <v>42</v>
      </c>
      <c r="C1264" t="s">
        <v>109</v>
      </c>
      <c r="D1264" t="s">
        <v>110</v>
      </c>
      <c r="E1264" s="4">
        <v>45323</v>
      </c>
      <c r="G1264" t="s">
        <v>97</v>
      </c>
      <c r="H1264" t="s">
        <v>14</v>
      </c>
      <c r="I1264" t="s">
        <v>15</v>
      </c>
      <c r="J1264" s="10">
        <v>574</v>
      </c>
    </row>
    <row r="1265" spans="1:10" x14ac:dyDescent="0.35">
      <c r="A1265" t="s">
        <v>35</v>
      </c>
      <c r="B1265" t="s">
        <v>43</v>
      </c>
      <c r="C1265" t="s">
        <v>109</v>
      </c>
      <c r="D1265" t="s">
        <v>110</v>
      </c>
      <c r="E1265" s="4">
        <v>45323</v>
      </c>
      <c r="G1265" t="s">
        <v>97</v>
      </c>
      <c r="H1265" t="s">
        <v>14</v>
      </c>
      <c r="I1265" t="s">
        <v>15</v>
      </c>
      <c r="J1265" s="10">
        <v>533</v>
      </c>
    </row>
    <row r="1266" spans="1:10" x14ac:dyDescent="0.35">
      <c r="A1266" t="s">
        <v>28</v>
      </c>
      <c r="B1266" t="s">
        <v>44</v>
      </c>
      <c r="C1266" t="s">
        <v>109</v>
      </c>
      <c r="D1266" t="s">
        <v>110</v>
      </c>
      <c r="E1266" s="4">
        <v>45323</v>
      </c>
      <c r="G1266" t="s">
        <v>97</v>
      </c>
      <c r="H1266" t="s">
        <v>14</v>
      </c>
      <c r="I1266" t="s">
        <v>15</v>
      </c>
      <c r="J1266" s="10">
        <v>525</v>
      </c>
    </row>
    <row r="1267" spans="1:10" x14ac:dyDescent="0.35">
      <c r="A1267" t="s">
        <v>10</v>
      </c>
      <c r="B1267" t="s">
        <v>45</v>
      </c>
      <c r="C1267" t="s">
        <v>109</v>
      </c>
      <c r="D1267" t="s">
        <v>110</v>
      </c>
      <c r="E1267" s="4">
        <v>45323</v>
      </c>
      <c r="G1267" t="s">
        <v>97</v>
      </c>
      <c r="H1267" t="s">
        <v>14</v>
      </c>
      <c r="I1267" t="s">
        <v>15</v>
      </c>
      <c r="J1267" s="10">
        <v>366</v>
      </c>
    </row>
    <row r="1268" spans="1:10" x14ac:dyDescent="0.35">
      <c r="A1268" t="s">
        <v>10</v>
      </c>
      <c r="B1268" t="s">
        <v>46</v>
      </c>
      <c r="C1268" t="s">
        <v>109</v>
      </c>
      <c r="D1268" t="s">
        <v>110</v>
      </c>
      <c r="E1268" s="4">
        <v>45323</v>
      </c>
      <c r="G1268" t="s">
        <v>97</v>
      </c>
      <c r="H1268" t="s">
        <v>14</v>
      </c>
      <c r="I1268" t="s">
        <v>15</v>
      </c>
      <c r="J1268" s="10">
        <v>360</v>
      </c>
    </row>
    <row r="1269" spans="1:10" x14ac:dyDescent="0.35">
      <c r="A1269" t="s">
        <v>33</v>
      </c>
      <c r="B1269" t="s">
        <v>47</v>
      </c>
      <c r="C1269" t="s">
        <v>109</v>
      </c>
      <c r="D1269" t="s">
        <v>110</v>
      </c>
      <c r="E1269" s="4">
        <v>45323</v>
      </c>
      <c r="G1269" t="s">
        <v>97</v>
      </c>
      <c r="H1269" t="s">
        <v>14</v>
      </c>
      <c r="I1269" t="s">
        <v>15</v>
      </c>
      <c r="J1269" s="10">
        <v>382</v>
      </c>
    </row>
    <row r="1270" spans="1:10" x14ac:dyDescent="0.35">
      <c r="A1270" t="s">
        <v>20</v>
      </c>
      <c r="B1270" t="s">
        <v>48</v>
      </c>
      <c r="C1270" t="s">
        <v>109</v>
      </c>
      <c r="D1270" t="s">
        <v>110</v>
      </c>
      <c r="E1270" s="4">
        <v>45323</v>
      </c>
      <c r="G1270" t="s">
        <v>97</v>
      </c>
      <c r="H1270" t="s">
        <v>14</v>
      </c>
      <c r="I1270" t="s">
        <v>15</v>
      </c>
      <c r="J1270" s="10">
        <v>513</v>
      </c>
    </row>
    <row r="1271" spans="1:10" x14ac:dyDescent="0.35">
      <c r="A1271" t="s">
        <v>28</v>
      </c>
      <c r="B1271" t="s">
        <v>49</v>
      </c>
      <c r="C1271" t="s">
        <v>109</v>
      </c>
      <c r="D1271" t="s">
        <v>110</v>
      </c>
      <c r="E1271" s="4">
        <v>45323</v>
      </c>
      <c r="G1271" t="s">
        <v>97</v>
      </c>
      <c r="H1271" t="s">
        <v>14</v>
      </c>
      <c r="I1271" t="s">
        <v>15</v>
      </c>
      <c r="J1271" s="10">
        <v>342</v>
      </c>
    </row>
    <row r="1272" spans="1:10" x14ac:dyDescent="0.35">
      <c r="A1272" t="s">
        <v>35</v>
      </c>
      <c r="B1272" t="s">
        <v>50</v>
      </c>
      <c r="C1272" t="s">
        <v>109</v>
      </c>
      <c r="D1272" t="s">
        <v>110</v>
      </c>
      <c r="E1272" s="4">
        <v>45323</v>
      </c>
      <c r="G1272" t="s">
        <v>97</v>
      </c>
      <c r="H1272" t="s">
        <v>14</v>
      </c>
      <c r="I1272" t="s">
        <v>15</v>
      </c>
      <c r="J1272" s="10">
        <v>245</v>
      </c>
    </row>
    <row r="1273" spans="1:10" x14ac:dyDescent="0.35">
      <c r="A1273" t="s">
        <v>22</v>
      </c>
      <c r="B1273" t="s">
        <v>51</v>
      </c>
      <c r="C1273" t="s">
        <v>109</v>
      </c>
      <c r="D1273" t="s">
        <v>110</v>
      </c>
      <c r="E1273" s="4">
        <v>45323</v>
      </c>
      <c r="G1273" t="s">
        <v>97</v>
      </c>
      <c r="H1273" t="s">
        <v>14</v>
      </c>
      <c r="I1273" t="s">
        <v>15</v>
      </c>
      <c r="J1273" s="10">
        <v>171</v>
      </c>
    </row>
    <row r="1274" spans="1:10" x14ac:dyDescent="0.35">
      <c r="A1274" t="s">
        <v>22</v>
      </c>
      <c r="B1274" t="s">
        <v>52</v>
      </c>
      <c r="C1274" t="s">
        <v>109</v>
      </c>
      <c r="D1274" t="s">
        <v>110</v>
      </c>
      <c r="E1274" s="4">
        <v>45323</v>
      </c>
      <c r="G1274" t="s">
        <v>97</v>
      </c>
      <c r="H1274" t="s">
        <v>14</v>
      </c>
      <c r="I1274" t="s">
        <v>15</v>
      </c>
      <c r="J1274" s="10">
        <v>385</v>
      </c>
    </row>
    <row r="1275" spans="1:10" x14ac:dyDescent="0.35">
      <c r="A1275" t="s">
        <v>22</v>
      </c>
      <c r="B1275" t="s">
        <v>53</v>
      </c>
      <c r="C1275" t="s">
        <v>109</v>
      </c>
      <c r="D1275" t="s">
        <v>110</v>
      </c>
      <c r="E1275" s="4">
        <v>45323</v>
      </c>
      <c r="G1275" t="s">
        <v>97</v>
      </c>
      <c r="H1275" t="s">
        <v>14</v>
      </c>
      <c r="I1275" t="s">
        <v>15</v>
      </c>
      <c r="J1275" s="10">
        <v>235</v>
      </c>
    </row>
    <row r="1276" spans="1:10" x14ac:dyDescent="0.35">
      <c r="A1276" t="s">
        <v>22</v>
      </c>
      <c r="B1276" t="s">
        <v>54</v>
      </c>
      <c r="C1276" t="s">
        <v>109</v>
      </c>
      <c r="D1276" t="s">
        <v>110</v>
      </c>
      <c r="E1276" s="4">
        <v>45323</v>
      </c>
      <c r="G1276" t="s">
        <v>97</v>
      </c>
      <c r="H1276" t="s">
        <v>14</v>
      </c>
      <c r="I1276" t="s">
        <v>15</v>
      </c>
      <c r="J1276" s="10">
        <v>215</v>
      </c>
    </row>
    <row r="1277" spans="1:10" x14ac:dyDescent="0.35">
      <c r="A1277" t="s">
        <v>22</v>
      </c>
      <c r="B1277" t="s">
        <v>55</v>
      </c>
      <c r="C1277" t="s">
        <v>109</v>
      </c>
      <c r="D1277" t="s">
        <v>110</v>
      </c>
      <c r="E1277" s="4">
        <v>45323</v>
      </c>
      <c r="G1277" t="s">
        <v>97</v>
      </c>
      <c r="H1277" t="s">
        <v>14</v>
      </c>
      <c r="I1277" t="s">
        <v>15</v>
      </c>
      <c r="J1277" s="10">
        <v>155</v>
      </c>
    </row>
    <row r="1278" spans="1:10" x14ac:dyDescent="0.35">
      <c r="A1278" t="s">
        <v>22</v>
      </c>
      <c r="B1278" t="s">
        <v>56</v>
      </c>
      <c r="C1278" t="s">
        <v>109</v>
      </c>
      <c r="D1278" t="s">
        <v>110</v>
      </c>
      <c r="E1278" s="4">
        <v>45323</v>
      </c>
      <c r="G1278" t="s">
        <v>97</v>
      </c>
      <c r="H1278" t="s">
        <v>14</v>
      </c>
      <c r="I1278" t="s">
        <v>15</v>
      </c>
      <c r="J1278" s="10">
        <v>159</v>
      </c>
    </row>
    <row r="1279" spans="1:10" x14ac:dyDescent="0.35">
      <c r="A1279" t="s">
        <v>28</v>
      </c>
      <c r="B1279" t="s">
        <v>58</v>
      </c>
      <c r="C1279" t="s">
        <v>109</v>
      </c>
      <c r="D1279" t="s">
        <v>110</v>
      </c>
      <c r="E1279" s="4">
        <v>45323</v>
      </c>
      <c r="G1279" t="s">
        <v>97</v>
      </c>
      <c r="H1279" t="s">
        <v>14</v>
      </c>
      <c r="I1279" t="s">
        <v>15</v>
      </c>
      <c r="J1279" s="10">
        <v>278</v>
      </c>
    </row>
    <row r="1280" spans="1:10" x14ac:dyDescent="0.35">
      <c r="A1280" t="s">
        <v>20</v>
      </c>
      <c r="B1280" t="s">
        <v>59</v>
      </c>
      <c r="C1280" t="s">
        <v>109</v>
      </c>
      <c r="D1280" t="s">
        <v>110</v>
      </c>
      <c r="E1280" s="4">
        <v>45323</v>
      </c>
      <c r="G1280" t="s">
        <v>97</v>
      </c>
      <c r="H1280" t="s">
        <v>14</v>
      </c>
      <c r="I1280" t="s">
        <v>15</v>
      </c>
      <c r="J1280" s="10">
        <v>434</v>
      </c>
    </row>
    <row r="1281" spans="1:10" x14ac:dyDescent="0.35">
      <c r="A1281" t="s">
        <v>20</v>
      </c>
      <c r="B1281" t="s">
        <v>60</v>
      </c>
      <c r="C1281" t="s">
        <v>109</v>
      </c>
      <c r="D1281" t="s">
        <v>110</v>
      </c>
      <c r="E1281" s="4">
        <v>45323</v>
      </c>
      <c r="G1281" t="s">
        <v>97</v>
      </c>
      <c r="H1281" t="s">
        <v>14</v>
      </c>
      <c r="I1281" t="s">
        <v>15</v>
      </c>
      <c r="J1281" s="10">
        <v>530</v>
      </c>
    </row>
    <row r="1282" spans="1:10" x14ac:dyDescent="0.35">
      <c r="A1282" t="s">
        <v>28</v>
      </c>
      <c r="B1282" t="s">
        <v>61</v>
      </c>
      <c r="C1282" t="s">
        <v>109</v>
      </c>
      <c r="D1282" t="s">
        <v>110</v>
      </c>
      <c r="E1282" s="4">
        <v>45323</v>
      </c>
      <c r="G1282" t="s">
        <v>97</v>
      </c>
      <c r="H1282" t="s">
        <v>14</v>
      </c>
      <c r="I1282" t="s">
        <v>15</v>
      </c>
      <c r="J1282" s="10">
        <v>546</v>
      </c>
    </row>
    <row r="1283" spans="1:10" x14ac:dyDescent="0.35">
      <c r="A1283" t="s">
        <v>62</v>
      </c>
      <c r="B1283" t="s">
        <v>63</v>
      </c>
      <c r="C1283" t="s">
        <v>109</v>
      </c>
      <c r="D1283" t="s">
        <v>110</v>
      </c>
      <c r="E1283" s="4">
        <v>45323</v>
      </c>
      <c r="G1283" t="s">
        <v>97</v>
      </c>
      <c r="H1283" t="s">
        <v>14</v>
      </c>
      <c r="I1283" t="s">
        <v>15</v>
      </c>
      <c r="J1283" s="10">
        <v>714</v>
      </c>
    </row>
    <row r="1284" spans="1:10" x14ac:dyDescent="0.35">
      <c r="A1284" t="s">
        <v>62</v>
      </c>
      <c r="B1284" t="s">
        <v>64</v>
      </c>
      <c r="C1284" t="s">
        <v>109</v>
      </c>
      <c r="D1284" t="s">
        <v>110</v>
      </c>
      <c r="E1284" s="4">
        <v>45323</v>
      </c>
      <c r="G1284" t="s">
        <v>97</v>
      </c>
      <c r="H1284" t="s">
        <v>14</v>
      </c>
      <c r="I1284" t="s">
        <v>15</v>
      </c>
      <c r="J1284" s="10">
        <v>577</v>
      </c>
    </row>
    <row r="1285" spans="1:10" x14ac:dyDescent="0.35">
      <c r="A1285" t="s">
        <v>62</v>
      </c>
      <c r="B1285" t="s">
        <v>65</v>
      </c>
      <c r="C1285" t="s">
        <v>109</v>
      </c>
      <c r="D1285" t="s">
        <v>110</v>
      </c>
      <c r="E1285" s="4">
        <v>45323</v>
      </c>
      <c r="G1285" t="s">
        <v>97</v>
      </c>
      <c r="H1285" t="s">
        <v>14</v>
      </c>
      <c r="I1285" t="s">
        <v>15</v>
      </c>
      <c r="J1285" s="10">
        <v>496</v>
      </c>
    </row>
    <row r="1286" spans="1:10" x14ac:dyDescent="0.35">
      <c r="A1286" t="s">
        <v>62</v>
      </c>
      <c r="B1286" t="s">
        <v>66</v>
      </c>
      <c r="C1286" t="s">
        <v>109</v>
      </c>
      <c r="D1286" t="s">
        <v>110</v>
      </c>
      <c r="E1286" s="4">
        <v>45323</v>
      </c>
      <c r="G1286" t="s">
        <v>97</v>
      </c>
      <c r="H1286" t="s">
        <v>14</v>
      </c>
      <c r="I1286" t="s">
        <v>15</v>
      </c>
      <c r="J1286" s="10">
        <v>709</v>
      </c>
    </row>
    <row r="1287" spans="1:10" x14ac:dyDescent="0.35">
      <c r="A1287" t="s">
        <v>62</v>
      </c>
      <c r="B1287" t="s">
        <v>67</v>
      </c>
      <c r="C1287" t="s">
        <v>109</v>
      </c>
      <c r="D1287" t="s">
        <v>110</v>
      </c>
      <c r="E1287" s="4">
        <v>45323</v>
      </c>
      <c r="G1287" t="s">
        <v>97</v>
      </c>
      <c r="H1287" t="s">
        <v>14</v>
      </c>
      <c r="I1287" t="s">
        <v>15</v>
      </c>
      <c r="J1287" s="10">
        <v>797</v>
      </c>
    </row>
    <row r="1288" spans="1:10" x14ac:dyDescent="0.35">
      <c r="A1288" t="s">
        <v>62</v>
      </c>
      <c r="B1288" t="s">
        <v>68</v>
      </c>
      <c r="C1288" t="s">
        <v>109</v>
      </c>
      <c r="D1288" t="s">
        <v>110</v>
      </c>
      <c r="E1288" s="4">
        <v>45323</v>
      </c>
      <c r="G1288" t="s">
        <v>97</v>
      </c>
      <c r="H1288" t="s">
        <v>14</v>
      </c>
      <c r="I1288" t="s">
        <v>15</v>
      </c>
      <c r="J1288" s="10">
        <v>799</v>
      </c>
    </row>
    <row r="1289" spans="1:10" x14ac:dyDescent="0.35">
      <c r="A1289" t="s">
        <v>62</v>
      </c>
      <c r="B1289" t="s">
        <v>69</v>
      </c>
      <c r="C1289" t="s">
        <v>109</v>
      </c>
      <c r="D1289" t="s">
        <v>110</v>
      </c>
      <c r="E1289" s="4">
        <v>45323</v>
      </c>
      <c r="G1289" t="s">
        <v>97</v>
      </c>
      <c r="H1289" t="s">
        <v>14</v>
      </c>
      <c r="I1289" t="s">
        <v>15</v>
      </c>
      <c r="J1289" s="10">
        <v>870</v>
      </c>
    </row>
    <row r="1290" spans="1:10" x14ac:dyDescent="0.35">
      <c r="A1290" t="s">
        <v>62</v>
      </c>
      <c r="B1290" t="s">
        <v>70</v>
      </c>
      <c r="C1290" t="s">
        <v>109</v>
      </c>
      <c r="D1290" t="s">
        <v>110</v>
      </c>
      <c r="E1290" s="4">
        <v>45323</v>
      </c>
      <c r="G1290" t="s">
        <v>97</v>
      </c>
      <c r="H1290" t="s">
        <v>14</v>
      </c>
      <c r="I1290" t="s">
        <v>15</v>
      </c>
      <c r="J1290" s="10">
        <v>505</v>
      </c>
    </row>
    <row r="1291" spans="1:10" x14ac:dyDescent="0.35">
      <c r="A1291" t="s">
        <v>35</v>
      </c>
      <c r="B1291" t="s">
        <v>71</v>
      </c>
      <c r="C1291" t="s">
        <v>109</v>
      </c>
      <c r="D1291" t="s">
        <v>110</v>
      </c>
      <c r="E1291" s="4">
        <v>45323</v>
      </c>
      <c r="G1291" t="s">
        <v>97</v>
      </c>
      <c r="H1291" t="s">
        <v>14</v>
      </c>
      <c r="I1291" t="s">
        <v>15</v>
      </c>
      <c r="J1291" s="10">
        <v>649</v>
      </c>
    </row>
    <row r="1292" spans="1:10" x14ac:dyDescent="0.35">
      <c r="A1292" t="s">
        <v>20</v>
      </c>
      <c r="B1292" t="s">
        <v>72</v>
      </c>
      <c r="C1292" t="s">
        <v>109</v>
      </c>
      <c r="D1292" t="s">
        <v>110</v>
      </c>
      <c r="E1292" s="4">
        <v>45323</v>
      </c>
      <c r="G1292" t="s">
        <v>97</v>
      </c>
      <c r="H1292" t="s">
        <v>14</v>
      </c>
      <c r="I1292" t="s">
        <v>15</v>
      </c>
      <c r="J1292" s="10">
        <v>616</v>
      </c>
    </row>
    <row r="1293" spans="1:10" x14ac:dyDescent="0.35">
      <c r="A1293" t="s">
        <v>26</v>
      </c>
      <c r="B1293" t="s">
        <v>73</v>
      </c>
      <c r="C1293" t="s">
        <v>109</v>
      </c>
      <c r="D1293" t="s">
        <v>110</v>
      </c>
      <c r="E1293" s="4">
        <v>45323</v>
      </c>
      <c r="G1293" t="s">
        <v>97</v>
      </c>
      <c r="H1293" t="s">
        <v>14</v>
      </c>
      <c r="I1293" t="s">
        <v>15</v>
      </c>
      <c r="J1293" s="10">
        <v>219</v>
      </c>
    </row>
    <row r="1294" spans="1:10" x14ac:dyDescent="0.35">
      <c r="A1294" t="s">
        <v>28</v>
      </c>
      <c r="B1294" t="s">
        <v>74</v>
      </c>
      <c r="C1294" t="s">
        <v>109</v>
      </c>
      <c r="D1294" t="s">
        <v>110</v>
      </c>
      <c r="E1294" s="4">
        <v>45323</v>
      </c>
      <c r="G1294" t="s">
        <v>97</v>
      </c>
      <c r="H1294" t="s">
        <v>14</v>
      </c>
      <c r="I1294" t="s">
        <v>15</v>
      </c>
      <c r="J1294" s="10">
        <v>554</v>
      </c>
    </row>
    <row r="1295" spans="1:10" x14ac:dyDescent="0.35">
      <c r="A1295" t="s">
        <v>33</v>
      </c>
      <c r="B1295" t="s">
        <v>75</v>
      </c>
      <c r="C1295" t="s">
        <v>109</v>
      </c>
      <c r="D1295" t="s">
        <v>110</v>
      </c>
      <c r="E1295" s="4">
        <v>45323</v>
      </c>
      <c r="G1295" t="s">
        <v>97</v>
      </c>
      <c r="H1295" t="s">
        <v>14</v>
      </c>
      <c r="I1295" t="s">
        <v>15</v>
      </c>
      <c r="J1295" s="10">
        <v>501</v>
      </c>
    </row>
    <row r="1296" spans="1:10" x14ac:dyDescent="0.35">
      <c r="A1296" t="s">
        <v>22</v>
      </c>
      <c r="B1296" t="s">
        <v>76</v>
      </c>
      <c r="C1296" t="s">
        <v>109</v>
      </c>
      <c r="D1296" t="s">
        <v>110</v>
      </c>
      <c r="E1296" s="4">
        <v>45323</v>
      </c>
      <c r="G1296" t="s">
        <v>97</v>
      </c>
      <c r="H1296" t="s">
        <v>14</v>
      </c>
      <c r="I1296" t="s">
        <v>15</v>
      </c>
      <c r="J1296" s="10">
        <v>490</v>
      </c>
    </row>
    <row r="1297" spans="1:10" x14ac:dyDescent="0.35">
      <c r="A1297" t="s">
        <v>33</v>
      </c>
      <c r="B1297" t="s">
        <v>77</v>
      </c>
      <c r="C1297" t="s">
        <v>109</v>
      </c>
      <c r="D1297" t="s">
        <v>110</v>
      </c>
      <c r="E1297" s="4">
        <v>45323</v>
      </c>
      <c r="G1297" t="s">
        <v>97</v>
      </c>
      <c r="H1297" t="s">
        <v>14</v>
      </c>
      <c r="I1297" t="s">
        <v>15</v>
      </c>
      <c r="J1297" s="10">
        <v>473</v>
      </c>
    </row>
    <row r="1298" spans="1:10" x14ac:dyDescent="0.35">
      <c r="A1298" t="s">
        <v>22</v>
      </c>
      <c r="B1298" t="s">
        <v>78</v>
      </c>
      <c r="C1298" t="s">
        <v>109</v>
      </c>
      <c r="D1298" t="s">
        <v>110</v>
      </c>
      <c r="E1298" s="4">
        <v>45323</v>
      </c>
      <c r="G1298" t="s">
        <v>97</v>
      </c>
      <c r="H1298" t="s">
        <v>14</v>
      </c>
      <c r="I1298" t="s">
        <v>15</v>
      </c>
      <c r="J1298" s="10">
        <v>424</v>
      </c>
    </row>
    <row r="1299" spans="1:10" x14ac:dyDescent="0.35">
      <c r="A1299" t="s">
        <v>28</v>
      </c>
      <c r="B1299" t="s">
        <v>79</v>
      </c>
      <c r="C1299" t="s">
        <v>109</v>
      </c>
      <c r="D1299" t="s">
        <v>110</v>
      </c>
      <c r="E1299" s="4">
        <v>45323</v>
      </c>
      <c r="G1299" t="s">
        <v>97</v>
      </c>
      <c r="H1299" t="s">
        <v>14</v>
      </c>
      <c r="I1299" t="s">
        <v>15</v>
      </c>
      <c r="J1299" s="10">
        <v>276</v>
      </c>
    </row>
    <row r="1300" spans="1:10" x14ac:dyDescent="0.35">
      <c r="A1300" t="s">
        <v>26</v>
      </c>
      <c r="B1300" t="s">
        <v>80</v>
      </c>
      <c r="C1300" t="s">
        <v>109</v>
      </c>
      <c r="D1300" t="s">
        <v>110</v>
      </c>
      <c r="E1300" s="4">
        <v>45323</v>
      </c>
      <c r="G1300" t="s">
        <v>97</v>
      </c>
      <c r="H1300" t="s">
        <v>14</v>
      </c>
      <c r="I1300" t="s">
        <v>15</v>
      </c>
      <c r="J1300" s="10">
        <v>267</v>
      </c>
    </row>
    <row r="1301" spans="1:10" x14ac:dyDescent="0.35">
      <c r="A1301" t="s">
        <v>20</v>
      </c>
      <c r="B1301" t="s">
        <v>81</v>
      </c>
      <c r="C1301" t="s">
        <v>109</v>
      </c>
      <c r="D1301" t="s">
        <v>110</v>
      </c>
      <c r="E1301" s="4">
        <v>45323</v>
      </c>
      <c r="G1301" t="s">
        <v>97</v>
      </c>
      <c r="H1301" t="s">
        <v>14</v>
      </c>
      <c r="I1301" t="s">
        <v>15</v>
      </c>
      <c r="J1301" s="10">
        <v>661</v>
      </c>
    </row>
    <row r="1302" spans="1:10" x14ac:dyDescent="0.35">
      <c r="A1302" t="s">
        <v>26</v>
      </c>
      <c r="B1302" t="s">
        <v>57</v>
      </c>
      <c r="C1302" t="s">
        <v>109</v>
      </c>
      <c r="D1302" t="s">
        <v>110</v>
      </c>
      <c r="E1302" s="4">
        <v>45323</v>
      </c>
      <c r="G1302" t="s">
        <v>97</v>
      </c>
      <c r="H1302" t="s">
        <v>14</v>
      </c>
      <c r="I1302" t="s">
        <v>15</v>
      </c>
      <c r="J1302" s="10">
        <v>158</v>
      </c>
    </row>
    <row r="1303" spans="1:10" x14ac:dyDescent="0.35">
      <c r="A1303" t="s">
        <v>33</v>
      </c>
      <c r="B1303" t="s">
        <v>82</v>
      </c>
      <c r="C1303" t="s">
        <v>109</v>
      </c>
      <c r="D1303" t="s">
        <v>110</v>
      </c>
      <c r="E1303" s="4">
        <v>45323</v>
      </c>
      <c r="G1303" t="s">
        <v>97</v>
      </c>
      <c r="H1303" t="s">
        <v>14</v>
      </c>
      <c r="I1303" t="s">
        <v>15</v>
      </c>
      <c r="J1303" s="10">
        <v>258</v>
      </c>
    </row>
    <row r="1304" spans="1:10" x14ac:dyDescent="0.35">
      <c r="A1304" t="s">
        <v>26</v>
      </c>
      <c r="B1304" t="s">
        <v>83</v>
      </c>
      <c r="C1304" t="s">
        <v>109</v>
      </c>
      <c r="D1304" t="s">
        <v>110</v>
      </c>
      <c r="E1304" s="4">
        <v>45323</v>
      </c>
      <c r="G1304" t="s">
        <v>97</v>
      </c>
      <c r="H1304" t="s">
        <v>14</v>
      </c>
      <c r="I1304" t="s">
        <v>15</v>
      </c>
      <c r="J1304" s="10">
        <v>115</v>
      </c>
    </row>
    <row r="1305" spans="1:10" x14ac:dyDescent="0.35">
      <c r="A1305" t="s">
        <v>35</v>
      </c>
      <c r="B1305" t="s">
        <v>84</v>
      </c>
      <c r="C1305" t="s">
        <v>109</v>
      </c>
      <c r="D1305" t="s">
        <v>110</v>
      </c>
      <c r="E1305" s="4">
        <v>45323</v>
      </c>
      <c r="G1305" t="s">
        <v>97</v>
      </c>
      <c r="H1305" t="s">
        <v>14</v>
      </c>
      <c r="I1305" t="s">
        <v>15</v>
      </c>
      <c r="J1305" s="10">
        <v>457</v>
      </c>
    </row>
    <row r="1306" spans="1:10" x14ac:dyDescent="0.35">
      <c r="A1306" t="s">
        <v>33</v>
      </c>
      <c r="B1306" t="s">
        <v>85</v>
      </c>
      <c r="C1306" t="s">
        <v>109</v>
      </c>
      <c r="D1306" t="s">
        <v>110</v>
      </c>
      <c r="E1306" s="4">
        <v>45323</v>
      </c>
      <c r="G1306" t="s">
        <v>97</v>
      </c>
      <c r="H1306" t="s">
        <v>14</v>
      </c>
      <c r="I1306" t="s">
        <v>15</v>
      </c>
      <c r="J1306" s="10">
        <v>321</v>
      </c>
    </row>
    <row r="1307" spans="1:10" x14ac:dyDescent="0.35">
      <c r="A1307" t="s">
        <v>33</v>
      </c>
      <c r="B1307" t="s">
        <v>86</v>
      </c>
      <c r="C1307" t="s">
        <v>109</v>
      </c>
      <c r="D1307" t="s">
        <v>110</v>
      </c>
      <c r="E1307" s="4">
        <v>45323</v>
      </c>
      <c r="G1307" t="s">
        <v>97</v>
      </c>
      <c r="H1307" t="s">
        <v>14</v>
      </c>
      <c r="I1307" t="s">
        <v>15</v>
      </c>
      <c r="J1307" s="10">
        <v>264</v>
      </c>
    </row>
    <row r="1308" spans="1:10" x14ac:dyDescent="0.35">
      <c r="A1308" t="s">
        <v>35</v>
      </c>
      <c r="B1308" t="s">
        <v>87</v>
      </c>
      <c r="C1308" t="s">
        <v>109</v>
      </c>
      <c r="D1308" t="s">
        <v>110</v>
      </c>
      <c r="E1308" s="4">
        <v>45323</v>
      </c>
      <c r="G1308" t="s">
        <v>97</v>
      </c>
      <c r="H1308" t="s">
        <v>14</v>
      </c>
      <c r="I1308" t="s">
        <v>15</v>
      </c>
      <c r="J1308" s="10">
        <v>463</v>
      </c>
    </row>
    <row r="1309" spans="1:10" x14ac:dyDescent="0.35">
      <c r="A1309" t="s">
        <v>35</v>
      </c>
      <c r="B1309" t="s">
        <v>88</v>
      </c>
      <c r="C1309" t="s">
        <v>109</v>
      </c>
      <c r="D1309" t="s">
        <v>110</v>
      </c>
      <c r="E1309" s="4">
        <v>45323</v>
      </c>
      <c r="G1309" t="s">
        <v>97</v>
      </c>
      <c r="H1309" t="s">
        <v>14</v>
      </c>
      <c r="I1309" t="s">
        <v>15</v>
      </c>
      <c r="J1309" s="10">
        <v>572</v>
      </c>
    </row>
    <row r="1310" spans="1:10" x14ac:dyDescent="0.35">
      <c r="A1310" t="s">
        <v>62</v>
      </c>
      <c r="B1310" t="s">
        <v>89</v>
      </c>
      <c r="C1310" t="s">
        <v>109</v>
      </c>
      <c r="D1310" t="s">
        <v>110</v>
      </c>
      <c r="E1310" s="4">
        <v>45323</v>
      </c>
      <c r="G1310" t="s">
        <v>97</v>
      </c>
      <c r="H1310" t="s">
        <v>14</v>
      </c>
      <c r="I1310" t="s">
        <v>15</v>
      </c>
      <c r="J1310" s="10">
        <v>770</v>
      </c>
    </row>
    <row r="1311" spans="1:10" x14ac:dyDescent="0.35">
      <c r="A1311" t="s">
        <v>26</v>
      </c>
      <c r="B1311" t="s">
        <v>90</v>
      </c>
      <c r="C1311" t="s">
        <v>109</v>
      </c>
      <c r="D1311" t="s">
        <v>110</v>
      </c>
      <c r="E1311" s="4">
        <v>45323</v>
      </c>
      <c r="G1311" t="s">
        <v>97</v>
      </c>
      <c r="H1311" t="s">
        <v>14</v>
      </c>
      <c r="I1311" t="s">
        <v>15</v>
      </c>
      <c r="J1311" s="10">
        <v>81</v>
      </c>
    </row>
    <row r="1312" spans="1:10" x14ac:dyDescent="0.35">
      <c r="A1312" t="s">
        <v>26</v>
      </c>
      <c r="B1312" t="s">
        <v>91</v>
      </c>
      <c r="C1312" t="s">
        <v>109</v>
      </c>
      <c r="D1312" t="s">
        <v>110</v>
      </c>
      <c r="E1312" s="4">
        <v>45323</v>
      </c>
      <c r="G1312" t="s">
        <v>97</v>
      </c>
      <c r="H1312" t="s">
        <v>14</v>
      </c>
      <c r="I1312" t="s">
        <v>15</v>
      </c>
      <c r="J1312" s="10">
        <v>231</v>
      </c>
    </row>
    <row r="1313" spans="1:10" x14ac:dyDescent="0.35">
      <c r="A1313" t="s">
        <v>33</v>
      </c>
      <c r="B1313" t="s">
        <v>92</v>
      </c>
      <c r="C1313" t="s">
        <v>109</v>
      </c>
      <c r="D1313" t="s">
        <v>110</v>
      </c>
      <c r="E1313" s="4">
        <v>45323</v>
      </c>
      <c r="G1313" t="s">
        <v>97</v>
      </c>
      <c r="H1313" t="s">
        <v>14</v>
      </c>
      <c r="I1313" t="s">
        <v>15</v>
      </c>
      <c r="J1313" s="10">
        <v>439</v>
      </c>
    </row>
    <row r="1314" spans="1:10" x14ac:dyDescent="0.35">
      <c r="A1314" t="s">
        <v>35</v>
      </c>
      <c r="B1314" t="s">
        <v>93</v>
      </c>
      <c r="C1314" t="s">
        <v>109</v>
      </c>
      <c r="D1314" t="s">
        <v>110</v>
      </c>
      <c r="E1314" s="4">
        <v>45323</v>
      </c>
      <c r="G1314" t="s">
        <v>97</v>
      </c>
      <c r="H1314" t="s">
        <v>14</v>
      </c>
      <c r="I1314" t="s">
        <v>15</v>
      </c>
      <c r="J1314" s="10">
        <v>480</v>
      </c>
    </row>
    <row r="1315" spans="1:10" x14ac:dyDescent="0.35">
      <c r="A1315" t="s">
        <v>20</v>
      </c>
      <c r="B1315" t="s">
        <v>94</v>
      </c>
      <c r="C1315" t="s">
        <v>109</v>
      </c>
      <c r="D1315" t="s">
        <v>110</v>
      </c>
      <c r="E1315" s="4">
        <v>45323</v>
      </c>
      <c r="G1315" t="s">
        <v>97</v>
      </c>
      <c r="H1315" t="s">
        <v>14</v>
      </c>
      <c r="I1315" t="s">
        <v>15</v>
      </c>
      <c r="J1315" s="10">
        <v>559</v>
      </c>
    </row>
    <row r="1316" spans="1:10" x14ac:dyDescent="0.35">
      <c r="A1316" t="s">
        <v>10</v>
      </c>
      <c r="B1316" t="s">
        <v>11</v>
      </c>
      <c r="C1316" t="s">
        <v>109</v>
      </c>
      <c r="D1316" t="s">
        <v>110</v>
      </c>
      <c r="E1316" s="4">
        <v>45323</v>
      </c>
      <c r="G1316" t="s">
        <v>98</v>
      </c>
      <c r="H1316" t="s">
        <v>14</v>
      </c>
      <c r="I1316" t="s">
        <v>15</v>
      </c>
      <c r="J1316" s="10">
        <v>404</v>
      </c>
    </row>
    <row r="1317" spans="1:10" x14ac:dyDescent="0.35">
      <c r="A1317" t="s">
        <v>10</v>
      </c>
      <c r="B1317" t="s">
        <v>16</v>
      </c>
      <c r="C1317" t="s">
        <v>109</v>
      </c>
      <c r="D1317" t="s">
        <v>110</v>
      </c>
      <c r="E1317" s="4">
        <v>45323</v>
      </c>
      <c r="G1317" t="s">
        <v>98</v>
      </c>
      <c r="H1317" t="s">
        <v>14</v>
      </c>
      <c r="I1317" t="s">
        <v>15</v>
      </c>
      <c r="J1317" s="10">
        <v>714</v>
      </c>
    </row>
    <row r="1318" spans="1:10" x14ac:dyDescent="0.35">
      <c r="A1318" t="s">
        <v>10</v>
      </c>
      <c r="B1318" t="s">
        <v>17</v>
      </c>
      <c r="C1318" t="s">
        <v>109</v>
      </c>
      <c r="D1318" t="s">
        <v>110</v>
      </c>
      <c r="E1318" s="4">
        <v>45323</v>
      </c>
      <c r="G1318" t="s">
        <v>98</v>
      </c>
      <c r="H1318" t="s">
        <v>14</v>
      </c>
      <c r="I1318" t="s">
        <v>15</v>
      </c>
      <c r="J1318" s="10">
        <v>548</v>
      </c>
    </row>
    <row r="1319" spans="1:10" x14ac:dyDescent="0.35">
      <c r="A1319" t="s">
        <v>10</v>
      </c>
      <c r="B1319" t="s">
        <v>18</v>
      </c>
      <c r="C1319" t="s">
        <v>109</v>
      </c>
      <c r="D1319" t="s">
        <v>110</v>
      </c>
      <c r="E1319" s="4">
        <v>45323</v>
      </c>
      <c r="G1319" t="s">
        <v>98</v>
      </c>
      <c r="H1319" t="s">
        <v>14</v>
      </c>
      <c r="I1319" t="s">
        <v>15</v>
      </c>
      <c r="J1319" s="10">
        <v>529</v>
      </c>
    </row>
    <row r="1320" spans="1:10" x14ac:dyDescent="0.35">
      <c r="A1320" t="s">
        <v>10</v>
      </c>
      <c r="B1320" t="s">
        <v>19</v>
      </c>
      <c r="C1320" t="s">
        <v>109</v>
      </c>
      <c r="D1320" t="s">
        <v>110</v>
      </c>
      <c r="E1320" s="4">
        <v>45323</v>
      </c>
      <c r="G1320" t="s">
        <v>98</v>
      </c>
      <c r="H1320" t="s">
        <v>14</v>
      </c>
      <c r="I1320" t="s">
        <v>15</v>
      </c>
      <c r="J1320" s="10">
        <v>390</v>
      </c>
    </row>
    <row r="1321" spans="1:10" x14ac:dyDescent="0.35">
      <c r="A1321" t="s">
        <v>20</v>
      </c>
      <c r="B1321" t="s">
        <v>21</v>
      </c>
      <c r="C1321" t="s">
        <v>109</v>
      </c>
      <c r="D1321" t="s">
        <v>110</v>
      </c>
      <c r="E1321" s="4">
        <v>45323</v>
      </c>
      <c r="G1321" t="s">
        <v>98</v>
      </c>
      <c r="H1321" t="s">
        <v>14</v>
      </c>
      <c r="I1321" t="s">
        <v>15</v>
      </c>
      <c r="J1321" s="10">
        <v>791</v>
      </c>
    </row>
    <row r="1322" spans="1:10" x14ac:dyDescent="0.35">
      <c r="A1322" t="s">
        <v>22</v>
      </c>
      <c r="B1322" t="s">
        <v>23</v>
      </c>
      <c r="C1322" t="s">
        <v>109</v>
      </c>
      <c r="D1322" t="s">
        <v>110</v>
      </c>
      <c r="E1322" s="4">
        <v>45323</v>
      </c>
      <c r="G1322" t="s">
        <v>98</v>
      </c>
      <c r="H1322" t="s">
        <v>14</v>
      </c>
      <c r="I1322" t="s">
        <v>15</v>
      </c>
      <c r="J1322" s="10">
        <v>586</v>
      </c>
    </row>
    <row r="1323" spans="1:10" x14ac:dyDescent="0.35">
      <c r="A1323" t="s">
        <v>10</v>
      </c>
      <c r="B1323" t="s">
        <v>24</v>
      </c>
      <c r="C1323" t="s">
        <v>109</v>
      </c>
      <c r="D1323" t="s">
        <v>110</v>
      </c>
      <c r="E1323" s="4">
        <v>45323</v>
      </c>
      <c r="G1323" t="s">
        <v>98</v>
      </c>
      <c r="H1323" t="s">
        <v>14</v>
      </c>
      <c r="I1323" t="s">
        <v>15</v>
      </c>
      <c r="J1323" s="10">
        <v>373</v>
      </c>
    </row>
    <row r="1324" spans="1:10" x14ac:dyDescent="0.35">
      <c r="A1324" t="s">
        <v>10</v>
      </c>
      <c r="B1324" t="s">
        <v>25</v>
      </c>
      <c r="C1324" t="s">
        <v>109</v>
      </c>
      <c r="D1324" t="s">
        <v>110</v>
      </c>
      <c r="E1324" s="4">
        <v>45323</v>
      </c>
      <c r="G1324" t="s">
        <v>98</v>
      </c>
      <c r="H1324" t="s">
        <v>14</v>
      </c>
      <c r="I1324" t="s">
        <v>15</v>
      </c>
      <c r="J1324" s="10">
        <v>400</v>
      </c>
    </row>
    <row r="1325" spans="1:10" x14ac:dyDescent="0.35">
      <c r="A1325" t="s">
        <v>26</v>
      </c>
      <c r="B1325" t="s">
        <v>27</v>
      </c>
      <c r="C1325" t="s">
        <v>109</v>
      </c>
      <c r="D1325" t="s">
        <v>110</v>
      </c>
      <c r="E1325" s="4">
        <v>45323</v>
      </c>
      <c r="G1325" t="s">
        <v>98</v>
      </c>
      <c r="H1325" t="s">
        <v>14</v>
      </c>
      <c r="I1325" t="s">
        <v>15</v>
      </c>
      <c r="J1325" s="10">
        <v>484</v>
      </c>
    </row>
    <row r="1326" spans="1:10" x14ac:dyDescent="0.35">
      <c r="A1326" t="s">
        <v>28</v>
      </c>
      <c r="B1326" t="s">
        <v>29</v>
      </c>
      <c r="C1326" t="s">
        <v>109</v>
      </c>
      <c r="D1326" t="s">
        <v>110</v>
      </c>
      <c r="E1326" s="4">
        <v>45323</v>
      </c>
      <c r="G1326" t="s">
        <v>98</v>
      </c>
      <c r="H1326" t="s">
        <v>14</v>
      </c>
      <c r="I1326" t="s">
        <v>15</v>
      </c>
      <c r="J1326" s="10">
        <v>671</v>
      </c>
    </row>
    <row r="1327" spans="1:10" x14ac:dyDescent="0.35">
      <c r="A1327" t="s">
        <v>10</v>
      </c>
      <c r="B1327" t="s">
        <v>30</v>
      </c>
      <c r="C1327" t="s">
        <v>109</v>
      </c>
      <c r="D1327" t="s">
        <v>110</v>
      </c>
      <c r="E1327" s="4">
        <v>45323</v>
      </c>
      <c r="G1327" t="s">
        <v>98</v>
      </c>
      <c r="H1327" t="s">
        <v>14</v>
      </c>
      <c r="I1327" t="s">
        <v>15</v>
      </c>
      <c r="J1327" s="10">
        <v>860</v>
      </c>
    </row>
    <row r="1328" spans="1:10" x14ac:dyDescent="0.35">
      <c r="A1328" t="s">
        <v>26</v>
      </c>
      <c r="B1328" t="s">
        <v>31</v>
      </c>
      <c r="C1328" t="s">
        <v>109</v>
      </c>
      <c r="D1328" t="s">
        <v>110</v>
      </c>
      <c r="E1328" s="4">
        <v>45323</v>
      </c>
      <c r="G1328" t="s">
        <v>98</v>
      </c>
      <c r="H1328" t="s">
        <v>14</v>
      </c>
      <c r="I1328" t="s">
        <v>15</v>
      </c>
      <c r="J1328" s="10">
        <v>431</v>
      </c>
    </row>
    <row r="1329" spans="1:10" x14ac:dyDescent="0.35">
      <c r="A1329" t="s">
        <v>28</v>
      </c>
      <c r="B1329" t="s">
        <v>32</v>
      </c>
      <c r="C1329" t="s">
        <v>109</v>
      </c>
      <c r="D1329" t="s">
        <v>110</v>
      </c>
      <c r="E1329" s="4">
        <v>45323</v>
      </c>
      <c r="G1329" t="s">
        <v>98</v>
      </c>
      <c r="H1329" t="s">
        <v>14</v>
      </c>
      <c r="I1329" t="s">
        <v>15</v>
      </c>
      <c r="J1329" s="10">
        <v>888</v>
      </c>
    </row>
    <row r="1330" spans="1:10" x14ac:dyDescent="0.35">
      <c r="A1330" t="s">
        <v>33</v>
      </c>
      <c r="B1330" t="s">
        <v>34</v>
      </c>
      <c r="C1330" t="s">
        <v>109</v>
      </c>
      <c r="D1330" t="s">
        <v>110</v>
      </c>
      <c r="E1330" s="4">
        <v>45323</v>
      </c>
      <c r="G1330" t="s">
        <v>98</v>
      </c>
      <c r="H1330" t="s">
        <v>14</v>
      </c>
      <c r="I1330" t="s">
        <v>15</v>
      </c>
      <c r="J1330" s="10">
        <v>505</v>
      </c>
    </row>
    <row r="1331" spans="1:10" x14ac:dyDescent="0.35">
      <c r="A1331" t="s">
        <v>35</v>
      </c>
      <c r="B1331" t="s">
        <v>36</v>
      </c>
      <c r="C1331" t="s">
        <v>109</v>
      </c>
      <c r="D1331" t="s">
        <v>110</v>
      </c>
      <c r="E1331" s="4">
        <v>45323</v>
      </c>
      <c r="G1331" t="s">
        <v>98</v>
      </c>
      <c r="H1331" t="s">
        <v>14</v>
      </c>
      <c r="I1331" t="s">
        <v>15</v>
      </c>
      <c r="J1331" s="10">
        <v>698</v>
      </c>
    </row>
    <row r="1332" spans="1:10" x14ac:dyDescent="0.35">
      <c r="A1332" t="s">
        <v>28</v>
      </c>
      <c r="B1332" t="s">
        <v>37</v>
      </c>
      <c r="C1332" t="s">
        <v>109</v>
      </c>
      <c r="D1332" t="s">
        <v>110</v>
      </c>
      <c r="E1332" s="4">
        <v>45323</v>
      </c>
      <c r="G1332" t="s">
        <v>98</v>
      </c>
      <c r="H1332" t="s">
        <v>14</v>
      </c>
      <c r="I1332" t="s">
        <v>15</v>
      </c>
      <c r="J1332" s="10">
        <v>650</v>
      </c>
    </row>
    <row r="1333" spans="1:10" x14ac:dyDescent="0.35">
      <c r="A1333" t="s">
        <v>20</v>
      </c>
      <c r="B1333" t="s">
        <v>38</v>
      </c>
      <c r="C1333" t="s">
        <v>109</v>
      </c>
      <c r="D1333" t="s">
        <v>110</v>
      </c>
      <c r="E1333" s="4">
        <v>45323</v>
      </c>
      <c r="G1333" t="s">
        <v>98</v>
      </c>
      <c r="H1333" t="s">
        <v>14</v>
      </c>
      <c r="I1333" t="s">
        <v>15</v>
      </c>
      <c r="J1333" s="10">
        <v>788</v>
      </c>
    </row>
    <row r="1334" spans="1:10" x14ac:dyDescent="0.35">
      <c r="A1334" t="s">
        <v>33</v>
      </c>
      <c r="B1334" t="s">
        <v>39</v>
      </c>
      <c r="C1334" t="s">
        <v>109</v>
      </c>
      <c r="D1334" t="s">
        <v>110</v>
      </c>
      <c r="E1334" s="4">
        <v>45323</v>
      </c>
      <c r="G1334" t="s">
        <v>98</v>
      </c>
      <c r="H1334" t="s">
        <v>14</v>
      </c>
      <c r="I1334" t="s">
        <v>15</v>
      </c>
      <c r="J1334" s="10">
        <v>612</v>
      </c>
    </row>
    <row r="1335" spans="1:10" x14ac:dyDescent="0.35">
      <c r="A1335" t="s">
        <v>20</v>
      </c>
      <c r="B1335" t="s">
        <v>40</v>
      </c>
      <c r="C1335" t="s">
        <v>109</v>
      </c>
      <c r="D1335" t="s">
        <v>110</v>
      </c>
      <c r="E1335" s="4">
        <v>45323</v>
      </c>
      <c r="G1335" t="s">
        <v>98</v>
      </c>
      <c r="H1335" t="s">
        <v>14</v>
      </c>
      <c r="I1335" t="s">
        <v>15</v>
      </c>
      <c r="J1335" s="10">
        <v>742</v>
      </c>
    </row>
    <row r="1336" spans="1:10" x14ac:dyDescent="0.35">
      <c r="A1336" t="s">
        <v>35</v>
      </c>
      <c r="B1336" t="s">
        <v>41</v>
      </c>
      <c r="C1336" t="s">
        <v>109</v>
      </c>
      <c r="D1336" t="s">
        <v>110</v>
      </c>
      <c r="E1336" s="4">
        <v>45323</v>
      </c>
      <c r="G1336" t="s">
        <v>98</v>
      </c>
      <c r="H1336" t="s">
        <v>14</v>
      </c>
      <c r="I1336" t="s">
        <v>15</v>
      </c>
      <c r="J1336" s="10">
        <v>690</v>
      </c>
    </row>
    <row r="1337" spans="1:10" x14ac:dyDescent="0.35">
      <c r="A1337" t="s">
        <v>35</v>
      </c>
      <c r="B1337" t="s">
        <v>42</v>
      </c>
      <c r="C1337" t="s">
        <v>109</v>
      </c>
      <c r="D1337" t="s">
        <v>110</v>
      </c>
      <c r="E1337" s="4">
        <v>45323</v>
      </c>
      <c r="G1337" t="s">
        <v>98</v>
      </c>
      <c r="H1337" t="s">
        <v>14</v>
      </c>
      <c r="I1337" t="s">
        <v>15</v>
      </c>
      <c r="J1337" s="10">
        <v>743</v>
      </c>
    </row>
    <row r="1338" spans="1:10" x14ac:dyDescent="0.35">
      <c r="A1338" t="s">
        <v>35</v>
      </c>
      <c r="B1338" t="s">
        <v>43</v>
      </c>
      <c r="C1338" t="s">
        <v>109</v>
      </c>
      <c r="D1338" t="s">
        <v>110</v>
      </c>
      <c r="E1338" s="4">
        <v>45323</v>
      </c>
      <c r="G1338" t="s">
        <v>98</v>
      </c>
      <c r="H1338" t="s">
        <v>14</v>
      </c>
      <c r="I1338" t="s">
        <v>15</v>
      </c>
      <c r="J1338" s="10">
        <v>746</v>
      </c>
    </row>
    <row r="1339" spans="1:10" x14ac:dyDescent="0.35">
      <c r="A1339" t="s">
        <v>28</v>
      </c>
      <c r="B1339" t="s">
        <v>44</v>
      </c>
      <c r="C1339" t="s">
        <v>109</v>
      </c>
      <c r="D1339" t="s">
        <v>110</v>
      </c>
      <c r="E1339" s="4">
        <v>45323</v>
      </c>
      <c r="G1339" t="s">
        <v>98</v>
      </c>
      <c r="H1339" t="s">
        <v>14</v>
      </c>
      <c r="I1339" t="s">
        <v>15</v>
      </c>
      <c r="J1339" s="10">
        <v>583</v>
      </c>
    </row>
    <row r="1340" spans="1:10" x14ac:dyDescent="0.35">
      <c r="A1340" t="s">
        <v>10</v>
      </c>
      <c r="B1340" t="s">
        <v>45</v>
      </c>
      <c r="C1340" t="s">
        <v>109</v>
      </c>
      <c r="D1340" t="s">
        <v>110</v>
      </c>
      <c r="E1340" s="4">
        <v>45323</v>
      </c>
      <c r="G1340" t="s">
        <v>98</v>
      </c>
      <c r="H1340" t="s">
        <v>14</v>
      </c>
      <c r="I1340" t="s">
        <v>15</v>
      </c>
      <c r="J1340" s="10">
        <v>518</v>
      </c>
    </row>
    <row r="1341" spans="1:10" x14ac:dyDescent="0.35">
      <c r="A1341" t="s">
        <v>10</v>
      </c>
      <c r="B1341" t="s">
        <v>46</v>
      </c>
      <c r="C1341" t="s">
        <v>109</v>
      </c>
      <c r="D1341" t="s">
        <v>110</v>
      </c>
      <c r="E1341" s="4">
        <v>45323</v>
      </c>
      <c r="G1341" t="s">
        <v>98</v>
      </c>
      <c r="H1341" t="s">
        <v>14</v>
      </c>
      <c r="I1341" t="s">
        <v>15</v>
      </c>
      <c r="J1341" s="10">
        <v>433</v>
      </c>
    </row>
    <row r="1342" spans="1:10" x14ac:dyDescent="0.35">
      <c r="A1342" t="s">
        <v>33</v>
      </c>
      <c r="B1342" t="s">
        <v>47</v>
      </c>
      <c r="C1342" t="s">
        <v>109</v>
      </c>
      <c r="D1342" t="s">
        <v>110</v>
      </c>
      <c r="E1342" s="4">
        <v>45323</v>
      </c>
      <c r="G1342" t="s">
        <v>98</v>
      </c>
      <c r="H1342" t="s">
        <v>14</v>
      </c>
      <c r="I1342" t="s">
        <v>15</v>
      </c>
      <c r="J1342" s="10">
        <v>508</v>
      </c>
    </row>
    <row r="1343" spans="1:10" x14ac:dyDescent="0.35">
      <c r="A1343" t="s">
        <v>20</v>
      </c>
      <c r="B1343" t="s">
        <v>48</v>
      </c>
      <c r="C1343" t="s">
        <v>109</v>
      </c>
      <c r="D1343" t="s">
        <v>110</v>
      </c>
      <c r="E1343" s="4">
        <v>45323</v>
      </c>
      <c r="G1343" t="s">
        <v>98</v>
      </c>
      <c r="H1343" t="s">
        <v>14</v>
      </c>
      <c r="I1343" t="s">
        <v>15</v>
      </c>
      <c r="J1343" s="10">
        <v>656</v>
      </c>
    </row>
    <row r="1344" spans="1:10" x14ac:dyDescent="0.35">
      <c r="A1344" t="s">
        <v>28</v>
      </c>
      <c r="B1344" t="s">
        <v>49</v>
      </c>
      <c r="C1344" t="s">
        <v>109</v>
      </c>
      <c r="D1344" t="s">
        <v>110</v>
      </c>
      <c r="E1344" s="4">
        <v>45323</v>
      </c>
      <c r="G1344" t="s">
        <v>98</v>
      </c>
      <c r="H1344" t="s">
        <v>14</v>
      </c>
      <c r="I1344" t="s">
        <v>15</v>
      </c>
      <c r="J1344" s="10">
        <v>376</v>
      </c>
    </row>
    <row r="1345" spans="1:10" x14ac:dyDescent="0.35">
      <c r="A1345" t="s">
        <v>35</v>
      </c>
      <c r="B1345" t="s">
        <v>50</v>
      </c>
      <c r="C1345" t="s">
        <v>109</v>
      </c>
      <c r="D1345" t="s">
        <v>110</v>
      </c>
      <c r="E1345" s="4">
        <v>45323</v>
      </c>
      <c r="G1345" t="s">
        <v>98</v>
      </c>
      <c r="H1345" t="s">
        <v>14</v>
      </c>
      <c r="I1345" t="s">
        <v>15</v>
      </c>
      <c r="J1345" s="10">
        <v>363</v>
      </c>
    </row>
    <row r="1346" spans="1:10" x14ac:dyDescent="0.35">
      <c r="A1346" t="s">
        <v>22</v>
      </c>
      <c r="B1346" t="s">
        <v>51</v>
      </c>
      <c r="C1346" t="s">
        <v>109</v>
      </c>
      <c r="D1346" t="s">
        <v>110</v>
      </c>
      <c r="E1346" s="4">
        <v>45323</v>
      </c>
      <c r="G1346" t="s">
        <v>98</v>
      </c>
      <c r="H1346" t="s">
        <v>14</v>
      </c>
      <c r="I1346" t="s">
        <v>15</v>
      </c>
      <c r="J1346" s="10">
        <v>164</v>
      </c>
    </row>
    <row r="1347" spans="1:10" x14ac:dyDescent="0.35">
      <c r="A1347" t="s">
        <v>22</v>
      </c>
      <c r="B1347" t="s">
        <v>52</v>
      </c>
      <c r="C1347" t="s">
        <v>109</v>
      </c>
      <c r="D1347" t="s">
        <v>110</v>
      </c>
      <c r="E1347" s="4">
        <v>45323</v>
      </c>
      <c r="G1347" t="s">
        <v>98</v>
      </c>
      <c r="H1347" t="s">
        <v>14</v>
      </c>
      <c r="I1347" t="s">
        <v>15</v>
      </c>
      <c r="J1347" s="10">
        <v>437</v>
      </c>
    </row>
    <row r="1348" spans="1:10" x14ac:dyDescent="0.35">
      <c r="A1348" t="s">
        <v>22</v>
      </c>
      <c r="B1348" t="s">
        <v>53</v>
      </c>
      <c r="C1348" t="s">
        <v>109</v>
      </c>
      <c r="D1348" t="s">
        <v>110</v>
      </c>
      <c r="E1348" s="4">
        <v>45323</v>
      </c>
      <c r="G1348" t="s">
        <v>98</v>
      </c>
      <c r="H1348" t="s">
        <v>14</v>
      </c>
      <c r="I1348" t="s">
        <v>15</v>
      </c>
      <c r="J1348" s="10">
        <v>291</v>
      </c>
    </row>
    <row r="1349" spans="1:10" x14ac:dyDescent="0.35">
      <c r="A1349" t="s">
        <v>22</v>
      </c>
      <c r="B1349" t="s">
        <v>54</v>
      </c>
      <c r="C1349" t="s">
        <v>109</v>
      </c>
      <c r="D1349" t="s">
        <v>110</v>
      </c>
      <c r="E1349" s="4">
        <v>45323</v>
      </c>
      <c r="G1349" t="s">
        <v>98</v>
      </c>
      <c r="H1349" t="s">
        <v>14</v>
      </c>
      <c r="I1349" t="s">
        <v>15</v>
      </c>
      <c r="J1349" s="10">
        <v>262</v>
      </c>
    </row>
    <row r="1350" spans="1:10" x14ac:dyDescent="0.35">
      <c r="A1350" t="s">
        <v>22</v>
      </c>
      <c r="B1350" t="s">
        <v>55</v>
      </c>
      <c r="C1350" t="s">
        <v>109</v>
      </c>
      <c r="D1350" t="s">
        <v>110</v>
      </c>
      <c r="E1350" s="4">
        <v>45323</v>
      </c>
      <c r="G1350" t="s">
        <v>98</v>
      </c>
      <c r="H1350" t="s">
        <v>14</v>
      </c>
      <c r="I1350" t="s">
        <v>15</v>
      </c>
      <c r="J1350" s="10">
        <v>215</v>
      </c>
    </row>
    <row r="1351" spans="1:10" x14ac:dyDescent="0.35">
      <c r="A1351" t="s">
        <v>22</v>
      </c>
      <c r="B1351" t="s">
        <v>56</v>
      </c>
      <c r="C1351" t="s">
        <v>109</v>
      </c>
      <c r="D1351" t="s">
        <v>110</v>
      </c>
      <c r="E1351" s="4">
        <v>45323</v>
      </c>
      <c r="G1351" t="s">
        <v>98</v>
      </c>
      <c r="H1351" t="s">
        <v>14</v>
      </c>
      <c r="I1351" t="s">
        <v>15</v>
      </c>
      <c r="J1351" s="10">
        <v>302</v>
      </c>
    </row>
    <row r="1352" spans="1:10" x14ac:dyDescent="0.35">
      <c r="A1352" t="s">
        <v>28</v>
      </c>
      <c r="B1352" t="s">
        <v>58</v>
      </c>
      <c r="C1352" t="s">
        <v>109</v>
      </c>
      <c r="D1352" t="s">
        <v>110</v>
      </c>
      <c r="E1352" s="4">
        <v>45323</v>
      </c>
      <c r="G1352" t="s">
        <v>98</v>
      </c>
      <c r="H1352" t="s">
        <v>14</v>
      </c>
      <c r="I1352" t="s">
        <v>15</v>
      </c>
      <c r="J1352" s="10">
        <v>309</v>
      </c>
    </row>
    <row r="1353" spans="1:10" x14ac:dyDescent="0.35">
      <c r="A1353" t="s">
        <v>20</v>
      </c>
      <c r="B1353" t="s">
        <v>59</v>
      </c>
      <c r="C1353" t="s">
        <v>109</v>
      </c>
      <c r="D1353" t="s">
        <v>110</v>
      </c>
      <c r="E1353" s="4">
        <v>45323</v>
      </c>
      <c r="G1353" t="s">
        <v>98</v>
      </c>
      <c r="H1353" t="s">
        <v>14</v>
      </c>
      <c r="I1353" t="s">
        <v>15</v>
      </c>
      <c r="J1353" s="10">
        <v>588</v>
      </c>
    </row>
    <row r="1354" spans="1:10" x14ac:dyDescent="0.35">
      <c r="A1354" t="s">
        <v>20</v>
      </c>
      <c r="B1354" t="s">
        <v>60</v>
      </c>
      <c r="C1354" t="s">
        <v>109</v>
      </c>
      <c r="D1354" t="s">
        <v>110</v>
      </c>
      <c r="E1354" s="4">
        <v>45323</v>
      </c>
      <c r="G1354" t="s">
        <v>98</v>
      </c>
      <c r="H1354" t="s">
        <v>14</v>
      </c>
      <c r="I1354" t="s">
        <v>15</v>
      </c>
      <c r="J1354" s="10">
        <v>673</v>
      </c>
    </row>
    <row r="1355" spans="1:10" x14ac:dyDescent="0.35">
      <c r="A1355" t="s">
        <v>28</v>
      </c>
      <c r="B1355" t="s">
        <v>61</v>
      </c>
      <c r="C1355" t="s">
        <v>109</v>
      </c>
      <c r="D1355" t="s">
        <v>110</v>
      </c>
      <c r="E1355" s="4">
        <v>45323</v>
      </c>
      <c r="G1355" t="s">
        <v>98</v>
      </c>
      <c r="H1355" t="s">
        <v>14</v>
      </c>
      <c r="I1355" t="s">
        <v>15</v>
      </c>
      <c r="J1355" s="10">
        <v>672</v>
      </c>
    </row>
    <row r="1356" spans="1:10" x14ac:dyDescent="0.35">
      <c r="A1356" t="s">
        <v>62</v>
      </c>
      <c r="B1356" t="s">
        <v>63</v>
      </c>
      <c r="C1356" t="s">
        <v>109</v>
      </c>
      <c r="D1356" t="s">
        <v>110</v>
      </c>
      <c r="E1356" s="4">
        <v>45323</v>
      </c>
      <c r="G1356" t="s">
        <v>98</v>
      </c>
      <c r="H1356" t="s">
        <v>14</v>
      </c>
      <c r="I1356" t="s">
        <v>15</v>
      </c>
      <c r="J1356" s="10">
        <v>960</v>
      </c>
    </row>
    <row r="1357" spans="1:10" x14ac:dyDescent="0.35">
      <c r="A1357" t="s">
        <v>62</v>
      </c>
      <c r="B1357" t="s">
        <v>64</v>
      </c>
      <c r="C1357" t="s">
        <v>109</v>
      </c>
      <c r="D1357" t="s">
        <v>110</v>
      </c>
      <c r="E1357" s="4">
        <v>45323</v>
      </c>
      <c r="G1357" t="s">
        <v>98</v>
      </c>
      <c r="H1357" t="s">
        <v>14</v>
      </c>
      <c r="I1357" t="s">
        <v>15</v>
      </c>
      <c r="J1357" s="10">
        <v>696</v>
      </c>
    </row>
    <row r="1358" spans="1:10" x14ac:dyDescent="0.35">
      <c r="A1358" t="s">
        <v>62</v>
      </c>
      <c r="B1358" t="s">
        <v>65</v>
      </c>
      <c r="C1358" t="s">
        <v>109</v>
      </c>
      <c r="D1358" t="s">
        <v>110</v>
      </c>
      <c r="E1358" s="4">
        <v>45323</v>
      </c>
      <c r="G1358" t="s">
        <v>98</v>
      </c>
      <c r="H1358" t="s">
        <v>14</v>
      </c>
      <c r="I1358" t="s">
        <v>15</v>
      </c>
      <c r="J1358" s="10">
        <v>511</v>
      </c>
    </row>
    <row r="1359" spans="1:10" x14ac:dyDescent="0.35">
      <c r="A1359" t="s">
        <v>62</v>
      </c>
      <c r="B1359" t="s">
        <v>66</v>
      </c>
      <c r="C1359" t="s">
        <v>109</v>
      </c>
      <c r="D1359" t="s">
        <v>110</v>
      </c>
      <c r="E1359" s="4">
        <v>45323</v>
      </c>
      <c r="G1359" t="s">
        <v>98</v>
      </c>
      <c r="H1359" t="s">
        <v>14</v>
      </c>
      <c r="I1359" t="s">
        <v>15</v>
      </c>
      <c r="J1359" s="10">
        <v>973</v>
      </c>
    </row>
    <row r="1360" spans="1:10" x14ac:dyDescent="0.35">
      <c r="A1360" t="s">
        <v>62</v>
      </c>
      <c r="B1360" t="s">
        <v>67</v>
      </c>
      <c r="C1360" t="s">
        <v>109</v>
      </c>
      <c r="D1360" t="s">
        <v>110</v>
      </c>
      <c r="E1360" s="4">
        <v>45323</v>
      </c>
      <c r="G1360" t="s">
        <v>98</v>
      </c>
      <c r="H1360" t="s">
        <v>14</v>
      </c>
      <c r="I1360" t="s">
        <v>15</v>
      </c>
      <c r="J1360" s="10">
        <v>1031</v>
      </c>
    </row>
    <row r="1361" spans="1:10" x14ac:dyDescent="0.35">
      <c r="A1361" t="s">
        <v>62</v>
      </c>
      <c r="B1361" t="s">
        <v>68</v>
      </c>
      <c r="C1361" t="s">
        <v>109</v>
      </c>
      <c r="D1361" t="s">
        <v>110</v>
      </c>
      <c r="E1361" s="4">
        <v>45323</v>
      </c>
      <c r="G1361" t="s">
        <v>98</v>
      </c>
      <c r="H1361" t="s">
        <v>14</v>
      </c>
      <c r="I1361" t="s">
        <v>15</v>
      </c>
      <c r="J1361" s="10">
        <v>1068</v>
      </c>
    </row>
    <row r="1362" spans="1:10" x14ac:dyDescent="0.35">
      <c r="A1362" t="s">
        <v>62</v>
      </c>
      <c r="B1362" t="s">
        <v>69</v>
      </c>
      <c r="C1362" t="s">
        <v>109</v>
      </c>
      <c r="D1362" t="s">
        <v>110</v>
      </c>
      <c r="E1362" s="4">
        <v>45323</v>
      </c>
      <c r="G1362" t="s">
        <v>98</v>
      </c>
      <c r="H1362" t="s">
        <v>14</v>
      </c>
      <c r="I1362" t="s">
        <v>15</v>
      </c>
      <c r="J1362" s="10">
        <v>1165</v>
      </c>
    </row>
    <row r="1363" spans="1:10" x14ac:dyDescent="0.35">
      <c r="A1363" t="s">
        <v>62</v>
      </c>
      <c r="B1363" t="s">
        <v>70</v>
      </c>
      <c r="C1363" t="s">
        <v>109</v>
      </c>
      <c r="D1363" t="s">
        <v>110</v>
      </c>
      <c r="E1363" s="4">
        <v>45323</v>
      </c>
      <c r="G1363" t="s">
        <v>98</v>
      </c>
      <c r="H1363" t="s">
        <v>14</v>
      </c>
      <c r="I1363" t="s">
        <v>15</v>
      </c>
      <c r="J1363" s="10">
        <v>586</v>
      </c>
    </row>
    <row r="1364" spans="1:10" x14ac:dyDescent="0.35">
      <c r="A1364" t="s">
        <v>35</v>
      </c>
      <c r="B1364" t="s">
        <v>71</v>
      </c>
      <c r="C1364" t="s">
        <v>109</v>
      </c>
      <c r="D1364" t="s">
        <v>110</v>
      </c>
      <c r="E1364" s="4">
        <v>45323</v>
      </c>
      <c r="G1364" t="s">
        <v>98</v>
      </c>
      <c r="H1364" t="s">
        <v>14</v>
      </c>
      <c r="I1364" t="s">
        <v>15</v>
      </c>
      <c r="J1364" s="10">
        <v>747</v>
      </c>
    </row>
    <row r="1365" spans="1:10" x14ac:dyDescent="0.35">
      <c r="A1365" t="s">
        <v>20</v>
      </c>
      <c r="B1365" t="s">
        <v>72</v>
      </c>
      <c r="C1365" t="s">
        <v>109</v>
      </c>
      <c r="D1365" t="s">
        <v>110</v>
      </c>
      <c r="E1365" s="4">
        <v>45323</v>
      </c>
      <c r="G1365" t="s">
        <v>98</v>
      </c>
      <c r="H1365" t="s">
        <v>14</v>
      </c>
      <c r="I1365" t="s">
        <v>15</v>
      </c>
      <c r="J1365" s="10">
        <v>776</v>
      </c>
    </row>
    <row r="1366" spans="1:10" x14ac:dyDescent="0.35">
      <c r="A1366" t="s">
        <v>26</v>
      </c>
      <c r="B1366" t="s">
        <v>73</v>
      </c>
      <c r="C1366" t="s">
        <v>109</v>
      </c>
      <c r="D1366" t="s">
        <v>110</v>
      </c>
      <c r="E1366" s="4">
        <v>45323</v>
      </c>
      <c r="G1366" t="s">
        <v>98</v>
      </c>
      <c r="H1366" t="s">
        <v>14</v>
      </c>
      <c r="I1366" t="s">
        <v>15</v>
      </c>
      <c r="J1366" s="10">
        <v>331</v>
      </c>
    </row>
    <row r="1367" spans="1:10" x14ac:dyDescent="0.35">
      <c r="A1367" t="s">
        <v>28</v>
      </c>
      <c r="B1367" t="s">
        <v>74</v>
      </c>
      <c r="C1367" t="s">
        <v>109</v>
      </c>
      <c r="D1367" t="s">
        <v>110</v>
      </c>
      <c r="E1367" s="4">
        <v>45323</v>
      </c>
      <c r="G1367" t="s">
        <v>98</v>
      </c>
      <c r="H1367" t="s">
        <v>14</v>
      </c>
      <c r="I1367" t="s">
        <v>15</v>
      </c>
      <c r="J1367" s="10">
        <v>649</v>
      </c>
    </row>
    <row r="1368" spans="1:10" x14ac:dyDescent="0.35">
      <c r="A1368" t="s">
        <v>33</v>
      </c>
      <c r="B1368" t="s">
        <v>75</v>
      </c>
      <c r="C1368" t="s">
        <v>109</v>
      </c>
      <c r="D1368" t="s">
        <v>110</v>
      </c>
      <c r="E1368" s="4">
        <v>45323</v>
      </c>
      <c r="G1368" t="s">
        <v>98</v>
      </c>
      <c r="H1368" t="s">
        <v>14</v>
      </c>
      <c r="I1368" t="s">
        <v>15</v>
      </c>
      <c r="J1368" s="10">
        <v>613</v>
      </c>
    </row>
    <row r="1369" spans="1:10" x14ac:dyDescent="0.35">
      <c r="A1369" t="s">
        <v>22</v>
      </c>
      <c r="B1369" t="s">
        <v>76</v>
      </c>
      <c r="C1369" t="s">
        <v>109</v>
      </c>
      <c r="D1369" t="s">
        <v>110</v>
      </c>
      <c r="E1369" s="4">
        <v>45323</v>
      </c>
      <c r="G1369" t="s">
        <v>98</v>
      </c>
      <c r="H1369" t="s">
        <v>14</v>
      </c>
      <c r="I1369" t="s">
        <v>15</v>
      </c>
      <c r="J1369" s="10">
        <v>625</v>
      </c>
    </row>
    <row r="1370" spans="1:10" x14ac:dyDescent="0.35">
      <c r="A1370" t="s">
        <v>33</v>
      </c>
      <c r="B1370" t="s">
        <v>77</v>
      </c>
      <c r="C1370" t="s">
        <v>109</v>
      </c>
      <c r="D1370" t="s">
        <v>110</v>
      </c>
      <c r="E1370" s="4">
        <v>45323</v>
      </c>
      <c r="G1370" t="s">
        <v>98</v>
      </c>
      <c r="H1370" t="s">
        <v>14</v>
      </c>
      <c r="I1370" t="s">
        <v>15</v>
      </c>
      <c r="J1370" s="10">
        <v>606</v>
      </c>
    </row>
    <row r="1371" spans="1:10" x14ac:dyDescent="0.35">
      <c r="A1371" t="s">
        <v>22</v>
      </c>
      <c r="B1371" t="s">
        <v>78</v>
      </c>
      <c r="C1371" t="s">
        <v>109</v>
      </c>
      <c r="D1371" t="s">
        <v>110</v>
      </c>
      <c r="E1371" s="4">
        <v>45323</v>
      </c>
      <c r="G1371" t="s">
        <v>98</v>
      </c>
      <c r="H1371" t="s">
        <v>14</v>
      </c>
      <c r="I1371" t="s">
        <v>15</v>
      </c>
      <c r="J1371" s="10">
        <v>517</v>
      </c>
    </row>
    <row r="1372" spans="1:10" x14ac:dyDescent="0.35">
      <c r="A1372" t="s">
        <v>28</v>
      </c>
      <c r="B1372" t="s">
        <v>79</v>
      </c>
      <c r="C1372" t="s">
        <v>109</v>
      </c>
      <c r="D1372" t="s">
        <v>110</v>
      </c>
      <c r="E1372" s="4">
        <v>45323</v>
      </c>
      <c r="G1372" t="s">
        <v>98</v>
      </c>
      <c r="H1372" t="s">
        <v>14</v>
      </c>
      <c r="I1372" t="s">
        <v>15</v>
      </c>
      <c r="J1372" s="10">
        <v>334</v>
      </c>
    </row>
    <row r="1373" spans="1:10" x14ac:dyDescent="0.35">
      <c r="A1373" t="s">
        <v>26</v>
      </c>
      <c r="B1373" t="s">
        <v>80</v>
      </c>
      <c r="C1373" t="s">
        <v>109</v>
      </c>
      <c r="D1373" t="s">
        <v>110</v>
      </c>
      <c r="E1373" s="4">
        <v>45323</v>
      </c>
      <c r="G1373" t="s">
        <v>98</v>
      </c>
      <c r="H1373" t="s">
        <v>14</v>
      </c>
      <c r="I1373" t="s">
        <v>15</v>
      </c>
      <c r="J1373" s="10">
        <v>341</v>
      </c>
    </row>
    <row r="1374" spans="1:10" x14ac:dyDescent="0.35">
      <c r="A1374" t="s">
        <v>20</v>
      </c>
      <c r="B1374" t="s">
        <v>81</v>
      </c>
      <c r="C1374" t="s">
        <v>109</v>
      </c>
      <c r="D1374" t="s">
        <v>110</v>
      </c>
      <c r="E1374" s="4">
        <v>45323</v>
      </c>
      <c r="G1374" t="s">
        <v>98</v>
      </c>
      <c r="H1374" t="s">
        <v>14</v>
      </c>
      <c r="I1374" t="s">
        <v>15</v>
      </c>
      <c r="J1374" s="10">
        <v>808</v>
      </c>
    </row>
    <row r="1375" spans="1:10" x14ac:dyDescent="0.35">
      <c r="A1375" t="s">
        <v>26</v>
      </c>
      <c r="B1375" t="s">
        <v>57</v>
      </c>
      <c r="C1375" t="s">
        <v>109</v>
      </c>
      <c r="D1375" t="s">
        <v>110</v>
      </c>
      <c r="E1375" s="4">
        <v>45323</v>
      </c>
      <c r="G1375" t="s">
        <v>98</v>
      </c>
      <c r="H1375" t="s">
        <v>14</v>
      </c>
      <c r="I1375" t="s">
        <v>15</v>
      </c>
      <c r="J1375" s="10">
        <v>161</v>
      </c>
    </row>
    <row r="1376" spans="1:10" x14ac:dyDescent="0.35">
      <c r="A1376" t="s">
        <v>33</v>
      </c>
      <c r="B1376" t="s">
        <v>82</v>
      </c>
      <c r="C1376" t="s">
        <v>109</v>
      </c>
      <c r="D1376" t="s">
        <v>110</v>
      </c>
      <c r="E1376" s="4">
        <v>45323</v>
      </c>
      <c r="G1376" t="s">
        <v>98</v>
      </c>
      <c r="H1376" t="s">
        <v>14</v>
      </c>
      <c r="I1376" t="s">
        <v>15</v>
      </c>
      <c r="J1376" s="10">
        <v>356</v>
      </c>
    </row>
    <row r="1377" spans="1:10" x14ac:dyDescent="0.35">
      <c r="A1377" t="s">
        <v>26</v>
      </c>
      <c r="B1377" t="s">
        <v>83</v>
      </c>
      <c r="C1377" t="s">
        <v>109</v>
      </c>
      <c r="D1377" t="s">
        <v>110</v>
      </c>
      <c r="E1377" s="4">
        <v>45323</v>
      </c>
      <c r="G1377" t="s">
        <v>98</v>
      </c>
      <c r="H1377" t="s">
        <v>14</v>
      </c>
      <c r="I1377" t="s">
        <v>15</v>
      </c>
      <c r="J1377" s="10">
        <v>117</v>
      </c>
    </row>
    <row r="1378" spans="1:10" x14ac:dyDescent="0.35">
      <c r="A1378" t="s">
        <v>35</v>
      </c>
      <c r="B1378" t="s">
        <v>84</v>
      </c>
      <c r="C1378" t="s">
        <v>109</v>
      </c>
      <c r="D1378" t="s">
        <v>110</v>
      </c>
      <c r="E1378" s="4">
        <v>45323</v>
      </c>
      <c r="G1378" t="s">
        <v>98</v>
      </c>
      <c r="H1378" t="s">
        <v>14</v>
      </c>
      <c r="I1378" t="s">
        <v>15</v>
      </c>
      <c r="J1378" s="10">
        <v>609</v>
      </c>
    </row>
    <row r="1379" spans="1:10" x14ac:dyDescent="0.35">
      <c r="A1379" t="s">
        <v>33</v>
      </c>
      <c r="B1379" t="s">
        <v>85</v>
      </c>
      <c r="C1379" t="s">
        <v>109</v>
      </c>
      <c r="D1379" t="s">
        <v>110</v>
      </c>
      <c r="E1379" s="4">
        <v>45323</v>
      </c>
      <c r="G1379" t="s">
        <v>98</v>
      </c>
      <c r="H1379" t="s">
        <v>14</v>
      </c>
      <c r="I1379" t="s">
        <v>15</v>
      </c>
      <c r="J1379" s="10">
        <v>344</v>
      </c>
    </row>
    <row r="1380" spans="1:10" x14ac:dyDescent="0.35">
      <c r="A1380" t="s">
        <v>33</v>
      </c>
      <c r="B1380" t="s">
        <v>86</v>
      </c>
      <c r="C1380" t="s">
        <v>109</v>
      </c>
      <c r="D1380" t="s">
        <v>110</v>
      </c>
      <c r="E1380" s="4">
        <v>45323</v>
      </c>
      <c r="G1380" t="s">
        <v>98</v>
      </c>
      <c r="H1380" t="s">
        <v>14</v>
      </c>
      <c r="I1380" t="s">
        <v>15</v>
      </c>
      <c r="J1380" s="10">
        <v>377</v>
      </c>
    </row>
    <row r="1381" spans="1:10" x14ac:dyDescent="0.35">
      <c r="A1381" t="s">
        <v>35</v>
      </c>
      <c r="B1381" t="s">
        <v>87</v>
      </c>
      <c r="C1381" t="s">
        <v>109</v>
      </c>
      <c r="D1381" t="s">
        <v>110</v>
      </c>
      <c r="E1381" s="4">
        <v>45323</v>
      </c>
      <c r="G1381" t="s">
        <v>98</v>
      </c>
      <c r="H1381" t="s">
        <v>14</v>
      </c>
      <c r="I1381" t="s">
        <v>15</v>
      </c>
      <c r="J1381" s="10">
        <v>646</v>
      </c>
    </row>
    <row r="1382" spans="1:10" x14ac:dyDescent="0.35">
      <c r="A1382" t="s">
        <v>35</v>
      </c>
      <c r="B1382" t="s">
        <v>88</v>
      </c>
      <c r="C1382" t="s">
        <v>109</v>
      </c>
      <c r="D1382" t="s">
        <v>110</v>
      </c>
      <c r="E1382" s="4">
        <v>45323</v>
      </c>
      <c r="G1382" t="s">
        <v>98</v>
      </c>
      <c r="H1382" t="s">
        <v>14</v>
      </c>
      <c r="I1382" t="s">
        <v>15</v>
      </c>
      <c r="J1382" s="10">
        <v>781</v>
      </c>
    </row>
    <row r="1383" spans="1:10" x14ac:dyDescent="0.35">
      <c r="A1383" t="s">
        <v>62</v>
      </c>
      <c r="B1383" t="s">
        <v>89</v>
      </c>
      <c r="C1383" t="s">
        <v>109</v>
      </c>
      <c r="D1383" t="s">
        <v>110</v>
      </c>
      <c r="E1383" s="4">
        <v>45323</v>
      </c>
      <c r="G1383" t="s">
        <v>98</v>
      </c>
      <c r="H1383" t="s">
        <v>14</v>
      </c>
      <c r="I1383" t="s">
        <v>15</v>
      </c>
      <c r="J1383" s="10">
        <v>1016</v>
      </c>
    </row>
    <row r="1384" spans="1:10" x14ac:dyDescent="0.35">
      <c r="A1384" t="s">
        <v>26</v>
      </c>
      <c r="B1384" t="s">
        <v>90</v>
      </c>
      <c r="C1384" t="s">
        <v>109</v>
      </c>
      <c r="D1384" t="s">
        <v>110</v>
      </c>
      <c r="E1384" s="4">
        <v>45323</v>
      </c>
      <c r="G1384" t="s">
        <v>98</v>
      </c>
      <c r="H1384" t="s">
        <v>14</v>
      </c>
      <c r="I1384" t="s">
        <v>15</v>
      </c>
      <c r="J1384" s="10">
        <v>104</v>
      </c>
    </row>
    <row r="1385" spans="1:10" x14ac:dyDescent="0.35">
      <c r="A1385" t="s">
        <v>26</v>
      </c>
      <c r="B1385" t="s">
        <v>91</v>
      </c>
      <c r="C1385" t="s">
        <v>109</v>
      </c>
      <c r="D1385" t="s">
        <v>110</v>
      </c>
      <c r="E1385" s="4">
        <v>45323</v>
      </c>
      <c r="G1385" t="s">
        <v>98</v>
      </c>
      <c r="H1385" t="s">
        <v>14</v>
      </c>
      <c r="I1385" t="s">
        <v>15</v>
      </c>
      <c r="J1385" s="10">
        <v>315</v>
      </c>
    </row>
    <row r="1386" spans="1:10" x14ac:dyDescent="0.35">
      <c r="A1386" t="s">
        <v>33</v>
      </c>
      <c r="B1386" t="s">
        <v>92</v>
      </c>
      <c r="C1386" t="s">
        <v>109</v>
      </c>
      <c r="D1386" t="s">
        <v>110</v>
      </c>
      <c r="E1386" s="4">
        <v>45323</v>
      </c>
      <c r="G1386" t="s">
        <v>98</v>
      </c>
      <c r="H1386" t="s">
        <v>14</v>
      </c>
      <c r="I1386" t="s">
        <v>15</v>
      </c>
      <c r="J1386" s="10">
        <v>504</v>
      </c>
    </row>
    <row r="1387" spans="1:10" x14ac:dyDescent="0.35">
      <c r="A1387" t="s">
        <v>35</v>
      </c>
      <c r="B1387" t="s">
        <v>93</v>
      </c>
      <c r="C1387" t="s">
        <v>109</v>
      </c>
      <c r="D1387" t="s">
        <v>110</v>
      </c>
      <c r="E1387" s="4">
        <v>45323</v>
      </c>
      <c r="G1387" t="s">
        <v>98</v>
      </c>
      <c r="H1387" t="s">
        <v>14</v>
      </c>
      <c r="I1387" t="s">
        <v>15</v>
      </c>
      <c r="J1387" s="10">
        <v>688</v>
      </c>
    </row>
    <row r="1388" spans="1:10" x14ac:dyDescent="0.35">
      <c r="A1388" t="s">
        <v>20</v>
      </c>
      <c r="B1388" t="s">
        <v>94</v>
      </c>
      <c r="C1388" t="s">
        <v>109</v>
      </c>
      <c r="D1388" t="s">
        <v>110</v>
      </c>
      <c r="E1388" s="4">
        <v>45323</v>
      </c>
      <c r="G1388" t="s">
        <v>98</v>
      </c>
      <c r="H1388" t="s">
        <v>14</v>
      </c>
      <c r="I1388" t="s">
        <v>15</v>
      </c>
      <c r="J1388" s="10">
        <v>803</v>
      </c>
    </row>
    <row r="1389" spans="1:10" x14ac:dyDescent="0.35">
      <c r="A1389" t="s">
        <v>10</v>
      </c>
      <c r="B1389" t="s">
        <v>11</v>
      </c>
      <c r="C1389" t="s">
        <v>109</v>
      </c>
      <c r="D1389" t="s">
        <v>110</v>
      </c>
      <c r="E1389" s="4">
        <v>45323</v>
      </c>
      <c r="G1389" t="s">
        <v>14</v>
      </c>
      <c r="H1389" t="s">
        <v>14</v>
      </c>
      <c r="I1389" t="s">
        <v>15</v>
      </c>
      <c r="J1389" s="10">
        <v>907</v>
      </c>
    </row>
    <row r="1390" spans="1:10" x14ac:dyDescent="0.35">
      <c r="A1390" t="s">
        <v>10</v>
      </c>
      <c r="B1390" t="s">
        <v>16</v>
      </c>
      <c r="C1390" t="s">
        <v>109</v>
      </c>
      <c r="D1390" t="s">
        <v>110</v>
      </c>
      <c r="E1390" s="4">
        <v>45323</v>
      </c>
      <c r="G1390" t="s">
        <v>14</v>
      </c>
      <c r="H1390" t="s">
        <v>14</v>
      </c>
      <c r="I1390" t="s">
        <v>15</v>
      </c>
      <c r="J1390" s="10">
        <v>1313</v>
      </c>
    </row>
    <row r="1391" spans="1:10" x14ac:dyDescent="0.35">
      <c r="A1391" t="s">
        <v>10</v>
      </c>
      <c r="B1391" t="s">
        <v>17</v>
      </c>
      <c r="C1391" t="s">
        <v>109</v>
      </c>
      <c r="D1391" t="s">
        <v>110</v>
      </c>
      <c r="E1391" s="4">
        <v>45323</v>
      </c>
      <c r="G1391" t="s">
        <v>14</v>
      </c>
      <c r="H1391" t="s">
        <v>14</v>
      </c>
      <c r="I1391" t="s">
        <v>15</v>
      </c>
      <c r="J1391" s="10">
        <v>991</v>
      </c>
    </row>
    <row r="1392" spans="1:10" x14ac:dyDescent="0.35">
      <c r="A1392" t="s">
        <v>10</v>
      </c>
      <c r="B1392" t="s">
        <v>18</v>
      </c>
      <c r="C1392" t="s">
        <v>109</v>
      </c>
      <c r="D1392" t="s">
        <v>110</v>
      </c>
      <c r="E1392" s="4">
        <v>45323</v>
      </c>
      <c r="G1392" t="s">
        <v>14</v>
      </c>
      <c r="H1392" t="s">
        <v>14</v>
      </c>
      <c r="I1392" t="s">
        <v>15</v>
      </c>
      <c r="J1392" s="10">
        <v>982</v>
      </c>
    </row>
    <row r="1393" spans="1:10" x14ac:dyDescent="0.35">
      <c r="A1393" t="s">
        <v>10</v>
      </c>
      <c r="B1393" t="s">
        <v>19</v>
      </c>
      <c r="C1393" t="s">
        <v>109</v>
      </c>
      <c r="D1393" t="s">
        <v>110</v>
      </c>
      <c r="E1393" s="4">
        <v>45323</v>
      </c>
      <c r="G1393" t="s">
        <v>14</v>
      </c>
      <c r="H1393" t="s">
        <v>14</v>
      </c>
      <c r="I1393" t="s">
        <v>15</v>
      </c>
      <c r="J1393" s="10">
        <v>723</v>
      </c>
    </row>
    <row r="1394" spans="1:10" x14ac:dyDescent="0.35">
      <c r="A1394" t="s">
        <v>20</v>
      </c>
      <c r="B1394" t="s">
        <v>21</v>
      </c>
      <c r="C1394" t="s">
        <v>109</v>
      </c>
      <c r="D1394" t="s">
        <v>110</v>
      </c>
      <c r="E1394" s="4">
        <v>45323</v>
      </c>
      <c r="G1394" t="s">
        <v>14</v>
      </c>
      <c r="H1394" t="s">
        <v>14</v>
      </c>
      <c r="I1394" t="s">
        <v>15</v>
      </c>
      <c r="J1394" s="10">
        <v>1358</v>
      </c>
    </row>
    <row r="1395" spans="1:10" x14ac:dyDescent="0.35">
      <c r="A1395" t="s">
        <v>22</v>
      </c>
      <c r="B1395" t="s">
        <v>23</v>
      </c>
      <c r="C1395" t="s">
        <v>109</v>
      </c>
      <c r="D1395" t="s">
        <v>110</v>
      </c>
      <c r="E1395" s="4">
        <v>45323</v>
      </c>
      <c r="G1395" t="s">
        <v>14</v>
      </c>
      <c r="H1395" t="s">
        <v>14</v>
      </c>
      <c r="I1395" t="s">
        <v>15</v>
      </c>
      <c r="J1395" s="10">
        <v>1048</v>
      </c>
    </row>
    <row r="1396" spans="1:10" x14ac:dyDescent="0.35">
      <c r="A1396" t="s">
        <v>10</v>
      </c>
      <c r="B1396" t="s">
        <v>24</v>
      </c>
      <c r="C1396" t="s">
        <v>109</v>
      </c>
      <c r="D1396" t="s">
        <v>110</v>
      </c>
      <c r="E1396" s="4">
        <v>45323</v>
      </c>
      <c r="G1396" t="s">
        <v>14</v>
      </c>
      <c r="H1396" t="s">
        <v>14</v>
      </c>
      <c r="I1396" t="s">
        <v>15</v>
      </c>
      <c r="J1396" s="10">
        <v>682</v>
      </c>
    </row>
    <row r="1397" spans="1:10" x14ac:dyDescent="0.35">
      <c r="A1397" t="s">
        <v>10</v>
      </c>
      <c r="B1397" t="s">
        <v>25</v>
      </c>
      <c r="C1397" t="s">
        <v>109</v>
      </c>
      <c r="D1397" t="s">
        <v>110</v>
      </c>
      <c r="E1397" s="4">
        <v>45323</v>
      </c>
      <c r="G1397" t="s">
        <v>14</v>
      </c>
      <c r="H1397" t="s">
        <v>14</v>
      </c>
      <c r="I1397" t="s">
        <v>15</v>
      </c>
      <c r="J1397" s="10">
        <v>720</v>
      </c>
    </row>
    <row r="1398" spans="1:10" x14ac:dyDescent="0.35">
      <c r="A1398" t="s">
        <v>26</v>
      </c>
      <c r="B1398" t="s">
        <v>27</v>
      </c>
      <c r="C1398" t="s">
        <v>109</v>
      </c>
      <c r="D1398" t="s">
        <v>110</v>
      </c>
      <c r="E1398" s="4">
        <v>45323</v>
      </c>
      <c r="G1398" t="s">
        <v>14</v>
      </c>
      <c r="H1398" t="s">
        <v>14</v>
      </c>
      <c r="I1398" t="s">
        <v>15</v>
      </c>
      <c r="J1398" s="10">
        <v>872</v>
      </c>
    </row>
    <row r="1399" spans="1:10" x14ac:dyDescent="0.35">
      <c r="A1399" t="s">
        <v>28</v>
      </c>
      <c r="B1399" t="s">
        <v>29</v>
      </c>
      <c r="C1399" t="s">
        <v>109</v>
      </c>
      <c r="D1399" t="s">
        <v>110</v>
      </c>
      <c r="E1399" s="4">
        <v>45323</v>
      </c>
      <c r="G1399" t="s">
        <v>14</v>
      </c>
      <c r="H1399" t="s">
        <v>14</v>
      </c>
      <c r="I1399" t="s">
        <v>15</v>
      </c>
      <c r="J1399" s="10">
        <v>1226</v>
      </c>
    </row>
    <row r="1400" spans="1:10" x14ac:dyDescent="0.35">
      <c r="A1400" t="s">
        <v>10</v>
      </c>
      <c r="B1400" t="s">
        <v>30</v>
      </c>
      <c r="C1400" t="s">
        <v>109</v>
      </c>
      <c r="D1400" t="s">
        <v>110</v>
      </c>
      <c r="E1400" s="4">
        <v>45323</v>
      </c>
      <c r="G1400" t="s">
        <v>14</v>
      </c>
      <c r="H1400" t="s">
        <v>14</v>
      </c>
      <c r="I1400" t="s">
        <v>15</v>
      </c>
      <c r="J1400" s="10">
        <v>1655</v>
      </c>
    </row>
    <row r="1401" spans="1:10" x14ac:dyDescent="0.35">
      <c r="A1401" t="s">
        <v>26</v>
      </c>
      <c r="B1401" t="s">
        <v>31</v>
      </c>
      <c r="C1401" t="s">
        <v>109</v>
      </c>
      <c r="D1401" t="s">
        <v>110</v>
      </c>
      <c r="E1401" s="4">
        <v>45323</v>
      </c>
      <c r="G1401" t="s">
        <v>14</v>
      </c>
      <c r="H1401" t="s">
        <v>14</v>
      </c>
      <c r="I1401" t="s">
        <v>15</v>
      </c>
      <c r="J1401" s="10">
        <v>768</v>
      </c>
    </row>
    <row r="1402" spans="1:10" x14ac:dyDescent="0.35">
      <c r="A1402" t="s">
        <v>28</v>
      </c>
      <c r="B1402" t="s">
        <v>32</v>
      </c>
      <c r="C1402" t="s">
        <v>109</v>
      </c>
      <c r="D1402" t="s">
        <v>110</v>
      </c>
      <c r="E1402" s="4">
        <v>45323</v>
      </c>
      <c r="G1402" t="s">
        <v>14</v>
      </c>
      <c r="H1402" t="s">
        <v>14</v>
      </c>
      <c r="I1402" t="s">
        <v>15</v>
      </c>
      <c r="J1402" s="10">
        <v>1639</v>
      </c>
    </row>
    <row r="1403" spans="1:10" x14ac:dyDescent="0.35">
      <c r="A1403" t="s">
        <v>33</v>
      </c>
      <c r="B1403" t="s">
        <v>34</v>
      </c>
      <c r="C1403" t="s">
        <v>109</v>
      </c>
      <c r="D1403" t="s">
        <v>110</v>
      </c>
      <c r="E1403" s="4">
        <v>45323</v>
      </c>
      <c r="G1403" t="s">
        <v>14</v>
      </c>
      <c r="H1403" t="s">
        <v>14</v>
      </c>
      <c r="I1403" t="s">
        <v>15</v>
      </c>
      <c r="J1403" s="10">
        <v>895</v>
      </c>
    </row>
    <row r="1404" spans="1:10" x14ac:dyDescent="0.35">
      <c r="A1404" t="s">
        <v>35</v>
      </c>
      <c r="B1404" t="s">
        <v>36</v>
      </c>
      <c r="C1404" t="s">
        <v>109</v>
      </c>
      <c r="D1404" t="s">
        <v>110</v>
      </c>
      <c r="E1404" s="4">
        <v>45323</v>
      </c>
      <c r="G1404" t="s">
        <v>14</v>
      </c>
      <c r="H1404" t="s">
        <v>14</v>
      </c>
      <c r="I1404" t="s">
        <v>15</v>
      </c>
      <c r="J1404" s="10">
        <v>1265</v>
      </c>
    </row>
    <row r="1405" spans="1:10" x14ac:dyDescent="0.35">
      <c r="A1405" t="s">
        <v>28</v>
      </c>
      <c r="B1405" t="s">
        <v>37</v>
      </c>
      <c r="C1405" t="s">
        <v>109</v>
      </c>
      <c r="D1405" t="s">
        <v>110</v>
      </c>
      <c r="E1405" s="4">
        <v>45323</v>
      </c>
      <c r="G1405" t="s">
        <v>14</v>
      </c>
      <c r="H1405" t="s">
        <v>14</v>
      </c>
      <c r="I1405" t="s">
        <v>15</v>
      </c>
      <c r="J1405" s="10">
        <v>1151</v>
      </c>
    </row>
    <row r="1406" spans="1:10" x14ac:dyDescent="0.35">
      <c r="A1406" t="s">
        <v>20</v>
      </c>
      <c r="B1406" t="s">
        <v>38</v>
      </c>
      <c r="C1406" t="s">
        <v>109</v>
      </c>
      <c r="D1406" t="s">
        <v>110</v>
      </c>
      <c r="E1406" s="4">
        <v>45323</v>
      </c>
      <c r="G1406" t="s">
        <v>14</v>
      </c>
      <c r="H1406" t="s">
        <v>14</v>
      </c>
      <c r="I1406" t="s">
        <v>15</v>
      </c>
      <c r="J1406" s="10">
        <v>1388</v>
      </c>
    </row>
    <row r="1407" spans="1:10" x14ac:dyDescent="0.35">
      <c r="A1407" t="s">
        <v>33</v>
      </c>
      <c r="B1407" t="s">
        <v>39</v>
      </c>
      <c r="C1407" t="s">
        <v>109</v>
      </c>
      <c r="D1407" t="s">
        <v>110</v>
      </c>
      <c r="E1407" s="4">
        <v>45323</v>
      </c>
      <c r="G1407" t="s">
        <v>14</v>
      </c>
      <c r="H1407" t="s">
        <v>14</v>
      </c>
      <c r="I1407" t="s">
        <v>15</v>
      </c>
      <c r="J1407" s="10">
        <v>1155</v>
      </c>
    </row>
    <row r="1408" spans="1:10" x14ac:dyDescent="0.35">
      <c r="A1408" t="s">
        <v>20</v>
      </c>
      <c r="B1408" t="s">
        <v>40</v>
      </c>
      <c r="C1408" t="s">
        <v>109</v>
      </c>
      <c r="D1408" t="s">
        <v>110</v>
      </c>
      <c r="E1408" s="4">
        <v>45323</v>
      </c>
      <c r="G1408" t="s">
        <v>14</v>
      </c>
      <c r="H1408" t="s">
        <v>14</v>
      </c>
      <c r="I1408" t="s">
        <v>15</v>
      </c>
      <c r="J1408" s="10">
        <v>1259</v>
      </c>
    </row>
    <row r="1409" spans="1:10" x14ac:dyDescent="0.35">
      <c r="A1409" t="s">
        <v>35</v>
      </c>
      <c r="B1409" t="s">
        <v>41</v>
      </c>
      <c r="C1409" t="s">
        <v>109</v>
      </c>
      <c r="D1409" t="s">
        <v>110</v>
      </c>
      <c r="E1409" s="4">
        <v>45323</v>
      </c>
      <c r="G1409" t="s">
        <v>14</v>
      </c>
      <c r="H1409" t="s">
        <v>14</v>
      </c>
      <c r="I1409" t="s">
        <v>15</v>
      </c>
      <c r="J1409" s="10">
        <v>1268</v>
      </c>
    </row>
    <row r="1410" spans="1:10" x14ac:dyDescent="0.35">
      <c r="A1410" t="s">
        <v>35</v>
      </c>
      <c r="B1410" t="s">
        <v>42</v>
      </c>
      <c r="C1410" t="s">
        <v>109</v>
      </c>
      <c r="D1410" t="s">
        <v>110</v>
      </c>
      <c r="E1410" s="4">
        <v>45323</v>
      </c>
      <c r="G1410" t="s">
        <v>14</v>
      </c>
      <c r="H1410" t="s">
        <v>14</v>
      </c>
      <c r="I1410" t="s">
        <v>15</v>
      </c>
      <c r="J1410" s="10">
        <v>1317</v>
      </c>
    </row>
    <row r="1411" spans="1:10" x14ac:dyDescent="0.35">
      <c r="A1411" t="s">
        <v>35</v>
      </c>
      <c r="B1411" t="s">
        <v>43</v>
      </c>
      <c r="C1411" t="s">
        <v>109</v>
      </c>
      <c r="D1411" t="s">
        <v>110</v>
      </c>
      <c r="E1411" s="4">
        <v>45323</v>
      </c>
      <c r="G1411" t="s">
        <v>14</v>
      </c>
      <c r="H1411" t="s">
        <v>14</v>
      </c>
      <c r="I1411" t="s">
        <v>15</v>
      </c>
      <c r="J1411" s="10">
        <v>1278</v>
      </c>
    </row>
    <row r="1412" spans="1:10" x14ac:dyDescent="0.35">
      <c r="A1412" t="s">
        <v>28</v>
      </c>
      <c r="B1412" t="s">
        <v>44</v>
      </c>
      <c r="C1412" t="s">
        <v>109</v>
      </c>
      <c r="D1412" t="s">
        <v>110</v>
      </c>
      <c r="E1412" s="4">
        <v>45323</v>
      </c>
      <c r="G1412" t="s">
        <v>14</v>
      </c>
      <c r="H1412" t="s">
        <v>14</v>
      </c>
      <c r="I1412" t="s">
        <v>15</v>
      </c>
      <c r="J1412" s="10">
        <v>1104</v>
      </c>
    </row>
    <row r="1413" spans="1:10" x14ac:dyDescent="0.35">
      <c r="A1413" t="s">
        <v>10</v>
      </c>
      <c r="B1413" t="s">
        <v>45</v>
      </c>
      <c r="C1413" t="s">
        <v>109</v>
      </c>
      <c r="D1413" t="s">
        <v>110</v>
      </c>
      <c r="E1413" s="4">
        <v>45323</v>
      </c>
      <c r="G1413" t="s">
        <v>14</v>
      </c>
      <c r="H1413" t="s">
        <v>14</v>
      </c>
      <c r="I1413" t="s">
        <v>15</v>
      </c>
      <c r="J1413" s="10">
        <v>883</v>
      </c>
    </row>
    <row r="1414" spans="1:10" x14ac:dyDescent="0.35">
      <c r="A1414" t="s">
        <v>10</v>
      </c>
      <c r="B1414" t="s">
        <v>46</v>
      </c>
      <c r="C1414" t="s">
        <v>109</v>
      </c>
      <c r="D1414" t="s">
        <v>110</v>
      </c>
      <c r="E1414" s="4">
        <v>45323</v>
      </c>
      <c r="G1414" t="s">
        <v>14</v>
      </c>
      <c r="H1414" t="s">
        <v>14</v>
      </c>
      <c r="I1414" t="s">
        <v>15</v>
      </c>
      <c r="J1414" s="10">
        <v>799</v>
      </c>
    </row>
    <row r="1415" spans="1:10" x14ac:dyDescent="0.35">
      <c r="A1415" t="s">
        <v>33</v>
      </c>
      <c r="B1415" t="s">
        <v>47</v>
      </c>
      <c r="C1415" t="s">
        <v>109</v>
      </c>
      <c r="D1415" t="s">
        <v>110</v>
      </c>
      <c r="E1415" s="4">
        <v>45323</v>
      </c>
      <c r="G1415" t="s">
        <v>14</v>
      </c>
      <c r="H1415" t="s">
        <v>14</v>
      </c>
      <c r="I1415" t="s">
        <v>15</v>
      </c>
      <c r="J1415" s="10">
        <v>889</v>
      </c>
    </row>
    <row r="1416" spans="1:10" x14ac:dyDescent="0.35">
      <c r="A1416" t="s">
        <v>20</v>
      </c>
      <c r="B1416" t="s">
        <v>48</v>
      </c>
      <c r="C1416" t="s">
        <v>109</v>
      </c>
      <c r="D1416" t="s">
        <v>110</v>
      </c>
      <c r="E1416" s="4">
        <v>45323</v>
      </c>
      <c r="G1416" t="s">
        <v>14</v>
      </c>
      <c r="H1416" t="s">
        <v>14</v>
      </c>
      <c r="I1416" t="s">
        <v>15</v>
      </c>
      <c r="J1416" s="10">
        <v>1169</v>
      </c>
    </row>
    <row r="1417" spans="1:10" x14ac:dyDescent="0.35">
      <c r="A1417" t="s">
        <v>28</v>
      </c>
      <c r="B1417" t="s">
        <v>49</v>
      </c>
      <c r="C1417" t="s">
        <v>109</v>
      </c>
      <c r="D1417" t="s">
        <v>110</v>
      </c>
      <c r="E1417" s="4">
        <v>45323</v>
      </c>
      <c r="G1417" t="s">
        <v>14</v>
      </c>
      <c r="H1417" t="s">
        <v>14</v>
      </c>
      <c r="I1417" t="s">
        <v>15</v>
      </c>
      <c r="J1417" s="10">
        <v>720</v>
      </c>
    </row>
    <row r="1418" spans="1:10" x14ac:dyDescent="0.35">
      <c r="A1418" t="s">
        <v>35</v>
      </c>
      <c r="B1418" t="s">
        <v>50</v>
      </c>
      <c r="C1418" t="s">
        <v>109</v>
      </c>
      <c r="D1418" t="s">
        <v>110</v>
      </c>
      <c r="E1418" s="4">
        <v>45323</v>
      </c>
      <c r="G1418" t="s">
        <v>14</v>
      </c>
      <c r="H1418" t="s">
        <v>14</v>
      </c>
      <c r="I1418" t="s">
        <v>15</v>
      </c>
      <c r="J1418" s="10">
        <v>608</v>
      </c>
    </row>
    <row r="1419" spans="1:10" x14ac:dyDescent="0.35">
      <c r="A1419" t="s">
        <v>22</v>
      </c>
      <c r="B1419" t="s">
        <v>51</v>
      </c>
      <c r="C1419" t="s">
        <v>109</v>
      </c>
      <c r="D1419" t="s">
        <v>110</v>
      </c>
      <c r="E1419" s="4">
        <v>45323</v>
      </c>
      <c r="G1419" t="s">
        <v>14</v>
      </c>
      <c r="H1419" t="s">
        <v>14</v>
      </c>
      <c r="I1419" t="s">
        <v>15</v>
      </c>
      <c r="J1419" s="10">
        <v>339</v>
      </c>
    </row>
    <row r="1420" spans="1:10" x14ac:dyDescent="0.35">
      <c r="A1420" t="s">
        <v>22</v>
      </c>
      <c r="B1420" t="s">
        <v>52</v>
      </c>
      <c r="C1420" t="s">
        <v>109</v>
      </c>
      <c r="D1420" t="s">
        <v>110</v>
      </c>
      <c r="E1420" s="4">
        <v>45323</v>
      </c>
      <c r="G1420" t="s">
        <v>14</v>
      </c>
      <c r="H1420" t="s">
        <v>14</v>
      </c>
      <c r="I1420" t="s">
        <v>15</v>
      </c>
      <c r="J1420" s="10">
        <v>823</v>
      </c>
    </row>
    <row r="1421" spans="1:10" x14ac:dyDescent="0.35">
      <c r="A1421" t="s">
        <v>22</v>
      </c>
      <c r="B1421" t="s">
        <v>53</v>
      </c>
      <c r="C1421" t="s">
        <v>109</v>
      </c>
      <c r="D1421" t="s">
        <v>110</v>
      </c>
      <c r="E1421" s="4">
        <v>45323</v>
      </c>
      <c r="G1421" t="s">
        <v>14</v>
      </c>
      <c r="H1421" t="s">
        <v>14</v>
      </c>
      <c r="I1421" t="s">
        <v>15</v>
      </c>
      <c r="J1421" s="10">
        <v>526</v>
      </c>
    </row>
    <row r="1422" spans="1:10" x14ac:dyDescent="0.35">
      <c r="A1422" t="s">
        <v>22</v>
      </c>
      <c r="B1422" t="s">
        <v>54</v>
      </c>
      <c r="C1422" t="s">
        <v>109</v>
      </c>
      <c r="D1422" t="s">
        <v>110</v>
      </c>
      <c r="E1422" s="4">
        <v>45323</v>
      </c>
      <c r="G1422" t="s">
        <v>14</v>
      </c>
      <c r="H1422" t="s">
        <v>14</v>
      </c>
      <c r="I1422" t="s">
        <v>15</v>
      </c>
      <c r="J1422" s="10">
        <v>478</v>
      </c>
    </row>
    <row r="1423" spans="1:10" x14ac:dyDescent="0.35">
      <c r="A1423" t="s">
        <v>22</v>
      </c>
      <c r="B1423" t="s">
        <v>55</v>
      </c>
      <c r="C1423" t="s">
        <v>109</v>
      </c>
      <c r="D1423" t="s">
        <v>110</v>
      </c>
      <c r="E1423" s="4">
        <v>45323</v>
      </c>
      <c r="G1423" t="s">
        <v>14</v>
      </c>
      <c r="H1423" t="s">
        <v>14</v>
      </c>
      <c r="I1423" t="s">
        <v>15</v>
      </c>
      <c r="J1423" s="10">
        <v>369</v>
      </c>
    </row>
    <row r="1424" spans="1:10" x14ac:dyDescent="0.35">
      <c r="A1424" t="s">
        <v>22</v>
      </c>
      <c r="B1424" t="s">
        <v>56</v>
      </c>
      <c r="C1424" t="s">
        <v>109</v>
      </c>
      <c r="D1424" t="s">
        <v>110</v>
      </c>
      <c r="E1424" s="4">
        <v>45323</v>
      </c>
      <c r="G1424" t="s">
        <v>14</v>
      </c>
      <c r="H1424" t="s">
        <v>14</v>
      </c>
      <c r="I1424" t="s">
        <v>15</v>
      </c>
      <c r="J1424" s="10">
        <v>462</v>
      </c>
    </row>
    <row r="1425" spans="1:10" x14ac:dyDescent="0.35">
      <c r="A1425" t="s">
        <v>28</v>
      </c>
      <c r="B1425" t="s">
        <v>58</v>
      </c>
      <c r="C1425" t="s">
        <v>109</v>
      </c>
      <c r="D1425" t="s">
        <v>110</v>
      </c>
      <c r="E1425" s="4">
        <v>45323</v>
      </c>
      <c r="G1425" t="s">
        <v>14</v>
      </c>
      <c r="H1425" t="s">
        <v>14</v>
      </c>
      <c r="I1425" t="s">
        <v>15</v>
      </c>
      <c r="J1425" s="10">
        <v>584</v>
      </c>
    </row>
    <row r="1426" spans="1:10" x14ac:dyDescent="0.35">
      <c r="A1426" t="s">
        <v>20</v>
      </c>
      <c r="B1426" t="s">
        <v>59</v>
      </c>
      <c r="C1426" t="s">
        <v>109</v>
      </c>
      <c r="D1426" t="s">
        <v>110</v>
      </c>
      <c r="E1426" s="4">
        <v>45323</v>
      </c>
      <c r="G1426" t="s">
        <v>14</v>
      </c>
      <c r="H1426" t="s">
        <v>14</v>
      </c>
      <c r="I1426" t="s">
        <v>15</v>
      </c>
      <c r="J1426" s="10">
        <v>1020</v>
      </c>
    </row>
    <row r="1427" spans="1:10" x14ac:dyDescent="0.35">
      <c r="A1427" t="s">
        <v>20</v>
      </c>
      <c r="B1427" t="s">
        <v>60</v>
      </c>
      <c r="C1427" t="s">
        <v>109</v>
      </c>
      <c r="D1427" t="s">
        <v>110</v>
      </c>
      <c r="E1427" s="4">
        <v>45323</v>
      </c>
      <c r="G1427" t="s">
        <v>14</v>
      </c>
      <c r="H1427" t="s">
        <v>14</v>
      </c>
      <c r="I1427" t="s">
        <v>15</v>
      </c>
      <c r="J1427" s="10">
        <v>1203</v>
      </c>
    </row>
    <row r="1428" spans="1:10" x14ac:dyDescent="0.35">
      <c r="A1428" t="s">
        <v>28</v>
      </c>
      <c r="B1428" t="s">
        <v>61</v>
      </c>
      <c r="C1428" t="s">
        <v>109</v>
      </c>
      <c r="D1428" t="s">
        <v>110</v>
      </c>
      <c r="E1428" s="4">
        <v>45323</v>
      </c>
      <c r="G1428" t="s">
        <v>14</v>
      </c>
      <c r="H1428" t="s">
        <v>14</v>
      </c>
      <c r="I1428" t="s">
        <v>15</v>
      </c>
      <c r="J1428" s="10">
        <v>1221</v>
      </c>
    </row>
    <row r="1429" spans="1:10" x14ac:dyDescent="0.35">
      <c r="A1429" t="s">
        <v>62</v>
      </c>
      <c r="B1429" t="s">
        <v>63</v>
      </c>
      <c r="C1429" t="s">
        <v>109</v>
      </c>
      <c r="D1429" t="s">
        <v>110</v>
      </c>
      <c r="E1429" s="4">
        <v>45323</v>
      </c>
      <c r="G1429" t="s">
        <v>14</v>
      </c>
      <c r="H1429" t="s">
        <v>14</v>
      </c>
      <c r="I1429" t="s">
        <v>15</v>
      </c>
      <c r="J1429" s="10">
        <v>1675</v>
      </c>
    </row>
    <row r="1430" spans="1:10" x14ac:dyDescent="0.35">
      <c r="A1430" t="s">
        <v>62</v>
      </c>
      <c r="B1430" t="s">
        <v>64</v>
      </c>
      <c r="C1430" t="s">
        <v>109</v>
      </c>
      <c r="D1430" t="s">
        <v>110</v>
      </c>
      <c r="E1430" s="4">
        <v>45323</v>
      </c>
      <c r="G1430" t="s">
        <v>14</v>
      </c>
      <c r="H1430" t="s">
        <v>14</v>
      </c>
      <c r="I1430" t="s">
        <v>15</v>
      </c>
      <c r="J1430" s="10">
        <v>1271</v>
      </c>
    </row>
    <row r="1431" spans="1:10" x14ac:dyDescent="0.35">
      <c r="A1431" t="s">
        <v>62</v>
      </c>
      <c r="B1431" t="s">
        <v>65</v>
      </c>
      <c r="C1431" t="s">
        <v>109</v>
      </c>
      <c r="D1431" t="s">
        <v>110</v>
      </c>
      <c r="E1431" s="4">
        <v>45323</v>
      </c>
      <c r="G1431" t="s">
        <v>14</v>
      </c>
      <c r="H1431" t="s">
        <v>14</v>
      </c>
      <c r="I1431" t="s">
        <v>15</v>
      </c>
      <c r="J1431" s="10">
        <v>1006</v>
      </c>
    </row>
    <row r="1432" spans="1:10" x14ac:dyDescent="0.35">
      <c r="A1432" t="s">
        <v>62</v>
      </c>
      <c r="B1432" t="s">
        <v>66</v>
      </c>
      <c r="C1432" t="s">
        <v>109</v>
      </c>
      <c r="D1432" t="s">
        <v>110</v>
      </c>
      <c r="E1432" s="4">
        <v>45323</v>
      </c>
      <c r="G1432" t="s">
        <v>14</v>
      </c>
      <c r="H1432" t="s">
        <v>14</v>
      </c>
      <c r="I1432" t="s">
        <v>15</v>
      </c>
      <c r="J1432" s="10">
        <v>1680</v>
      </c>
    </row>
    <row r="1433" spans="1:10" x14ac:dyDescent="0.35">
      <c r="A1433" t="s">
        <v>62</v>
      </c>
      <c r="B1433" t="s">
        <v>67</v>
      </c>
      <c r="C1433" t="s">
        <v>109</v>
      </c>
      <c r="D1433" t="s">
        <v>110</v>
      </c>
      <c r="E1433" s="4">
        <v>45323</v>
      </c>
      <c r="G1433" t="s">
        <v>14</v>
      </c>
      <c r="H1433" t="s">
        <v>14</v>
      </c>
      <c r="I1433" t="s">
        <v>15</v>
      </c>
      <c r="J1433" s="10">
        <v>1830</v>
      </c>
    </row>
    <row r="1434" spans="1:10" x14ac:dyDescent="0.35">
      <c r="A1434" t="s">
        <v>62</v>
      </c>
      <c r="B1434" t="s">
        <v>68</v>
      </c>
      <c r="C1434" t="s">
        <v>109</v>
      </c>
      <c r="D1434" t="s">
        <v>110</v>
      </c>
      <c r="E1434" s="4">
        <v>45323</v>
      </c>
      <c r="G1434" t="s">
        <v>14</v>
      </c>
      <c r="H1434" t="s">
        <v>14</v>
      </c>
      <c r="I1434" t="s">
        <v>15</v>
      </c>
      <c r="J1434" s="10">
        <v>1863</v>
      </c>
    </row>
    <row r="1435" spans="1:10" x14ac:dyDescent="0.35">
      <c r="A1435" t="s">
        <v>62</v>
      </c>
      <c r="B1435" t="s">
        <v>69</v>
      </c>
      <c r="C1435" t="s">
        <v>109</v>
      </c>
      <c r="D1435" t="s">
        <v>110</v>
      </c>
      <c r="E1435" s="4">
        <v>45323</v>
      </c>
      <c r="G1435" t="s">
        <v>14</v>
      </c>
      <c r="H1435" t="s">
        <v>14</v>
      </c>
      <c r="I1435" t="s">
        <v>15</v>
      </c>
      <c r="J1435" s="10">
        <v>2038</v>
      </c>
    </row>
    <row r="1436" spans="1:10" x14ac:dyDescent="0.35">
      <c r="A1436" t="s">
        <v>62</v>
      </c>
      <c r="B1436" t="s">
        <v>70</v>
      </c>
      <c r="C1436" t="s">
        <v>109</v>
      </c>
      <c r="D1436" t="s">
        <v>110</v>
      </c>
      <c r="E1436" s="4">
        <v>45323</v>
      </c>
      <c r="G1436" t="s">
        <v>14</v>
      </c>
      <c r="H1436" t="s">
        <v>14</v>
      </c>
      <c r="I1436" t="s">
        <v>15</v>
      </c>
      <c r="J1436" s="10">
        <v>1093</v>
      </c>
    </row>
    <row r="1437" spans="1:10" x14ac:dyDescent="0.35">
      <c r="A1437" t="s">
        <v>35</v>
      </c>
      <c r="B1437" t="s">
        <v>71</v>
      </c>
      <c r="C1437" t="s">
        <v>109</v>
      </c>
      <c r="D1437" t="s">
        <v>110</v>
      </c>
      <c r="E1437" s="4">
        <v>45323</v>
      </c>
      <c r="G1437" t="s">
        <v>14</v>
      </c>
      <c r="H1437" t="s">
        <v>14</v>
      </c>
      <c r="I1437" t="s">
        <v>15</v>
      </c>
      <c r="J1437" s="10">
        <v>1395</v>
      </c>
    </row>
    <row r="1438" spans="1:10" x14ac:dyDescent="0.35">
      <c r="A1438" t="s">
        <v>20</v>
      </c>
      <c r="B1438" t="s">
        <v>72</v>
      </c>
      <c r="C1438" t="s">
        <v>109</v>
      </c>
      <c r="D1438" t="s">
        <v>110</v>
      </c>
      <c r="E1438" s="4">
        <v>45323</v>
      </c>
      <c r="G1438" t="s">
        <v>14</v>
      </c>
      <c r="H1438" t="s">
        <v>14</v>
      </c>
      <c r="I1438" t="s">
        <v>15</v>
      </c>
      <c r="J1438" s="10">
        <v>1393</v>
      </c>
    </row>
    <row r="1439" spans="1:10" x14ac:dyDescent="0.35">
      <c r="A1439" t="s">
        <v>26</v>
      </c>
      <c r="B1439" t="s">
        <v>73</v>
      </c>
      <c r="C1439" t="s">
        <v>109</v>
      </c>
      <c r="D1439" t="s">
        <v>110</v>
      </c>
      <c r="E1439" s="4">
        <v>45323</v>
      </c>
      <c r="G1439" t="s">
        <v>14</v>
      </c>
      <c r="H1439" t="s">
        <v>14</v>
      </c>
      <c r="I1439" t="s">
        <v>15</v>
      </c>
      <c r="J1439" s="10">
        <v>550</v>
      </c>
    </row>
    <row r="1440" spans="1:10" x14ac:dyDescent="0.35">
      <c r="A1440" t="s">
        <v>28</v>
      </c>
      <c r="B1440" t="s">
        <v>74</v>
      </c>
      <c r="C1440" t="s">
        <v>109</v>
      </c>
      <c r="D1440" t="s">
        <v>110</v>
      </c>
      <c r="E1440" s="4">
        <v>45323</v>
      </c>
      <c r="G1440" t="s">
        <v>14</v>
      </c>
      <c r="H1440" t="s">
        <v>14</v>
      </c>
      <c r="I1440" t="s">
        <v>15</v>
      </c>
      <c r="J1440" s="10">
        <v>1205</v>
      </c>
    </row>
    <row r="1441" spans="1:10" x14ac:dyDescent="0.35">
      <c r="A1441" t="s">
        <v>33</v>
      </c>
      <c r="B1441" t="s">
        <v>75</v>
      </c>
      <c r="C1441" t="s">
        <v>109</v>
      </c>
      <c r="D1441" t="s">
        <v>110</v>
      </c>
      <c r="E1441" s="4">
        <v>45323</v>
      </c>
      <c r="G1441" t="s">
        <v>14</v>
      </c>
      <c r="H1441" t="s">
        <v>14</v>
      </c>
      <c r="I1441" t="s">
        <v>15</v>
      </c>
      <c r="J1441" s="10">
        <v>1120</v>
      </c>
    </row>
    <row r="1442" spans="1:10" x14ac:dyDescent="0.35">
      <c r="A1442" t="s">
        <v>22</v>
      </c>
      <c r="B1442" t="s">
        <v>76</v>
      </c>
      <c r="C1442" t="s">
        <v>109</v>
      </c>
      <c r="D1442" t="s">
        <v>110</v>
      </c>
      <c r="E1442" s="4">
        <v>45323</v>
      </c>
      <c r="G1442" t="s">
        <v>14</v>
      </c>
      <c r="H1442" t="s">
        <v>14</v>
      </c>
      <c r="I1442" t="s">
        <v>15</v>
      </c>
      <c r="J1442" s="10">
        <v>1117</v>
      </c>
    </row>
    <row r="1443" spans="1:10" x14ac:dyDescent="0.35">
      <c r="A1443" t="s">
        <v>33</v>
      </c>
      <c r="B1443" t="s">
        <v>77</v>
      </c>
      <c r="C1443" t="s">
        <v>109</v>
      </c>
      <c r="D1443" t="s">
        <v>110</v>
      </c>
      <c r="E1443" s="4">
        <v>45323</v>
      </c>
      <c r="G1443" t="s">
        <v>14</v>
      </c>
      <c r="H1443" t="s">
        <v>14</v>
      </c>
      <c r="I1443" t="s">
        <v>15</v>
      </c>
      <c r="J1443" s="10">
        <v>1081</v>
      </c>
    </row>
    <row r="1444" spans="1:10" x14ac:dyDescent="0.35">
      <c r="A1444" t="s">
        <v>22</v>
      </c>
      <c r="B1444" t="s">
        <v>78</v>
      </c>
      <c r="C1444" t="s">
        <v>109</v>
      </c>
      <c r="D1444" t="s">
        <v>110</v>
      </c>
      <c r="E1444" s="4">
        <v>45323</v>
      </c>
      <c r="G1444" t="s">
        <v>14</v>
      </c>
      <c r="H1444" t="s">
        <v>14</v>
      </c>
      <c r="I1444" t="s">
        <v>15</v>
      </c>
      <c r="J1444" s="10">
        <v>940</v>
      </c>
    </row>
    <row r="1445" spans="1:10" x14ac:dyDescent="0.35">
      <c r="A1445" t="s">
        <v>28</v>
      </c>
      <c r="B1445" t="s">
        <v>79</v>
      </c>
      <c r="C1445" t="s">
        <v>109</v>
      </c>
      <c r="D1445" t="s">
        <v>110</v>
      </c>
      <c r="E1445" s="4">
        <v>45323</v>
      </c>
      <c r="G1445" t="s">
        <v>14</v>
      </c>
      <c r="H1445" t="s">
        <v>14</v>
      </c>
      <c r="I1445" t="s">
        <v>15</v>
      </c>
      <c r="J1445" s="10">
        <v>607</v>
      </c>
    </row>
    <row r="1446" spans="1:10" x14ac:dyDescent="0.35">
      <c r="A1446" t="s">
        <v>26</v>
      </c>
      <c r="B1446" t="s">
        <v>80</v>
      </c>
      <c r="C1446" t="s">
        <v>109</v>
      </c>
      <c r="D1446" t="s">
        <v>110</v>
      </c>
      <c r="E1446" s="4">
        <v>45323</v>
      </c>
      <c r="G1446" t="s">
        <v>14</v>
      </c>
      <c r="H1446" t="s">
        <v>14</v>
      </c>
      <c r="I1446" t="s">
        <v>15</v>
      </c>
      <c r="J1446" s="10">
        <v>600</v>
      </c>
    </row>
    <row r="1447" spans="1:10" x14ac:dyDescent="0.35">
      <c r="A1447" t="s">
        <v>20</v>
      </c>
      <c r="B1447" t="s">
        <v>81</v>
      </c>
      <c r="C1447" t="s">
        <v>109</v>
      </c>
      <c r="D1447" t="s">
        <v>110</v>
      </c>
      <c r="E1447" s="4">
        <v>45323</v>
      </c>
      <c r="G1447" t="s">
        <v>14</v>
      </c>
      <c r="H1447" t="s">
        <v>14</v>
      </c>
      <c r="I1447" t="s">
        <v>15</v>
      </c>
      <c r="J1447" s="10">
        <v>1466</v>
      </c>
    </row>
    <row r="1448" spans="1:10" x14ac:dyDescent="0.35">
      <c r="A1448" t="s">
        <v>26</v>
      </c>
      <c r="B1448" t="s">
        <v>57</v>
      </c>
      <c r="C1448" t="s">
        <v>109</v>
      </c>
      <c r="D1448" t="s">
        <v>110</v>
      </c>
      <c r="E1448" s="4">
        <v>45323</v>
      </c>
      <c r="G1448" t="s">
        <v>14</v>
      </c>
      <c r="H1448" t="s">
        <v>14</v>
      </c>
      <c r="I1448" t="s">
        <v>15</v>
      </c>
      <c r="J1448" s="10">
        <v>318</v>
      </c>
    </row>
    <row r="1449" spans="1:10" x14ac:dyDescent="0.35">
      <c r="A1449" t="s">
        <v>33</v>
      </c>
      <c r="B1449" t="s">
        <v>82</v>
      </c>
      <c r="C1449" t="s">
        <v>109</v>
      </c>
      <c r="D1449" t="s">
        <v>110</v>
      </c>
      <c r="E1449" s="4">
        <v>45323</v>
      </c>
      <c r="G1449" t="s">
        <v>14</v>
      </c>
      <c r="H1449" t="s">
        <v>14</v>
      </c>
      <c r="I1449" t="s">
        <v>15</v>
      </c>
      <c r="J1449" s="10">
        <v>612</v>
      </c>
    </row>
    <row r="1450" spans="1:10" x14ac:dyDescent="0.35">
      <c r="A1450" t="s">
        <v>26</v>
      </c>
      <c r="B1450" t="s">
        <v>83</v>
      </c>
      <c r="C1450" t="s">
        <v>109</v>
      </c>
      <c r="D1450" t="s">
        <v>110</v>
      </c>
      <c r="E1450" s="4">
        <v>45323</v>
      </c>
      <c r="G1450" t="s">
        <v>14</v>
      </c>
      <c r="H1450" t="s">
        <v>14</v>
      </c>
      <c r="I1450" t="s">
        <v>15</v>
      </c>
      <c r="J1450" s="10">
        <v>230</v>
      </c>
    </row>
    <row r="1451" spans="1:10" x14ac:dyDescent="0.35">
      <c r="A1451" t="s">
        <v>35</v>
      </c>
      <c r="B1451" t="s">
        <v>84</v>
      </c>
      <c r="C1451" t="s">
        <v>109</v>
      </c>
      <c r="D1451" t="s">
        <v>110</v>
      </c>
      <c r="E1451" s="4">
        <v>45323</v>
      </c>
      <c r="G1451" t="s">
        <v>14</v>
      </c>
      <c r="H1451" t="s">
        <v>14</v>
      </c>
      <c r="I1451" t="s">
        <v>15</v>
      </c>
      <c r="J1451" s="10">
        <v>1069</v>
      </c>
    </row>
    <row r="1452" spans="1:10" x14ac:dyDescent="0.35">
      <c r="A1452" t="s">
        <v>33</v>
      </c>
      <c r="B1452" t="s">
        <v>85</v>
      </c>
      <c r="C1452" t="s">
        <v>109</v>
      </c>
      <c r="D1452" t="s">
        <v>110</v>
      </c>
      <c r="E1452" s="4">
        <v>45323</v>
      </c>
      <c r="G1452" t="s">
        <v>14</v>
      </c>
      <c r="H1452" t="s">
        <v>14</v>
      </c>
      <c r="I1452" t="s">
        <v>15</v>
      </c>
      <c r="J1452" s="10">
        <v>663</v>
      </c>
    </row>
    <row r="1453" spans="1:10" x14ac:dyDescent="0.35">
      <c r="A1453" t="s">
        <v>33</v>
      </c>
      <c r="B1453" t="s">
        <v>86</v>
      </c>
      <c r="C1453" t="s">
        <v>109</v>
      </c>
      <c r="D1453" t="s">
        <v>110</v>
      </c>
      <c r="E1453" s="4">
        <v>45323</v>
      </c>
      <c r="G1453" t="s">
        <v>14</v>
      </c>
      <c r="H1453" t="s">
        <v>14</v>
      </c>
      <c r="I1453" t="s">
        <v>15</v>
      </c>
      <c r="J1453" s="10">
        <v>644</v>
      </c>
    </row>
    <row r="1454" spans="1:10" x14ac:dyDescent="0.35">
      <c r="A1454" t="s">
        <v>35</v>
      </c>
      <c r="B1454" t="s">
        <v>87</v>
      </c>
      <c r="C1454" t="s">
        <v>109</v>
      </c>
      <c r="D1454" t="s">
        <v>110</v>
      </c>
      <c r="E1454" s="4">
        <v>45323</v>
      </c>
      <c r="G1454" t="s">
        <v>14</v>
      </c>
      <c r="H1454" t="s">
        <v>14</v>
      </c>
      <c r="I1454" t="s">
        <v>15</v>
      </c>
      <c r="J1454" s="10">
        <v>1110</v>
      </c>
    </row>
    <row r="1455" spans="1:10" x14ac:dyDescent="0.35">
      <c r="A1455" t="s">
        <v>35</v>
      </c>
      <c r="B1455" t="s">
        <v>88</v>
      </c>
      <c r="C1455" t="s">
        <v>109</v>
      </c>
      <c r="D1455" t="s">
        <v>110</v>
      </c>
      <c r="E1455" s="4">
        <v>45323</v>
      </c>
      <c r="G1455" t="s">
        <v>14</v>
      </c>
      <c r="H1455" t="s">
        <v>14</v>
      </c>
      <c r="I1455" t="s">
        <v>15</v>
      </c>
      <c r="J1455" s="10">
        <v>1354</v>
      </c>
    </row>
    <row r="1456" spans="1:10" x14ac:dyDescent="0.35">
      <c r="A1456" t="s">
        <v>62</v>
      </c>
      <c r="B1456" t="s">
        <v>89</v>
      </c>
      <c r="C1456" t="s">
        <v>109</v>
      </c>
      <c r="D1456" t="s">
        <v>110</v>
      </c>
      <c r="E1456" s="4">
        <v>45323</v>
      </c>
      <c r="G1456" t="s">
        <v>14</v>
      </c>
      <c r="H1456" t="s">
        <v>14</v>
      </c>
      <c r="I1456" t="s">
        <v>15</v>
      </c>
      <c r="J1456" s="10">
        <v>1786</v>
      </c>
    </row>
    <row r="1457" spans="1:10" x14ac:dyDescent="0.35">
      <c r="A1457" t="s">
        <v>26</v>
      </c>
      <c r="B1457" t="s">
        <v>90</v>
      </c>
      <c r="C1457" t="s">
        <v>109</v>
      </c>
      <c r="D1457" t="s">
        <v>110</v>
      </c>
      <c r="E1457" s="4">
        <v>45323</v>
      </c>
      <c r="G1457" t="s">
        <v>14</v>
      </c>
      <c r="H1457" t="s">
        <v>14</v>
      </c>
      <c r="I1457" t="s">
        <v>15</v>
      </c>
      <c r="J1457" s="10">
        <v>183</v>
      </c>
    </row>
    <row r="1458" spans="1:10" x14ac:dyDescent="0.35">
      <c r="A1458" t="s">
        <v>26</v>
      </c>
      <c r="B1458" t="s">
        <v>91</v>
      </c>
      <c r="C1458" t="s">
        <v>109</v>
      </c>
      <c r="D1458" t="s">
        <v>110</v>
      </c>
      <c r="E1458" s="4">
        <v>45323</v>
      </c>
      <c r="G1458" t="s">
        <v>14</v>
      </c>
      <c r="H1458" t="s">
        <v>14</v>
      </c>
      <c r="I1458" t="s">
        <v>15</v>
      </c>
      <c r="J1458" s="10">
        <v>548</v>
      </c>
    </row>
    <row r="1459" spans="1:10" x14ac:dyDescent="0.35">
      <c r="A1459" t="s">
        <v>33</v>
      </c>
      <c r="B1459" t="s">
        <v>92</v>
      </c>
      <c r="C1459" t="s">
        <v>109</v>
      </c>
      <c r="D1459" t="s">
        <v>110</v>
      </c>
      <c r="E1459" s="4">
        <v>45323</v>
      </c>
      <c r="G1459" t="s">
        <v>14</v>
      </c>
      <c r="H1459" t="s">
        <v>14</v>
      </c>
      <c r="I1459" t="s">
        <v>15</v>
      </c>
      <c r="J1459" s="10">
        <v>945</v>
      </c>
    </row>
    <row r="1460" spans="1:10" x14ac:dyDescent="0.35">
      <c r="A1460" t="s">
        <v>35</v>
      </c>
      <c r="B1460" t="s">
        <v>93</v>
      </c>
      <c r="C1460" t="s">
        <v>109</v>
      </c>
      <c r="D1460" t="s">
        <v>110</v>
      </c>
      <c r="E1460" s="4">
        <v>45323</v>
      </c>
      <c r="G1460" t="s">
        <v>14</v>
      </c>
      <c r="H1460" t="s">
        <v>14</v>
      </c>
      <c r="I1460" t="s">
        <v>15</v>
      </c>
      <c r="J1460" s="10">
        <v>1168</v>
      </c>
    </row>
    <row r="1461" spans="1:10" x14ac:dyDescent="0.35">
      <c r="A1461" t="s">
        <v>20</v>
      </c>
      <c r="B1461" t="s">
        <v>94</v>
      </c>
      <c r="C1461" t="s">
        <v>109</v>
      </c>
      <c r="D1461" t="s">
        <v>110</v>
      </c>
      <c r="E1461" s="4">
        <v>45323</v>
      </c>
      <c r="G1461" t="s">
        <v>14</v>
      </c>
      <c r="H1461" t="s">
        <v>14</v>
      </c>
      <c r="I1461" t="s">
        <v>15</v>
      </c>
      <c r="J1461" s="10">
        <v>1361</v>
      </c>
    </row>
    <row r="1462" spans="1:10" x14ac:dyDescent="0.35">
      <c r="A1462" t="s">
        <v>10</v>
      </c>
      <c r="B1462" t="s">
        <v>11</v>
      </c>
      <c r="C1462" t="s">
        <v>109</v>
      </c>
      <c r="D1462" t="s">
        <v>111</v>
      </c>
      <c r="E1462" s="4">
        <v>45323</v>
      </c>
      <c r="G1462" t="s">
        <v>97</v>
      </c>
      <c r="H1462" t="s">
        <v>14</v>
      </c>
      <c r="I1462" t="s">
        <v>15</v>
      </c>
      <c r="J1462" s="10">
        <v>139</v>
      </c>
    </row>
    <row r="1463" spans="1:10" x14ac:dyDescent="0.35">
      <c r="A1463" t="s">
        <v>10</v>
      </c>
      <c r="B1463" t="s">
        <v>16</v>
      </c>
      <c r="C1463" t="s">
        <v>109</v>
      </c>
      <c r="D1463" t="s">
        <v>111</v>
      </c>
      <c r="E1463" s="4">
        <v>45323</v>
      </c>
      <c r="G1463" t="s">
        <v>97</v>
      </c>
      <c r="H1463" t="s">
        <v>14</v>
      </c>
      <c r="I1463" t="s">
        <v>15</v>
      </c>
      <c r="J1463" s="10">
        <v>266</v>
      </c>
    </row>
    <row r="1464" spans="1:10" x14ac:dyDescent="0.35">
      <c r="A1464" t="s">
        <v>10</v>
      </c>
      <c r="B1464" t="s">
        <v>17</v>
      </c>
      <c r="C1464" t="s">
        <v>109</v>
      </c>
      <c r="D1464" t="s">
        <v>111</v>
      </c>
      <c r="E1464" s="4">
        <v>45323</v>
      </c>
      <c r="G1464" t="s">
        <v>97</v>
      </c>
      <c r="H1464" t="s">
        <v>14</v>
      </c>
      <c r="I1464" t="s">
        <v>15</v>
      </c>
      <c r="J1464" s="10">
        <v>119</v>
      </c>
    </row>
    <row r="1465" spans="1:10" x14ac:dyDescent="0.35">
      <c r="A1465" t="s">
        <v>10</v>
      </c>
      <c r="B1465" t="s">
        <v>18</v>
      </c>
      <c r="C1465" t="s">
        <v>109</v>
      </c>
      <c r="D1465" t="s">
        <v>111</v>
      </c>
      <c r="E1465" s="4">
        <v>45323</v>
      </c>
      <c r="G1465" t="s">
        <v>97</v>
      </c>
      <c r="H1465" t="s">
        <v>14</v>
      </c>
      <c r="I1465" t="s">
        <v>15</v>
      </c>
      <c r="J1465" s="10">
        <v>175</v>
      </c>
    </row>
    <row r="1466" spans="1:10" x14ac:dyDescent="0.35">
      <c r="A1466" t="s">
        <v>10</v>
      </c>
      <c r="B1466" t="s">
        <v>19</v>
      </c>
      <c r="C1466" t="s">
        <v>109</v>
      </c>
      <c r="D1466" t="s">
        <v>111</v>
      </c>
      <c r="E1466" s="4">
        <v>45323</v>
      </c>
      <c r="G1466" t="s">
        <v>97</v>
      </c>
      <c r="H1466" t="s">
        <v>14</v>
      </c>
      <c r="I1466" t="s">
        <v>15</v>
      </c>
      <c r="J1466" s="10">
        <v>124</v>
      </c>
    </row>
    <row r="1467" spans="1:10" x14ac:dyDescent="0.35">
      <c r="A1467" t="s">
        <v>20</v>
      </c>
      <c r="B1467" t="s">
        <v>21</v>
      </c>
      <c r="C1467" t="s">
        <v>109</v>
      </c>
      <c r="D1467" t="s">
        <v>111</v>
      </c>
      <c r="E1467" s="4">
        <v>45323</v>
      </c>
      <c r="G1467" t="s">
        <v>97</v>
      </c>
      <c r="H1467" t="s">
        <v>14</v>
      </c>
      <c r="I1467" t="s">
        <v>15</v>
      </c>
      <c r="J1467" s="10">
        <v>525</v>
      </c>
    </row>
    <row r="1468" spans="1:10" x14ac:dyDescent="0.35">
      <c r="A1468" t="s">
        <v>22</v>
      </c>
      <c r="B1468" t="s">
        <v>23</v>
      </c>
      <c r="C1468" t="s">
        <v>109</v>
      </c>
      <c r="D1468" t="s">
        <v>111</v>
      </c>
      <c r="E1468" s="4">
        <v>45323</v>
      </c>
      <c r="G1468" t="s">
        <v>97</v>
      </c>
      <c r="H1468" t="s">
        <v>14</v>
      </c>
      <c r="I1468" t="s">
        <v>15</v>
      </c>
      <c r="J1468" s="10">
        <v>501</v>
      </c>
    </row>
    <row r="1469" spans="1:10" x14ac:dyDescent="0.35">
      <c r="A1469" t="s">
        <v>10</v>
      </c>
      <c r="B1469" t="s">
        <v>24</v>
      </c>
      <c r="C1469" t="s">
        <v>109</v>
      </c>
      <c r="D1469" t="s">
        <v>111</v>
      </c>
      <c r="E1469" s="4">
        <v>45323</v>
      </c>
      <c r="G1469" t="s">
        <v>97</v>
      </c>
      <c r="H1469" t="s">
        <v>14</v>
      </c>
      <c r="I1469" t="s">
        <v>15</v>
      </c>
      <c r="J1469" s="10">
        <v>237</v>
      </c>
    </row>
    <row r="1470" spans="1:10" x14ac:dyDescent="0.35">
      <c r="A1470" t="s">
        <v>10</v>
      </c>
      <c r="B1470" t="s">
        <v>25</v>
      </c>
      <c r="C1470" t="s">
        <v>109</v>
      </c>
      <c r="D1470" t="s">
        <v>111</v>
      </c>
      <c r="E1470" s="4">
        <v>45323</v>
      </c>
      <c r="G1470" t="s">
        <v>97</v>
      </c>
      <c r="H1470" t="s">
        <v>14</v>
      </c>
      <c r="I1470" t="s">
        <v>15</v>
      </c>
      <c r="J1470" s="10">
        <v>326</v>
      </c>
    </row>
    <row r="1471" spans="1:10" x14ac:dyDescent="0.35">
      <c r="A1471" t="s">
        <v>26</v>
      </c>
      <c r="B1471" t="s">
        <v>27</v>
      </c>
      <c r="C1471" t="s">
        <v>109</v>
      </c>
      <c r="D1471" t="s">
        <v>111</v>
      </c>
      <c r="E1471" s="4">
        <v>45323</v>
      </c>
      <c r="G1471" t="s">
        <v>97</v>
      </c>
      <c r="H1471" t="s">
        <v>14</v>
      </c>
      <c r="I1471" t="s">
        <v>15</v>
      </c>
      <c r="J1471" s="10">
        <v>263</v>
      </c>
    </row>
    <row r="1472" spans="1:10" x14ac:dyDescent="0.35">
      <c r="A1472" t="s">
        <v>28</v>
      </c>
      <c r="B1472" t="s">
        <v>29</v>
      </c>
      <c r="C1472" t="s">
        <v>109</v>
      </c>
      <c r="D1472" t="s">
        <v>111</v>
      </c>
      <c r="E1472" s="4">
        <v>45323</v>
      </c>
      <c r="G1472" t="s">
        <v>97</v>
      </c>
      <c r="H1472" t="s">
        <v>14</v>
      </c>
      <c r="I1472" t="s">
        <v>15</v>
      </c>
      <c r="J1472" s="10">
        <v>386</v>
      </c>
    </row>
    <row r="1473" spans="1:10" x14ac:dyDescent="0.35">
      <c r="A1473" t="s">
        <v>10</v>
      </c>
      <c r="B1473" t="s">
        <v>30</v>
      </c>
      <c r="C1473" t="s">
        <v>109</v>
      </c>
      <c r="D1473" t="s">
        <v>111</v>
      </c>
      <c r="E1473" s="4">
        <v>45323</v>
      </c>
      <c r="G1473" t="s">
        <v>97</v>
      </c>
      <c r="H1473" t="s">
        <v>14</v>
      </c>
      <c r="I1473" t="s">
        <v>15</v>
      </c>
      <c r="J1473" s="10">
        <v>295</v>
      </c>
    </row>
    <row r="1474" spans="1:10" x14ac:dyDescent="0.35">
      <c r="A1474" t="s">
        <v>26</v>
      </c>
      <c r="B1474" t="s">
        <v>31</v>
      </c>
      <c r="C1474" t="s">
        <v>109</v>
      </c>
      <c r="D1474" t="s">
        <v>111</v>
      </c>
      <c r="E1474" s="4">
        <v>45323</v>
      </c>
      <c r="G1474" t="s">
        <v>97</v>
      </c>
      <c r="H1474" t="s">
        <v>14</v>
      </c>
      <c r="I1474" t="s">
        <v>15</v>
      </c>
      <c r="J1474" s="10">
        <v>350</v>
      </c>
    </row>
    <row r="1475" spans="1:10" x14ac:dyDescent="0.35">
      <c r="A1475" t="s">
        <v>28</v>
      </c>
      <c r="B1475" t="s">
        <v>32</v>
      </c>
      <c r="C1475" t="s">
        <v>109</v>
      </c>
      <c r="D1475" t="s">
        <v>111</v>
      </c>
      <c r="E1475" s="4">
        <v>45323</v>
      </c>
      <c r="G1475" t="s">
        <v>97</v>
      </c>
      <c r="H1475" t="s">
        <v>14</v>
      </c>
      <c r="I1475" t="s">
        <v>15</v>
      </c>
      <c r="J1475" s="10">
        <v>655</v>
      </c>
    </row>
    <row r="1476" spans="1:10" x14ac:dyDescent="0.35">
      <c r="A1476" t="s">
        <v>33</v>
      </c>
      <c r="B1476" t="s">
        <v>34</v>
      </c>
      <c r="C1476" t="s">
        <v>109</v>
      </c>
      <c r="D1476" t="s">
        <v>111</v>
      </c>
      <c r="E1476" s="4">
        <v>45323</v>
      </c>
      <c r="G1476" t="s">
        <v>97</v>
      </c>
      <c r="H1476" t="s">
        <v>14</v>
      </c>
      <c r="I1476" t="s">
        <v>15</v>
      </c>
      <c r="J1476" s="10">
        <v>371</v>
      </c>
    </row>
    <row r="1477" spans="1:10" x14ac:dyDescent="0.35">
      <c r="A1477" t="s">
        <v>35</v>
      </c>
      <c r="B1477" t="s">
        <v>36</v>
      </c>
      <c r="C1477" t="s">
        <v>109</v>
      </c>
      <c r="D1477" t="s">
        <v>111</v>
      </c>
      <c r="E1477" s="4">
        <v>45323</v>
      </c>
      <c r="G1477" t="s">
        <v>97</v>
      </c>
      <c r="H1477" t="s">
        <v>14</v>
      </c>
      <c r="I1477" t="s">
        <v>15</v>
      </c>
      <c r="J1477" s="10">
        <v>379</v>
      </c>
    </row>
    <row r="1478" spans="1:10" x14ac:dyDescent="0.35">
      <c r="A1478" t="s">
        <v>28</v>
      </c>
      <c r="B1478" t="s">
        <v>37</v>
      </c>
      <c r="C1478" t="s">
        <v>109</v>
      </c>
      <c r="D1478" t="s">
        <v>111</v>
      </c>
      <c r="E1478" s="4">
        <v>45323</v>
      </c>
      <c r="G1478" t="s">
        <v>97</v>
      </c>
      <c r="H1478" t="s">
        <v>14</v>
      </c>
      <c r="I1478" t="s">
        <v>15</v>
      </c>
      <c r="J1478" s="10">
        <v>387</v>
      </c>
    </row>
    <row r="1479" spans="1:10" x14ac:dyDescent="0.35">
      <c r="A1479" t="s">
        <v>20</v>
      </c>
      <c r="B1479" t="s">
        <v>38</v>
      </c>
      <c r="C1479" t="s">
        <v>109</v>
      </c>
      <c r="D1479" t="s">
        <v>111</v>
      </c>
      <c r="E1479" s="4">
        <v>45323</v>
      </c>
      <c r="G1479" t="s">
        <v>97</v>
      </c>
      <c r="H1479" t="s">
        <v>14</v>
      </c>
      <c r="I1479" t="s">
        <v>15</v>
      </c>
      <c r="J1479" s="10">
        <v>459</v>
      </c>
    </row>
    <row r="1480" spans="1:10" x14ac:dyDescent="0.35">
      <c r="A1480" t="s">
        <v>33</v>
      </c>
      <c r="B1480" t="s">
        <v>39</v>
      </c>
      <c r="C1480" t="s">
        <v>109</v>
      </c>
      <c r="D1480" t="s">
        <v>111</v>
      </c>
      <c r="E1480" s="4">
        <v>45323</v>
      </c>
      <c r="G1480" t="s">
        <v>97</v>
      </c>
      <c r="H1480" t="s">
        <v>14</v>
      </c>
      <c r="I1480" t="s">
        <v>15</v>
      </c>
      <c r="J1480" s="10">
        <v>490</v>
      </c>
    </row>
    <row r="1481" spans="1:10" x14ac:dyDescent="0.35">
      <c r="A1481" t="s">
        <v>20</v>
      </c>
      <c r="B1481" t="s">
        <v>40</v>
      </c>
      <c r="C1481" t="s">
        <v>109</v>
      </c>
      <c r="D1481" t="s">
        <v>111</v>
      </c>
      <c r="E1481" s="4">
        <v>45323</v>
      </c>
      <c r="G1481" t="s">
        <v>97</v>
      </c>
      <c r="H1481" t="s">
        <v>14</v>
      </c>
      <c r="I1481" t="s">
        <v>15</v>
      </c>
      <c r="J1481" s="10">
        <v>334</v>
      </c>
    </row>
    <row r="1482" spans="1:10" x14ac:dyDescent="0.35">
      <c r="A1482" t="s">
        <v>35</v>
      </c>
      <c r="B1482" t="s">
        <v>41</v>
      </c>
      <c r="C1482" t="s">
        <v>109</v>
      </c>
      <c r="D1482" t="s">
        <v>111</v>
      </c>
      <c r="E1482" s="4">
        <v>45323</v>
      </c>
      <c r="G1482" t="s">
        <v>97</v>
      </c>
      <c r="H1482" t="s">
        <v>14</v>
      </c>
      <c r="I1482" t="s">
        <v>15</v>
      </c>
      <c r="J1482" s="10">
        <v>448</v>
      </c>
    </row>
    <row r="1483" spans="1:10" x14ac:dyDescent="0.35">
      <c r="A1483" t="s">
        <v>35</v>
      </c>
      <c r="B1483" t="s">
        <v>42</v>
      </c>
      <c r="C1483" t="s">
        <v>109</v>
      </c>
      <c r="D1483" t="s">
        <v>111</v>
      </c>
      <c r="E1483" s="4">
        <v>45323</v>
      </c>
      <c r="G1483" t="s">
        <v>97</v>
      </c>
      <c r="H1483" t="s">
        <v>14</v>
      </c>
      <c r="I1483" t="s">
        <v>15</v>
      </c>
      <c r="J1483" s="10">
        <v>555</v>
      </c>
    </row>
    <row r="1484" spans="1:10" x14ac:dyDescent="0.35">
      <c r="A1484" t="s">
        <v>35</v>
      </c>
      <c r="B1484" t="s">
        <v>43</v>
      </c>
      <c r="C1484" t="s">
        <v>109</v>
      </c>
      <c r="D1484" t="s">
        <v>111</v>
      </c>
      <c r="E1484" s="4">
        <v>45323</v>
      </c>
      <c r="G1484" t="s">
        <v>97</v>
      </c>
      <c r="H1484" t="s">
        <v>14</v>
      </c>
      <c r="I1484" t="s">
        <v>15</v>
      </c>
      <c r="J1484" s="10">
        <v>394</v>
      </c>
    </row>
    <row r="1485" spans="1:10" x14ac:dyDescent="0.35">
      <c r="A1485" t="s">
        <v>28</v>
      </c>
      <c r="B1485" t="s">
        <v>44</v>
      </c>
      <c r="C1485" t="s">
        <v>109</v>
      </c>
      <c r="D1485" t="s">
        <v>111</v>
      </c>
      <c r="E1485" s="4">
        <v>45323</v>
      </c>
      <c r="G1485" t="s">
        <v>97</v>
      </c>
      <c r="H1485" t="s">
        <v>14</v>
      </c>
      <c r="I1485" t="s">
        <v>15</v>
      </c>
      <c r="J1485" s="10">
        <v>374</v>
      </c>
    </row>
    <row r="1486" spans="1:10" x14ac:dyDescent="0.35">
      <c r="A1486" t="s">
        <v>10</v>
      </c>
      <c r="B1486" t="s">
        <v>45</v>
      </c>
      <c r="C1486" t="s">
        <v>109</v>
      </c>
      <c r="D1486" t="s">
        <v>111</v>
      </c>
      <c r="E1486" s="4">
        <v>45323</v>
      </c>
      <c r="G1486" t="s">
        <v>97</v>
      </c>
      <c r="H1486" t="s">
        <v>14</v>
      </c>
      <c r="I1486" t="s">
        <v>15</v>
      </c>
      <c r="J1486" s="10">
        <v>472</v>
      </c>
    </row>
    <row r="1487" spans="1:10" x14ac:dyDescent="0.35">
      <c r="A1487" t="s">
        <v>10</v>
      </c>
      <c r="B1487" t="s">
        <v>46</v>
      </c>
      <c r="C1487" t="s">
        <v>109</v>
      </c>
      <c r="D1487" t="s">
        <v>111</v>
      </c>
      <c r="E1487" s="4">
        <v>45323</v>
      </c>
      <c r="G1487" t="s">
        <v>97</v>
      </c>
      <c r="H1487" t="s">
        <v>14</v>
      </c>
      <c r="I1487" t="s">
        <v>15</v>
      </c>
      <c r="J1487" s="10">
        <v>448</v>
      </c>
    </row>
    <row r="1488" spans="1:10" x14ac:dyDescent="0.35">
      <c r="A1488" t="s">
        <v>33</v>
      </c>
      <c r="B1488" t="s">
        <v>47</v>
      </c>
      <c r="C1488" t="s">
        <v>109</v>
      </c>
      <c r="D1488" t="s">
        <v>111</v>
      </c>
      <c r="E1488" s="4">
        <v>45323</v>
      </c>
      <c r="G1488" t="s">
        <v>97</v>
      </c>
      <c r="H1488" t="s">
        <v>14</v>
      </c>
      <c r="I1488" t="s">
        <v>15</v>
      </c>
      <c r="J1488" s="10">
        <v>336</v>
      </c>
    </row>
    <row r="1489" spans="1:10" x14ac:dyDescent="0.35">
      <c r="A1489" t="s">
        <v>20</v>
      </c>
      <c r="B1489" t="s">
        <v>48</v>
      </c>
      <c r="C1489" t="s">
        <v>109</v>
      </c>
      <c r="D1489" t="s">
        <v>111</v>
      </c>
      <c r="E1489" s="4">
        <v>45323</v>
      </c>
      <c r="G1489" t="s">
        <v>97</v>
      </c>
      <c r="H1489" t="s">
        <v>14</v>
      </c>
      <c r="I1489" t="s">
        <v>15</v>
      </c>
      <c r="J1489" s="10">
        <v>342</v>
      </c>
    </row>
    <row r="1490" spans="1:10" x14ac:dyDescent="0.35">
      <c r="A1490" t="s">
        <v>28</v>
      </c>
      <c r="B1490" t="s">
        <v>49</v>
      </c>
      <c r="C1490" t="s">
        <v>109</v>
      </c>
      <c r="D1490" t="s">
        <v>111</v>
      </c>
      <c r="E1490" s="4">
        <v>45323</v>
      </c>
      <c r="G1490" t="s">
        <v>97</v>
      </c>
      <c r="H1490" t="s">
        <v>14</v>
      </c>
      <c r="I1490" t="s">
        <v>15</v>
      </c>
      <c r="J1490" s="10">
        <v>284</v>
      </c>
    </row>
    <row r="1491" spans="1:10" x14ac:dyDescent="0.35">
      <c r="A1491" t="s">
        <v>35</v>
      </c>
      <c r="B1491" t="s">
        <v>50</v>
      </c>
      <c r="C1491" t="s">
        <v>109</v>
      </c>
      <c r="D1491" t="s">
        <v>111</v>
      </c>
      <c r="E1491" s="4">
        <v>45323</v>
      </c>
      <c r="G1491" t="s">
        <v>97</v>
      </c>
      <c r="H1491" t="s">
        <v>14</v>
      </c>
      <c r="I1491" t="s">
        <v>15</v>
      </c>
      <c r="J1491" s="10">
        <v>149</v>
      </c>
    </row>
    <row r="1492" spans="1:10" x14ac:dyDescent="0.35">
      <c r="A1492" t="s">
        <v>22</v>
      </c>
      <c r="B1492" t="s">
        <v>51</v>
      </c>
      <c r="C1492" t="s">
        <v>109</v>
      </c>
      <c r="D1492" t="s">
        <v>111</v>
      </c>
      <c r="E1492" s="4">
        <v>45323</v>
      </c>
      <c r="G1492" t="s">
        <v>97</v>
      </c>
      <c r="H1492" t="s">
        <v>14</v>
      </c>
      <c r="I1492" t="s">
        <v>15</v>
      </c>
      <c r="J1492" s="10">
        <v>111</v>
      </c>
    </row>
    <row r="1493" spans="1:10" x14ac:dyDescent="0.35">
      <c r="A1493" t="s">
        <v>22</v>
      </c>
      <c r="B1493" t="s">
        <v>52</v>
      </c>
      <c r="C1493" t="s">
        <v>109</v>
      </c>
      <c r="D1493" t="s">
        <v>111</v>
      </c>
      <c r="E1493" s="4">
        <v>45323</v>
      </c>
      <c r="G1493" t="s">
        <v>97</v>
      </c>
      <c r="H1493" t="s">
        <v>14</v>
      </c>
      <c r="I1493" t="s">
        <v>15</v>
      </c>
      <c r="J1493" s="10">
        <v>438</v>
      </c>
    </row>
    <row r="1494" spans="1:10" x14ac:dyDescent="0.35">
      <c r="A1494" t="s">
        <v>22</v>
      </c>
      <c r="B1494" t="s">
        <v>53</v>
      </c>
      <c r="C1494" t="s">
        <v>109</v>
      </c>
      <c r="D1494" t="s">
        <v>111</v>
      </c>
      <c r="E1494" s="4">
        <v>45323</v>
      </c>
      <c r="G1494" t="s">
        <v>97</v>
      </c>
      <c r="H1494" t="s">
        <v>14</v>
      </c>
      <c r="I1494" t="s">
        <v>15</v>
      </c>
      <c r="J1494" s="10">
        <v>257</v>
      </c>
    </row>
    <row r="1495" spans="1:10" x14ac:dyDescent="0.35">
      <c r="A1495" t="s">
        <v>22</v>
      </c>
      <c r="B1495" t="s">
        <v>54</v>
      </c>
      <c r="C1495" t="s">
        <v>109</v>
      </c>
      <c r="D1495" t="s">
        <v>111</v>
      </c>
      <c r="E1495" s="4">
        <v>45323</v>
      </c>
      <c r="G1495" t="s">
        <v>97</v>
      </c>
      <c r="H1495" t="s">
        <v>14</v>
      </c>
      <c r="I1495" t="s">
        <v>15</v>
      </c>
      <c r="J1495" s="10">
        <v>268</v>
      </c>
    </row>
    <row r="1496" spans="1:10" x14ac:dyDescent="0.35">
      <c r="A1496" t="s">
        <v>22</v>
      </c>
      <c r="B1496" t="s">
        <v>55</v>
      </c>
      <c r="C1496" t="s">
        <v>109</v>
      </c>
      <c r="D1496" t="s">
        <v>111</v>
      </c>
      <c r="E1496" s="4">
        <v>45323</v>
      </c>
      <c r="G1496" t="s">
        <v>97</v>
      </c>
      <c r="H1496" t="s">
        <v>14</v>
      </c>
      <c r="I1496" t="s">
        <v>15</v>
      </c>
      <c r="J1496" s="10">
        <v>94</v>
      </c>
    </row>
    <row r="1497" spans="1:10" x14ac:dyDescent="0.35">
      <c r="A1497" t="s">
        <v>22</v>
      </c>
      <c r="B1497" t="s">
        <v>56</v>
      </c>
      <c r="C1497" t="s">
        <v>109</v>
      </c>
      <c r="D1497" t="s">
        <v>111</v>
      </c>
      <c r="E1497" s="4">
        <v>45323</v>
      </c>
      <c r="G1497" t="s">
        <v>97</v>
      </c>
      <c r="H1497" t="s">
        <v>14</v>
      </c>
      <c r="I1497" t="s">
        <v>15</v>
      </c>
      <c r="J1497" s="10">
        <v>222</v>
      </c>
    </row>
    <row r="1498" spans="1:10" x14ac:dyDescent="0.35">
      <c r="A1498" t="s">
        <v>28</v>
      </c>
      <c r="B1498" t="s">
        <v>58</v>
      </c>
      <c r="C1498" t="s">
        <v>109</v>
      </c>
      <c r="D1498" t="s">
        <v>111</v>
      </c>
      <c r="E1498" s="4">
        <v>45323</v>
      </c>
      <c r="G1498" t="s">
        <v>97</v>
      </c>
      <c r="H1498" t="s">
        <v>14</v>
      </c>
      <c r="I1498" t="s">
        <v>15</v>
      </c>
      <c r="J1498" s="10">
        <v>309</v>
      </c>
    </row>
    <row r="1499" spans="1:10" x14ac:dyDescent="0.35">
      <c r="A1499" t="s">
        <v>20</v>
      </c>
      <c r="B1499" t="s">
        <v>59</v>
      </c>
      <c r="C1499" t="s">
        <v>109</v>
      </c>
      <c r="D1499" t="s">
        <v>111</v>
      </c>
      <c r="E1499" s="4">
        <v>45323</v>
      </c>
      <c r="G1499" t="s">
        <v>97</v>
      </c>
      <c r="H1499" t="s">
        <v>14</v>
      </c>
      <c r="I1499" t="s">
        <v>15</v>
      </c>
      <c r="J1499" s="10">
        <v>410</v>
      </c>
    </row>
    <row r="1500" spans="1:10" x14ac:dyDescent="0.35">
      <c r="A1500" t="s">
        <v>20</v>
      </c>
      <c r="B1500" t="s">
        <v>60</v>
      </c>
      <c r="C1500" t="s">
        <v>109</v>
      </c>
      <c r="D1500" t="s">
        <v>111</v>
      </c>
      <c r="E1500" s="4">
        <v>45323</v>
      </c>
      <c r="G1500" t="s">
        <v>97</v>
      </c>
      <c r="H1500" t="s">
        <v>14</v>
      </c>
      <c r="I1500" t="s">
        <v>15</v>
      </c>
      <c r="J1500" s="10">
        <v>394</v>
      </c>
    </row>
    <row r="1501" spans="1:10" x14ac:dyDescent="0.35">
      <c r="A1501" t="s">
        <v>28</v>
      </c>
      <c r="B1501" t="s">
        <v>61</v>
      </c>
      <c r="C1501" t="s">
        <v>109</v>
      </c>
      <c r="D1501" t="s">
        <v>111</v>
      </c>
      <c r="E1501" s="4">
        <v>45323</v>
      </c>
      <c r="G1501" t="s">
        <v>97</v>
      </c>
      <c r="H1501" t="s">
        <v>14</v>
      </c>
      <c r="I1501" t="s">
        <v>15</v>
      </c>
      <c r="J1501" s="10">
        <v>523</v>
      </c>
    </row>
    <row r="1502" spans="1:10" x14ac:dyDescent="0.35">
      <c r="A1502" t="s">
        <v>62</v>
      </c>
      <c r="B1502" t="s">
        <v>63</v>
      </c>
      <c r="C1502" t="s">
        <v>109</v>
      </c>
      <c r="D1502" t="s">
        <v>111</v>
      </c>
      <c r="E1502" s="4">
        <v>45323</v>
      </c>
      <c r="G1502" t="s">
        <v>97</v>
      </c>
      <c r="H1502" t="s">
        <v>14</v>
      </c>
      <c r="I1502" t="s">
        <v>15</v>
      </c>
      <c r="J1502" s="10">
        <v>648</v>
      </c>
    </row>
    <row r="1503" spans="1:10" x14ac:dyDescent="0.35">
      <c r="A1503" t="s">
        <v>62</v>
      </c>
      <c r="B1503" t="s">
        <v>64</v>
      </c>
      <c r="C1503" t="s">
        <v>109</v>
      </c>
      <c r="D1503" t="s">
        <v>111</v>
      </c>
      <c r="E1503" s="4">
        <v>45323</v>
      </c>
      <c r="G1503" t="s">
        <v>97</v>
      </c>
      <c r="H1503" t="s">
        <v>14</v>
      </c>
      <c r="I1503" t="s">
        <v>15</v>
      </c>
      <c r="J1503" s="10">
        <v>501</v>
      </c>
    </row>
    <row r="1504" spans="1:10" x14ac:dyDescent="0.35">
      <c r="A1504" t="s">
        <v>62</v>
      </c>
      <c r="B1504" t="s">
        <v>65</v>
      </c>
      <c r="C1504" t="s">
        <v>109</v>
      </c>
      <c r="D1504" t="s">
        <v>111</v>
      </c>
      <c r="E1504" s="4">
        <v>45323</v>
      </c>
      <c r="G1504" t="s">
        <v>97</v>
      </c>
      <c r="H1504" t="s">
        <v>14</v>
      </c>
      <c r="I1504" t="s">
        <v>15</v>
      </c>
      <c r="J1504" s="10">
        <v>249</v>
      </c>
    </row>
    <row r="1505" spans="1:10" x14ac:dyDescent="0.35">
      <c r="A1505" t="s">
        <v>62</v>
      </c>
      <c r="B1505" t="s">
        <v>66</v>
      </c>
      <c r="C1505" t="s">
        <v>109</v>
      </c>
      <c r="D1505" t="s">
        <v>111</v>
      </c>
      <c r="E1505" s="4">
        <v>45323</v>
      </c>
      <c r="G1505" t="s">
        <v>97</v>
      </c>
      <c r="H1505" t="s">
        <v>14</v>
      </c>
      <c r="I1505" t="s">
        <v>15</v>
      </c>
      <c r="J1505" s="10">
        <v>604</v>
      </c>
    </row>
    <row r="1506" spans="1:10" x14ac:dyDescent="0.35">
      <c r="A1506" t="s">
        <v>62</v>
      </c>
      <c r="B1506" t="s">
        <v>67</v>
      </c>
      <c r="C1506" t="s">
        <v>109</v>
      </c>
      <c r="D1506" t="s">
        <v>111</v>
      </c>
      <c r="E1506" s="4">
        <v>45323</v>
      </c>
      <c r="G1506" t="s">
        <v>97</v>
      </c>
      <c r="H1506" t="s">
        <v>14</v>
      </c>
      <c r="I1506" t="s">
        <v>15</v>
      </c>
      <c r="J1506" s="10">
        <v>759</v>
      </c>
    </row>
    <row r="1507" spans="1:10" x14ac:dyDescent="0.35">
      <c r="A1507" t="s">
        <v>62</v>
      </c>
      <c r="B1507" t="s">
        <v>68</v>
      </c>
      <c r="C1507" t="s">
        <v>109</v>
      </c>
      <c r="D1507" t="s">
        <v>111</v>
      </c>
      <c r="E1507" s="4">
        <v>45323</v>
      </c>
      <c r="G1507" t="s">
        <v>97</v>
      </c>
      <c r="H1507" t="s">
        <v>14</v>
      </c>
      <c r="I1507" t="s">
        <v>15</v>
      </c>
      <c r="J1507" s="10">
        <v>653</v>
      </c>
    </row>
    <row r="1508" spans="1:10" x14ac:dyDescent="0.35">
      <c r="A1508" t="s">
        <v>62</v>
      </c>
      <c r="B1508" t="s">
        <v>69</v>
      </c>
      <c r="C1508" t="s">
        <v>109</v>
      </c>
      <c r="D1508" t="s">
        <v>111</v>
      </c>
      <c r="E1508" s="4">
        <v>45323</v>
      </c>
      <c r="G1508" t="s">
        <v>97</v>
      </c>
      <c r="H1508" t="s">
        <v>14</v>
      </c>
      <c r="I1508" t="s">
        <v>15</v>
      </c>
      <c r="J1508" s="10">
        <v>593</v>
      </c>
    </row>
    <row r="1509" spans="1:10" x14ac:dyDescent="0.35">
      <c r="A1509" t="s">
        <v>62</v>
      </c>
      <c r="B1509" t="s">
        <v>70</v>
      </c>
      <c r="C1509" t="s">
        <v>109</v>
      </c>
      <c r="D1509" t="s">
        <v>111</v>
      </c>
      <c r="E1509" s="4">
        <v>45323</v>
      </c>
      <c r="G1509" t="s">
        <v>97</v>
      </c>
      <c r="H1509" t="s">
        <v>14</v>
      </c>
      <c r="I1509" t="s">
        <v>15</v>
      </c>
      <c r="J1509" s="10">
        <v>518</v>
      </c>
    </row>
    <row r="1510" spans="1:10" x14ac:dyDescent="0.35">
      <c r="A1510" t="s">
        <v>35</v>
      </c>
      <c r="B1510" t="s">
        <v>71</v>
      </c>
      <c r="C1510" t="s">
        <v>109</v>
      </c>
      <c r="D1510" t="s">
        <v>111</v>
      </c>
      <c r="E1510" s="4">
        <v>45323</v>
      </c>
      <c r="G1510" t="s">
        <v>97</v>
      </c>
      <c r="H1510" t="s">
        <v>14</v>
      </c>
      <c r="I1510" t="s">
        <v>15</v>
      </c>
      <c r="J1510" s="10">
        <v>542</v>
      </c>
    </row>
    <row r="1511" spans="1:10" x14ac:dyDescent="0.35">
      <c r="A1511" t="s">
        <v>20</v>
      </c>
      <c r="B1511" t="s">
        <v>72</v>
      </c>
      <c r="C1511" t="s">
        <v>109</v>
      </c>
      <c r="D1511" t="s">
        <v>111</v>
      </c>
      <c r="E1511" s="4">
        <v>45323</v>
      </c>
      <c r="G1511" t="s">
        <v>97</v>
      </c>
      <c r="H1511" t="s">
        <v>14</v>
      </c>
      <c r="I1511" t="s">
        <v>15</v>
      </c>
      <c r="J1511" s="10">
        <v>470</v>
      </c>
    </row>
    <row r="1512" spans="1:10" x14ac:dyDescent="0.35">
      <c r="A1512" t="s">
        <v>26</v>
      </c>
      <c r="B1512" t="s">
        <v>73</v>
      </c>
      <c r="C1512" t="s">
        <v>109</v>
      </c>
      <c r="D1512" t="s">
        <v>111</v>
      </c>
      <c r="E1512" s="4">
        <v>45323</v>
      </c>
      <c r="G1512" t="s">
        <v>97</v>
      </c>
      <c r="H1512" t="s">
        <v>14</v>
      </c>
      <c r="I1512" t="s">
        <v>15</v>
      </c>
      <c r="J1512" s="10">
        <v>296</v>
      </c>
    </row>
    <row r="1513" spans="1:10" x14ac:dyDescent="0.35">
      <c r="A1513" t="s">
        <v>28</v>
      </c>
      <c r="B1513" t="s">
        <v>74</v>
      </c>
      <c r="C1513" t="s">
        <v>109</v>
      </c>
      <c r="D1513" t="s">
        <v>111</v>
      </c>
      <c r="E1513" s="4">
        <v>45323</v>
      </c>
      <c r="G1513" t="s">
        <v>97</v>
      </c>
      <c r="H1513" t="s">
        <v>14</v>
      </c>
      <c r="I1513" t="s">
        <v>15</v>
      </c>
      <c r="J1513" s="10">
        <v>539</v>
      </c>
    </row>
    <row r="1514" spans="1:10" x14ac:dyDescent="0.35">
      <c r="A1514" t="s">
        <v>33</v>
      </c>
      <c r="B1514" t="s">
        <v>75</v>
      </c>
      <c r="C1514" t="s">
        <v>109</v>
      </c>
      <c r="D1514" t="s">
        <v>111</v>
      </c>
      <c r="E1514" s="4">
        <v>45323</v>
      </c>
      <c r="G1514" t="s">
        <v>97</v>
      </c>
      <c r="H1514" t="s">
        <v>14</v>
      </c>
      <c r="I1514" t="s">
        <v>15</v>
      </c>
      <c r="J1514" s="10">
        <v>602</v>
      </c>
    </row>
    <row r="1515" spans="1:10" x14ac:dyDescent="0.35">
      <c r="A1515" t="s">
        <v>22</v>
      </c>
      <c r="B1515" t="s">
        <v>76</v>
      </c>
      <c r="C1515" t="s">
        <v>109</v>
      </c>
      <c r="D1515" t="s">
        <v>111</v>
      </c>
      <c r="E1515" s="4">
        <v>45323</v>
      </c>
      <c r="G1515" t="s">
        <v>97</v>
      </c>
      <c r="H1515" t="s">
        <v>14</v>
      </c>
      <c r="I1515" t="s">
        <v>15</v>
      </c>
      <c r="J1515" s="10">
        <v>510</v>
      </c>
    </row>
    <row r="1516" spans="1:10" x14ac:dyDescent="0.35">
      <c r="A1516" t="s">
        <v>33</v>
      </c>
      <c r="B1516" t="s">
        <v>77</v>
      </c>
      <c r="C1516" t="s">
        <v>109</v>
      </c>
      <c r="D1516" t="s">
        <v>111</v>
      </c>
      <c r="E1516" s="4">
        <v>45323</v>
      </c>
      <c r="G1516" t="s">
        <v>97</v>
      </c>
      <c r="H1516" t="s">
        <v>14</v>
      </c>
      <c r="I1516" t="s">
        <v>15</v>
      </c>
      <c r="J1516" s="10">
        <v>502</v>
      </c>
    </row>
    <row r="1517" spans="1:10" x14ac:dyDescent="0.35">
      <c r="A1517" t="s">
        <v>22</v>
      </c>
      <c r="B1517" t="s">
        <v>78</v>
      </c>
      <c r="C1517" t="s">
        <v>109</v>
      </c>
      <c r="D1517" t="s">
        <v>111</v>
      </c>
      <c r="E1517" s="4">
        <v>45323</v>
      </c>
      <c r="G1517" t="s">
        <v>97</v>
      </c>
      <c r="H1517" t="s">
        <v>14</v>
      </c>
      <c r="I1517" t="s">
        <v>15</v>
      </c>
      <c r="J1517" s="10">
        <v>382</v>
      </c>
    </row>
    <row r="1518" spans="1:10" x14ac:dyDescent="0.35">
      <c r="A1518" t="s">
        <v>28</v>
      </c>
      <c r="B1518" t="s">
        <v>79</v>
      </c>
      <c r="C1518" t="s">
        <v>109</v>
      </c>
      <c r="D1518" t="s">
        <v>111</v>
      </c>
      <c r="E1518" s="4">
        <v>45323</v>
      </c>
      <c r="G1518" t="s">
        <v>97</v>
      </c>
      <c r="H1518" t="s">
        <v>14</v>
      </c>
      <c r="I1518" t="s">
        <v>15</v>
      </c>
      <c r="J1518" s="10">
        <v>293</v>
      </c>
    </row>
    <row r="1519" spans="1:10" x14ac:dyDescent="0.35">
      <c r="A1519" t="s">
        <v>26</v>
      </c>
      <c r="B1519" t="s">
        <v>80</v>
      </c>
      <c r="C1519" t="s">
        <v>109</v>
      </c>
      <c r="D1519" t="s">
        <v>111</v>
      </c>
      <c r="E1519" s="4">
        <v>45323</v>
      </c>
      <c r="G1519" t="s">
        <v>97</v>
      </c>
      <c r="H1519" t="s">
        <v>14</v>
      </c>
      <c r="I1519" t="s">
        <v>15</v>
      </c>
      <c r="J1519" s="10">
        <v>236</v>
      </c>
    </row>
    <row r="1520" spans="1:10" x14ac:dyDescent="0.35">
      <c r="A1520" t="s">
        <v>20</v>
      </c>
      <c r="B1520" t="s">
        <v>81</v>
      </c>
      <c r="C1520" t="s">
        <v>109</v>
      </c>
      <c r="D1520" t="s">
        <v>111</v>
      </c>
      <c r="E1520" s="4">
        <v>45323</v>
      </c>
      <c r="G1520" t="s">
        <v>97</v>
      </c>
      <c r="H1520" t="s">
        <v>14</v>
      </c>
      <c r="I1520" t="s">
        <v>15</v>
      </c>
      <c r="J1520" s="10">
        <v>529</v>
      </c>
    </row>
    <row r="1521" spans="1:10" x14ac:dyDescent="0.35">
      <c r="A1521" t="s">
        <v>26</v>
      </c>
      <c r="B1521" t="s">
        <v>57</v>
      </c>
      <c r="C1521" t="s">
        <v>109</v>
      </c>
      <c r="D1521" t="s">
        <v>111</v>
      </c>
      <c r="E1521" s="4">
        <v>45323</v>
      </c>
      <c r="G1521" t="s">
        <v>97</v>
      </c>
      <c r="H1521" t="s">
        <v>14</v>
      </c>
      <c r="I1521" t="s">
        <v>15</v>
      </c>
      <c r="J1521" s="10">
        <v>67</v>
      </c>
    </row>
    <row r="1522" spans="1:10" x14ac:dyDescent="0.35">
      <c r="A1522" t="s">
        <v>33</v>
      </c>
      <c r="B1522" t="s">
        <v>82</v>
      </c>
      <c r="C1522" t="s">
        <v>109</v>
      </c>
      <c r="D1522" t="s">
        <v>111</v>
      </c>
      <c r="E1522" s="4">
        <v>45323</v>
      </c>
      <c r="G1522" t="s">
        <v>97</v>
      </c>
      <c r="H1522" t="s">
        <v>14</v>
      </c>
      <c r="I1522" t="s">
        <v>15</v>
      </c>
      <c r="J1522" s="10">
        <v>255</v>
      </c>
    </row>
    <row r="1523" spans="1:10" x14ac:dyDescent="0.35">
      <c r="A1523" t="s">
        <v>26</v>
      </c>
      <c r="B1523" t="s">
        <v>83</v>
      </c>
      <c r="C1523" t="s">
        <v>109</v>
      </c>
      <c r="D1523" t="s">
        <v>111</v>
      </c>
      <c r="E1523" s="4">
        <v>45323</v>
      </c>
      <c r="G1523" t="s">
        <v>97</v>
      </c>
      <c r="H1523" t="s">
        <v>14</v>
      </c>
      <c r="I1523" t="s">
        <v>15</v>
      </c>
      <c r="J1523" s="10">
        <v>67</v>
      </c>
    </row>
    <row r="1524" spans="1:10" x14ac:dyDescent="0.35">
      <c r="A1524" t="s">
        <v>35</v>
      </c>
      <c r="B1524" t="s">
        <v>84</v>
      </c>
      <c r="C1524" t="s">
        <v>109</v>
      </c>
      <c r="D1524" t="s">
        <v>111</v>
      </c>
      <c r="E1524" s="4">
        <v>45323</v>
      </c>
      <c r="G1524" t="s">
        <v>97</v>
      </c>
      <c r="H1524" t="s">
        <v>14</v>
      </c>
      <c r="I1524" t="s">
        <v>15</v>
      </c>
      <c r="J1524" s="10">
        <v>364</v>
      </c>
    </row>
    <row r="1525" spans="1:10" x14ac:dyDescent="0.35">
      <c r="A1525" t="s">
        <v>33</v>
      </c>
      <c r="B1525" t="s">
        <v>85</v>
      </c>
      <c r="C1525" t="s">
        <v>109</v>
      </c>
      <c r="D1525" t="s">
        <v>111</v>
      </c>
      <c r="E1525" s="4">
        <v>45323</v>
      </c>
      <c r="G1525" t="s">
        <v>97</v>
      </c>
      <c r="H1525" t="s">
        <v>14</v>
      </c>
      <c r="I1525" t="s">
        <v>15</v>
      </c>
      <c r="J1525" s="10">
        <v>260</v>
      </c>
    </row>
    <row r="1526" spans="1:10" ht="17.25" customHeight="1" x14ac:dyDescent="0.35">
      <c r="A1526" t="s">
        <v>33</v>
      </c>
      <c r="B1526" t="s">
        <v>86</v>
      </c>
      <c r="C1526" t="s">
        <v>109</v>
      </c>
      <c r="D1526" t="s">
        <v>111</v>
      </c>
      <c r="E1526" s="4">
        <v>45323</v>
      </c>
      <c r="G1526" t="s">
        <v>97</v>
      </c>
      <c r="H1526" t="s">
        <v>14</v>
      </c>
      <c r="I1526" t="s">
        <v>15</v>
      </c>
      <c r="J1526" s="10">
        <v>256</v>
      </c>
    </row>
    <row r="1527" spans="1:10" x14ac:dyDescent="0.35">
      <c r="A1527" t="s">
        <v>35</v>
      </c>
      <c r="B1527" t="s">
        <v>87</v>
      </c>
      <c r="C1527" t="s">
        <v>109</v>
      </c>
      <c r="D1527" t="s">
        <v>111</v>
      </c>
      <c r="E1527" s="4">
        <v>45323</v>
      </c>
      <c r="G1527" t="s">
        <v>97</v>
      </c>
      <c r="H1527" t="s">
        <v>14</v>
      </c>
      <c r="I1527" t="s">
        <v>15</v>
      </c>
      <c r="J1527" s="10">
        <v>237</v>
      </c>
    </row>
    <row r="1528" spans="1:10" x14ac:dyDescent="0.35">
      <c r="A1528" t="s">
        <v>35</v>
      </c>
      <c r="B1528" t="s">
        <v>88</v>
      </c>
      <c r="C1528" t="s">
        <v>109</v>
      </c>
      <c r="D1528" t="s">
        <v>111</v>
      </c>
      <c r="E1528" s="4">
        <v>45323</v>
      </c>
      <c r="G1528" t="s">
        <v>97</v>
      </c>
      <c r="H1528" t="s">
        <v>14</v>
      </c>
      <c r="I1528" t="s">
        <v>15</v>
      </c>
      <c r="J1528" s="10">
        <v>410</v>
      </c>
    </row>
    <row r="1529" spans="1:10" x14ac:dyDescent="0.35">
      <c r="A1529" t="s">
        <v>62</v>
      </c>
      <c r="B1529" t="s">
        <v>89</v>
      </c>
      <c r="C1529" t="s">
        <v>109</v>
      </c>
      <c r="D1529" t="s">
        <v>111</v>
      </c>
      <c r="E1529" s="4">
        <v>45323</v>
      </c>
      <c r="G1529" t="s">
        <v>97</v>
      </c>
      <c r="H1529" t="s">
        <v>14</v>
      </c>
      <c r="I1529" t="s">
        <v>15</v>
      </c>
      <c r="J1529" s="10">
        <v>483</v>
      </c>
    </row>
    <row r="1530" spans="1:10" x14ac:dyDescent="0.35">
      <c r="A1530" t="s">
        <v>26</v>
      </c>
      <c r="B1530" t="s">
        <v>90</v>
      </c>
      <c r="C1530" t="s">
        <v>109</v>
      </c>
      <c r="D1530" t="s">
        <v>111</v>
      </c>
      <c r="E1530" s="4">
        <v>45323</v>
      </c>
      <c r="G1530" t="s">
        <v>97</v>
      </c>
      <c r="H1530" t="s">
        <v>14</v>
      </c>
      <c r="I1530" t="s">
        <v>15</v>
      </c>
      <c r="J1530" s="10">
        <v>43</v>
      </c>
    </row>
    <row r="1531" spans="1:10" x14ac:dyDescent="0.35">
      <c r="A1531" t="s">
        <v>26</v>
      </c>
      <c r="B1531" t="s">
        <v>91</v>
      </c>
      <c r="C1531" t="s">
        <v>109</v>
      </c>
      <c r="D1531" t="s">
        <v>111</v>
      </c>
      <c r="E1531" s="4">
        <v>45323</v>
      </c>
      <c r="G1531" t="s">
        <v>97</v>
      </c>
      <c r="H1531" t="s">
        <v>14</v>
      </c>
      <c r="I1531" t="s">
        <v>15</v>
      </c>
      <c r="J1531" s="10">
        <v>205</v>
      </c>
    </row>
    <row r="1532" spans="1:10" x14ac:dyDescent="0.35">
      <c r="A1532" t="s">
        <v>33</v>
      </c>
      <c r="B1532" t="s">
        <v>92</v>
      </c>
      <c r="C1532" t="s">
        <v>109</v>
      </c>
      <c r="D1532" t="s">
        <v>111</v>
      </c>
      <c r="E1532" s="4">
        <v>45323</v>
      </c>
      <c r="G1532" t="s">
        <v>97</v>
      </c>
      <c r="H1532" t="s">
        <v>14</v>
      </c>
      <c r="I1532" t="s">
        <v>15</v>
      </c>
      <c r="J1532" s="10">
        <v>319</v>
      </c>
    </row>
    <row r="1533" spans="1:10" x14ac:dyDescent="0.35">
      <c r="A1533" t="s">
        <v>35</v>
      </c>
      <c r="B1533" t="s">
        <v>93</v>
      </c>
      <c r="C1533" t="s">
        <v>109</v>
      </c>
      <c r="D1533" t="s">
        <v>111</v>
      </c>
      <c r="E1533" s="4">
        <v>45323</v>
      </c>
      <c r="G1533" t="s">
        <v>97</v>
      </c>
      <c r="H1533" t="s">
        <v>14</v>
      </c>
      <c r="I1533" t="s">
        <v>15</v>
      </c>
      <c r="J1533" s="10">
        <v>302</v>
      </c>
    </row>
    <row r="1534" spans="1:10" x14ac:dyDescent="0.35">
      <c r="A1534" t="s">
        <v>20</v>
      </c>
      <c r="B1534" t="s">
        <v>94</v>
      </c>
      <c r="C1534" t="s">
        <v>109</v>
      </c>
      <c r="D1534" t="s">
        <v>111</v>
      </c>
      <c r="E1534" s="4">
        <v>45323</v>
      </c>
      <c r="G1534" t="s">
        <v>97</v>
      </c>
      <c r="H1534" t="s">
        <v>14</v>
      </c>
      <c r="I1534" t="s">
        <v>15</v>
      </c>
      <c r="J1534" s="10">
        <v>522</v>
      </c>
    </row>
    <row r="1535" spans="1:10" x14ac:dyDescent="0.35">
      <c r="A1535" t="s">
        <v>10</v>
      </c>
      <c r="B1535" t="s">
        <v>11</v>
      </c>
      <c r="C1535" t="s">
        <v>109</v>
      </c>
      <c r="D1535" t="s">
        <v>111</v>
      </c>
      <c r="E1535" s="4">
        <v>45323</v>
      </c>
      <c r="G1535" t="s">
        <v>98</v>
      </c>
      <c r="H1535" t="s">
        <v>14</v>
      </c>
      <c r="I1535" t="s">
        <v>15</v>
      </c>
      <c r="J1535" s="10">
        <v>289</v>
      </c>
    </row>
    <row r="1536" spans="1:10" x14ac:dyDescent="0.35">
      <c r="A1536" t="s">
        <v>10</v>
      </c>
      <c r="B1536" t="s">
        <v>16</v>
      </c>
      <c r="C1536" t="s">
        <v>109</v>
      </c>
      <c r="D1536" t="s">
        <v>111</v>
      </c>
      <c r="E1536" s="4">
        <v>45323</v>
      </c>
      <c r="G1536" t="s">
        <v>98</v>
      </c>
      <c r="H1536" t="s">
        <v>14</v>
      </c>
      <c r="I1536" t="s">
        <v>15</v>
      </c>
      <c r="J1536" s="10">
        <v>784</v>
      </c>
    </row>
    <row r="1537" spans="1:10" x14ac:dyDescent="0.35">
      <c r="A1537" t="s">
        <v>10</v>
      </c>
      <c r="B1537" t="s">
        <v>17</v>
      </c>
      <c r="C1537" t="s">
        <v>109</v>
      </c>
      <c r="D1537" t="s">
        <v>111</v>
      </c>
      <c r="E1537" s="4">
        <v>45323</v>
      </c>
      <c r="G1537" t="s">
        <v>98</v>
      </c>
      <c r="H1537" t="s">
        <v>14</v>
      </c>
      <c r="I1537" t="s">
        <v>15</v>
      </c>
      <c r="J1537" s="10">
        <v>395</v>
      </c>
    </row>
    <row r="1538" spans="1:10" x14ac:dyDescent="0.35">
      <c r="A1538" t="s">
        <v>10</v>
      </c>
      <c r="B1538" t="s">
        <v>18</v>
      </c>
      <c r="C1538" t="s">
        <v>109</v>
      </c>
      <c r="D1538" t="s">
        <v>111</v>
      </c>
      <c r="E1538" s="4">
        <v>45323</v>
      </c>
      <c r="G1538" t="s">
        <v>98</v>
      </c>
      <c r="H1538" t="s">
        <v>14</v>
      </c>
      <c r="I1538" t="s">
        <v>15</v>
      </c>
      <c r="J1538" s="10">
        <v>525</v>
      </c>
    </row>
    <row r="1539" spans="1:10" x14ac:dyDescent="0.35">
      <c r="A1539" t="s">
        <v>10</v>
      </c>
      <c r="B1539" t="s">
        <v>19</v>
      </c>
      <c r="C1539" t="s">
        <v>109</v>
      </c>
      <c r="D1539" t="s">
        <v>111</v>
      </c>
      <c r="E1539" s="4">
        <v>45323</v>
      </c>
      <c r="G1539" t="s">
        <v>98</v>
      </c>
      <c r="H1539" t="s">
        <v>14</v>
      </c>
      <c r="I1539" t="s">
        <v>15</v>
      </c>
      <c r="J1539" s="10">
        <v>418</v>
      </c>
    </row>
    <row r="1540" spans="1:10" x14ac:dyDescent="0.35">
      <c r="A1540" t="s">
        <v>20</v>
      </c>
      <c r="B1540" t="s">
        <v>21</v>
      </c>
      <c r="C1540" t="s">
        <v>109</v>
      </c>
      <c r="D1540" t="s">
        <v>111</v>
      </c>
      <c r="E1540" s="4">
        <v>45323</v>
      </c>
      <c r="G1540" t="s">
        <v>98</v>
      </c>
      <c r="H1540" t="s">
        <v>14</v>
      </c>
      <c r="I1540" t="s">
        <v>15</v>
      </c>
      <c r="J1540" s="10">
        <v>1170</v>
      </c>
    </row>
    <row r="1541" spans="1:10" x14ac:dyDescent="0.35">
      <c r="A1541" t="s">
        <v>22</v>
      </c>
      <c r="B1541" t="s">
        <v>23</v>
      </c>
      <c r="C1541" t="s">
        <v>109</v>
      </c>
      <c r="D1541" t="s">
        <v>111</v>
      </c>
      <c r="E1541" s="4">
        <v>45323</v>
      </c>
      <c r="G1541" t="s">
        <v>98</v>
      </c>
      <c r="H1541" t="s">
        <v>14</v>
      </c>
      <c r="I1541" t="s">
        <v>15</v>
      </c>
      <c r="J1541" s="10">
        <v>1205</v>
      </c>
    </row>
    <row r="1542" spans="1:10" x14ac:dyDescent="0.35">
      <c r="A1542" t="s">
        <v>10</v>
      </c>
      <c r="B1542" t="s">
        <v>24</v>
      </c>
      <c r="C1542" t="s">
        <v>109</v>
      </c>
      <c r="D1542" t="s">
        <v>111</v>
      </c>
      <c r="E1542" s="4">
        <v>45323</v>
      </c>
      <c r="G1542" t="s">
        <v>98</v>
      </c>
      <c r="H1542" t="s">
        <v>14</v>
      </c>
      <c r="I1542" t="s">
        <v>15</v>
      </c>
      <c r="J1542" s="10">
        <v>676</v>
      </c>
    </row>
    <row r="1543" spans="1:10" x14ac:dyDescent="0.35">
      <c r="A1543" t="s">
        <v>10</v>
      </c>
      <c r="B1543" t="s">
        <v>25</v>
      </c>
      <c r="C1543" t="s">
        <v>109</v>
      </c>
      <c r="D1543" t="s">
        <v>111</v>
      </c>
      <c r="E1543" s="4">
        <v>45323</v>
      </c>
      <c r="G1543" t="s">
        <v>98</v>
      </c>
      <c r="H1543" t="s">
        <v>14</v>
      </c>
      <c r="I1543" t="s">
        <v>15</v>
      </c>
      <c r="J1543" s="10">
        <v>766</v>
      </c>
    </row>
    <row r="1544" spans="1:10" x14ac:dyDescent="0.35">
      <c r="A1544" t="s">
        <v>26</v>
      </c>
      <c r="B1544" t="s">
        <v>27</v>
      </c>
      <c r="C1544" t="s">
        <v>109</v>
      </c>
      <c r="D1544" t="s">
        <v>111</v>
      </c>
      <c r="E1544" s="4">
        <v>45323</v>
      </c>
      <c r="G1544" t="s">
        <v>98</v>
      </c>
      <c r="H1544" t="s">
        <v>14</v>
      </c>
      <c r="I1544" t="s">
        <v>15</v>
      </c>
      <c r="J1544" s="10">
        <v>556</v>
      </c>
    </row>
    <row r="1545" spans="1:10" x14ac:dyDescent="0.35">
      <c r="A1545" t="s">
        <v>28</v>
      </c>
      <c r="B1545" t="s">
        <v>29</v>
      </c>
      <c r="C1545" t="s">
        <v>109</v>
      </c>
      <c r="D1545" t="s">
        <v>111</v>
      </c>
      <c r="E1545" s="4">
        <v>45323</v>
      </c>
      <c r="G1545" t="s">
        <v>98</v>
      </c>
      <c r="H1545" t="s">
        <v>14</v>
      </c>
      <c r="I1545" t="s">
        <v>15</v>
      </c>
      <c r="J1545" s="10">
        <v>770</v>
      </c>
    </row>
    <row r="1546" spans="1:10" x14ac:dyDescent="0.35">
      <c r="A1546" t="s">
        <v>10</v>
      </c>
      <c r="B1546" t="s">
        <v>30</v>
      </c>
      <c r="C1546" t="s">
        <v>109</v>
      </c>
      <c r="D1546" t="s">
        <v>111</v>
      </c>
      <c r="E1546" s="4">
        <v>45323</v>
      </c>
      <c r="G1546" t="s">
        <v>98</v>
      </c>
      <c r="H1546" t="s">
        <v>14</v>
      </c>
      <c r="I1546" t="s">
        <v>15</v>
      </c>
      <c r="J1546" s="10">
        <v>805</v>
      </c>
    </row>
    <row r="1547" spans="1:10" x14ac:dyDescent="0.35">
      <c r="A1547" t="s">
        <v>26</v>
      </c>
      <c r="B1547" t="s">
        <v>31</v>
      </c>
      <c r="C1547" t="s">
        <v>109</v>
      </c>
      <c r="D1547" t="s">
        <v>111</v>
      </c>
      <c r="E1547" s="4">
        <v>45323</v>
      </c>
      <c r="G1547" t="s">
        <v>98</v>
      </c>
      <c r="H1547" t="s">
        <v>14</v>
      </c>
      <c r="I1547" t="s">
        <v>15</v>
      </c>
      <c r="J1547" s="10">
        <v>820</v>
      </c>
    </row>
    <row r="1548" spans="1:10" x14ac:dyDescent="0.35">
      <c r="A1548" t="s">
        <v>28</v>
      </c>
      <c r="B1548" t="s">
        <v>32</v>
      </c>
      <c r="C1548" t="s">
        <v>109</v>
      </c>
      <c r="D1548" t="s">
        <v>111</v>
      </c>
      <c r="E1548" s="4">
        <v>45323</v>
      </c>
      <c r="G1548" t="s">
        <v>98</v>
      </c>
      <c r="H1548" t="s">
        <v>14</v>
      </c>
      <c r="I1548" t="s">
        <v>15</v>
      </c>
      <c r="J1548" s="10">
        <v>1201</v>
      </c>
    </row>
    <row r="1549" spans="1:10" x14ac:dyDescent="0.35">
      <c r="A1549" t="s">
        <v>33</v>
      </c>
      <c r="B1549" t="s">
        <v>34</v>
      </c>
      <c r="C1549" t="s">
        <v>109</v>
      </c>
      <c r="D1549" t="s">
        <v>111</v>
      </c>
      <c r="E1549" s="4">
        <v>45323</v>
      </c>
      <c r="G1549" t="s">
        <v>98</v>
      </c>
      <c r="H1549" t="s">
        <v>14</v>
      </c>
      <c r="I1549" t="s">
        <v>15</v>
      </c>
      <c r="J1549" s="10">
        <v>823</v>
      </c>
    </row>
    <row r="1550" spans="1:10" x14ac:dyDescent="0.35">
      <c r="A1550" t="s">
        <v>35</v>
      </c>
      <c r="B1550" t="s">
        <v>36</v>
      </c>
      <c r="C1550" t="s">
        <v>109</v>
      </c>
      <c r="D1550" t="s">
        <v>111</v>
      </c>
      <c r="E1550" s="4">
        <v>45323</v>
      </c>
      <c r="G1550" t="s">
        <v>98</v>
      </c>
      <c r="H1550" t="s">
        <v>14</v>
      </c>
      <c r="I1550" t="s">
        <v>15</v>
      </c>
      <c r="J1550" s="10">
        <v>802</v>
      </c>
    </row>
    <row r="1551" spans="1:10" x14ac:dyDescent="0.35">
      <c r="A1551" t="s">
        <v>28</v>
      </c>
      <c r="B1551" t="s">
        <v>37</v>
      </c>
      <c r="C1551" t="s">
        <v>109</v>
      </c>
      <c r="D1551" t="s">
        <v>111</v>
      </c>
      <c r="E1551" s="4">
        <v>45323</v>
      </c>
      <c r="G1551" t="s">
        <v>98</v>
      </c>
      <c r="H1551" t="s">
        <v>14</v>
      </c>
      <c r="I1551" t="s">
        <v>15</v>
      </c>
      <c r="J1551" s="10">
        <v>982</v>
      </c>
    </row>
    <row r="1552" spans="1:10" x14ac:dyDescent="0.35">
      <c r="A1552" t="s">
        <v>20</v>
      </c>
      <c r="B1552" t="s">
        <v>38</v>
      </c>
      <c r="C1552" t="s">
        <v>109</v>
      </c>
      <c r="D1552" t="s">
        <v>111</v>
      </c>
      <c r="E1552" s="4">
        <v>45323</v>
      </c>
      <c r="G1552" t="s">
        <v>98</v>
      </c>
      <c r="H1552" t="s">
        <v>14</v>
      </c>
      <c r="I1552" t="s">
        <v>15</v>
      </c>
      <c r="J1552" s="10">
        <v>949</v>
      </c>
    </row>
    <row r="1553" spans="1:10" x14ac:dyDescent="0.35">
      <c r="A1553" t="s">
        <v>33</v>
      </c>
      <c r="B1553" t="s">
        <v>39</v>
      </c>
      <c r="C1553" t="s">
        <v>109</v>
      </c>
      <c r="D1553" t="s">
        <v>111</v>
      </c>
      <c r="E1553" s="4">
        <v>45323</v>
      </c>
      <c r="G1553" t="s">
        <v>98</v>
      </c>
      <c r="H1553" t="s">
        <v>14</v>
      </c>
      <c r="I1553" t="s">
        <v>15</v>
      </c>
      <c r="J1553" s="10">
        <v>1049</v>
      </c>
    </row>
    <row r="1554" spans="1:10" x14ac:dyDescent="0.35">
      <c r="A1554" t="s">
        <v>20</v>
      </c>
      <c r="B1554" t="s">
        <v>40</v>
      </c>
      <c r="C1554" t="s">
        <v>109</v>
      </c>
      <c r="D1554" t="s">
        <v>111</v>
      </c>
      <c r="E1554" s="4">
        <v>45323</v>
      </c>
      <c r="G1554" t="s">
        <v>98</v>
      </c>
      <c r="H1554" t="s">
        <v>14</v>
      </c>
      <c r="I1554" t="s">
        <v>15</v>
      </c>
      <c r="J1554" s="10">
        <v>785</v>
      </c>
    </row>
    <row r="1555" spans="1:10" x14ac:dyDescent="0.35">
      <c r="A1555" t="s">
        <v>35</v>
      </c>
      <c r="B1555" t="s">
        <v>41</v>
      </c>
      <c r="C1555" t="s">
        <v>109</v>
      </c>
      <c r="D1555" t="s">
        <v>111</v>
      </c>
      <c r="E1555" s="4">
        <v>45323</v>
      </c>
      <c r="G1555" t="s">
        <v>98</v>
      </c>
      <c r="H1555" t="s">
        <v>14</v>
      </c>
      <c r="I1555" t="s">
        <v>15</v>
      </c>
      <c r="J1555" s="10">
        <v>904</v>
      </c>
    </row>
    <row r="1556" spans="1:10" x14ac:dyDescent="0.35">
      <c r="A1556" t="s">
        <v>35</v>
      </c>
      <c r="B1556" t="s">
        <v>42</v>
      </c>
      <c r="C1556" t="s">
        <v>109</v>
      </c>
      <c r="D1556" t="s">
        <v>111</v>
      </c>
      <c r="E1556" s="4">
        <v>45323</v>
      </c>
      <c r="G1556" t="s">
        <v>98</v>
      </c>
      <c r="H1556" t="s">
        <v>14</v>
      </c>
      <c r="I1556" t="s">
        <v>15</v>
      </c>
      <c r="J1556" s="10">
        <v>1141</v>
      </c>
    </row>
    <row r="1557" spans="1:10" x14ac:dyDescent="0.35">
      <c r="A1557" t="s">
        <v>35</v>
      </c>
      <c r="B1557" t="s">
        <v>43</v>
      </c>
      <c r="C1557" t="s">
        <v>109</v>
      </c>
      <c r="D1557" t="s">
        <v>111</v>
      </c>
      <c r="E1557" s="4">
        <v>45323</v>
      </c>
      <c r="G1557" t="s">
        <v>98</v>
      </c>
      <c r="H1557" t="s">
        <v>14</v>
      </c>
      <c r="I1557" t="s">
        <v>15</v>
      </c>
      <c r="J1557" s="10">
        <v>839</v>
      </c>
    </row>
    <row r="1558" spans="1:10" x14ac:dyDescent="0.35">
      <c r="A1558" t="s">
        <v>28</v>
      </c>
      <c r="B1558" t="s">
        <v>44</v>
      </c>
      <c r="C1558" t="s">
        <v>109</v>
      </c>
      <c r="D1558" t="s">
        <v>111</v>
      </c>
      <c r="E1558" s="4">
        <v>45323</v>
      </c>
      <c r="G1558" t="s">
        <v>98</v>
      </c>
      <c r="H1558" t="s">
        <v>14</v>
      </c>
      <c r="I1558" t="s">
        <v>15</v>
      </c>
      <c r="J1558" s="10">
        <v>851</v>
      </c>
    </row>
    <row r="1559" spans="1:10" x14ac:dyDescent="0.35">
      <c r="A1559" t="s">
        <v>10</v>
      </c>
      <c r="B1559" t="s">
        <v>45</v>
      </c>
      <c r="C1559" t="s">
        <v>109</v>
      </c>
      <c r="D1559" t="s">
        <v>111</v>
      </c>
      <c r="E1559" s="4">
        <v>45323</v>
      </c>
      <c r="G1559" t="s">
        <v>98</v>
      </c>
      <c r="H1559" t="s">
        <v>14</v>
      </c>
      <c r="I1559" t="s">
        <v>15</v>
      </c>
      <c r="J1559" s="10">
        <v>928</v>
      </c>
    </row>
    <row r="1560" spans="1:10" x14ac:dyDescent="0.35">
      <c r="A1560" t="s">
        <v>10</v>
      </c>
      <c r="B1560" t="s">
        <v>46</v>
      </c>
      <c r="C1560" t="s">
        <v>109</v>
      </c>
      <c r="D1560" t="s">
        <v>111</v>
      </c>
      <c r="E1560" s="4">
        <v>45323</v>
      </c>
      <c r="G1560" t="s">
        <v>98</v>
      </c>
      <c r="H1560" t="s">
        <v>14</v>
      </c>
      <c r="I1560" t="s">
        <v>15</v>
      </c>
      <c r="J1560" s="10">
        <v>917</v>
      </c>
    </row>
    <row r="1561" spans="1:10" x14ac:dyDescent="0.35">
      <c r="A1561" t="s">
        <v>33</v>
      </c>
      <c r="B1561" t="s">
        <v>47</v>
      </c>
      <c r="C1561" t="s">
        <v>109</v>
      </c>
      <c r="D1561" t="s">
        <v>111</v>
      </c>
      <c r="E1561" s="4">
        <v>45323</v>
      </c>
      <c r="G1561" t="s">
        <v>98</v>
      </c>
      <c r="H1561" t="s">
        <v>14</v>
      </c>
      <c r="I1561" t="s">
        <v>15</v>
      </c>
      <c r="J1561" s="10">
        <v>857</v>
      </c>
    </row>
    <row r="1562" spans="1:10" x14ac:dyDescent="0.35">
      <c r="A1562" t="s">
        <v>20</v>
      </c>
      <c r="B1562" t="s">
        <v>48</v>
      </c>
      <c r="C1562" t="s">
        <v>109</v>
      </c>
      <c r="D1562" t="s">
        <v>111</v>
      </c>
      <c r="E1562" s="4">
        <v>45323</v>
      </c>
      <c r="G1562" t="s">
        <v>98</v>
      </c>
      <c r="H1562" t="s">
        <v>14</v>
      </c>
      <c r="I1562" t="s">
        <v>15</v>
      </c>
      <c r="J1562" s="10">
        <v>860</v>
      </c>
    </row>
    <row r="1563" spans="1:10" x14ac:dyDescent="0.35">
      <c r="A1563" t="s">
        <v>28</v>
      </c>
      <c r="B1563" t="s">
        <v>49</v>
      </c>
      <c r="C1563" t="s">
        <v>109</v>
      </c>
      <c r="D1563" t="s">
        <v>111</v>
      </c>
      <c r="E1563" s="4">
        <v>45323</v>
      </c>
      <c r="G1563" t="s">
        <v>98</v>
      </c>
      <c r="H1563" t="s">
        <v>14</v>
      </c>
      <c r="I1563" t="s">
        <v>15</v>
      </c>
      <c r="J1563" s="10">
        <v>716</v>
      </c>
    </row>
    <row r="1564" spans="1:10" x14ac:dyDescent="0.35">
      <c r="A1564" t="s">
        <v>35</v>
      </c>
      <c r="B1564" t="s">
        <v>50</v>
      </c>
      <c r="C1564" t="s">
        <v>109</v>
      </c>
      <c r="D1564" t="s">
        <v>111</v>
      </c>
      <c r="E1564" s="4">
        <v>45323</v>
      </c>
      <c r="G1564" t="s">
        <v>98</v>
      </c>
      <c r="H1564" t="s">
        <v>14</v>
      </c>
      <c r="I1564" t="s">
        <v>15</v>
      </c>
      <c r="J1564" s="10">
        <v>450</v>
      </c>
    </row>
    <row r="1565" spans="1:10" x14ac:dyDescent="0.35">
      <c r="A1565" t="s">
        <v>22</v>
      </c>
      <c r="B1565" t="s">
        <v>51</v>
      </c>
      <c r="C1565" t="s">
        <v>109</v>
      </c>
      <c r="D1565" t="s">
        <v>111</v>
      </c>
      <c r="E1565" s="4">
        <v>45323</v>
      </c>
      <c r="G1565" t="s">
        <v>98</v>
      </c>
      <c r="H1565" t="s">
        <v>14</v>
      </c>
      <c r="I1565" t="s">
        <v>15</v>
      </c>
      <c r="J1565" s="10">
        <v>202</v>
      </c>
    </row>
    <row r="1566" spans="1:10" x14ac:dyDescent="0.35">
      <c r="A1566" t="s">
        <v>22</v>
      </c>
      <c r="B1566" t="s">
        <v>52</v>
      </c>
      <c r="C1566" t="s">
        <v>109</v>
      </c>
      <c r="D1566" t="s">
        <v>111</v>
      </c>
      <c r="E1566" s="4">
        <v>45323</v>
      </c>
      <c r="G1566" t="s">
        <v>98</v>
      </c>
      <c r="H1566" t="s">
        <v>14</v>
      </c>
      <c r="I1566" t="s">
        <v>15</v>
      </c>
      <c r="J1566" s="10">
        <v>1036</v>
      </c>
    </row>
    <row r="1567" spans="1:10" x14ac:dyDescent="0.35">
      <c r="A1567" t="s">
        <v>22</v>
      </c>
      <c r="B1567" t="s">
        <v>53</v>
      </c>
      <c r="C1567" t="s">
        <v>109</v>
      </c>
      <c r="D1567" t="s">
        <v>111</v>
      </c>
      <c r="E1567" s="4">
        <v>45323</v>
      </c>
      <c r="G1567" t="s">
        <v>98</v>
      </c>
      <c r="H1567" t="s">
        <v>14</v>
      </c>
      <c r="I1567" t="s">
        <v>15</v>
      </c>
      <c r="J1567" s="10">
        <v>610</v>
      </c>
    </row>
    <row r="1568" spans="1:10" x14ac:dyDescent="0.35">
      <c r="A1568" t="s">
        <v>22</v>
      </c>
      <c r="B1568" t="s">
        <v>54</v>
      </c>
      <c r="C1568" t="s">
        <v>109</v>
      </c>
      <c r="D1568" t="s">
        <v>111</v>
      </c>
      <c r="E1568" s="4">
        <v>45323</v>
      </c>
      <c r="G1568" t="s">
        <v>98</v>
      </c>
      <c r="H1568" t="s">
        <v>14</v>
      </c>
      <c r="I1568" t="s">
        <v>15</v>
      </c>
      <c r="J1568" s="10">
        <v>671</v>
      </c>
    </row>
    <row r="1569" spans="1:10" x14ac:dyDescent="0.35">
      <c r="A1569" t="s">
        <v>22</v>
      </c>
      <c r="B1569" t="s">
        <v>55</v>
      </c>
      <c r="C1569" t="s">
        <v>109</v>
      </c>
      <c r="D1569" t="s">
        <v>111</v>
      </c>
      <c r="E1569" s="4">
        <v>45323</v>
      </c>
      <c r="G1569" t="s">
        <v>98</v>
      </c>
      <c r="H1569" t="s">
        <v>14</v>
      </c>
      <c r="I1569" t="s">
        <v>15</v>
      </c>
      <c r="J1569" s="10">
        <v>236</v>
      </c>
    </row>
    <row r="1570" spans="1:10" x14ac:dyDescent="0.35">
      <c r="A1570" t="s">
        <v>22</v>
      </c>
      <c r="B1570" t="s">
        <v>56</v>
      </c>
      <c r="C1570" t="s">
        <v>109</v>
      </c>
      <c r="D1570" t="s">
        <v>111</v>
      </c>
      <c r="E1570" s="4">
        <v>45323</v>
      </c>
      <c r="G1570" t="s">
        <v>98</v>
      </c>
      <c r="H1570" t="s">
        <v>14</v>
      </c>
      <c r="I1570" t="s">
        <v>15</v>
      </c>
      <c r="J1570" s="10">
        <v>663</v>
      </c>
    </row>
    <row r="1571" spans="1:10" x14ac:dyDescent="0.35">
      <c r="A1571" t="s">
        <v>28</v>
      </c>
      <c r="B1571" t="s">
        <v>58</v>
      </c>
      <c r="C1571" t="s">
        <v>109</v>
      </c>
      <c r="D1571" t="s">
        <v>111</v>
      </c>
      <c r="E1571" s="4">
        <v>45323</v>
      </c>
      <c r="G1571" t="s">
        <v>98</v>
      </c>
      <c r="H1571" t="s">
        <v>14</v>
      </c>
      <c r="I1571" t="s">
        <v>15</v>
      </c>
      <c r="J1571" s="10">
        <v>615</v>
      </c>
    </row>
    <row r="1572" spans="1:10" x14ac:dyDescent="0.35">
      <c r="A1572" t="s">
        <v>20</v>
      </c>
      <c r="B1572" t="s">
        <v>59</v>
      </c>
      <c r="C1572" t="s">
        <v>109</v>
      </c>
      <c r="D1572" t="s">
        <v>111</v>
      </c>
      <c r="E1572" s="4">
        <v>45323</v>
      </c>
      <c r="G1572" t="s">
        <v>98</v>
      </c>
      <c r="H1572" t="s">
        <v>14</v>
      </c>
      <c r="I1572" t="s">
        <v>15</v>
      </c>
      <c r="J1572" s="10">
        <v>950</v>
      </c>
    </row>
    <row r="1573" spans="1:10" x14ac:dyDescent="0.35">
      <c r="A1573" t="s">
        <v>20</v>
      </c>
      <c r="B1573" t="s">
        <v>60</v>
      </c>
      <c r="C1573" t="s">
        <v>109</v>
      </c>
      <c r="D1573" t="s">
        <v>111</v>
      </c>
      <c r="E1573" s="4">
        <v>45323</v>
      </c>
      <c r="G1573" t="s">
        <v>98</v>
      </c>
      <c r="H1573" t="s">
        <v>14</v>
      </c>
      <c r="I1573" t="s">
        <v>15</v>
      </c>
      <c r="J1573" s="10">
        <v>977</v>
      </c>
    </row>
    <row r="1574" spans="1:10" x14ac:dyDescent="0.35">
      <c r="A1574" t="s">
        <v>28</v>
      </c>
      <c r="B1574" t="s">
        <v>61</v>
      </c>
      <c r="C1574" t="s">
        <v>109</v>
      </c>
      <c r="D1574" t="s">
        <v>111</v>
      </c>
      <c r="E1574" s="4">
        <v>45323</v>
      </c>
      <c r="G1574" t="s">
        <v>98</v>
      </c>
      <c r="H1574" t="s">
        <v>14</v>
      </c>
      <c r="I1574" t="s">
        <v>15</v>
      </c>
      <c r="J1574" s="10">
        <v>997</v>
      </c>
    </row>
    <row r="1575" spans="1:10" x14ac:dyDescent="0.35">
      <c r="A1575" t="s">
        <v>62</v>
      </c>
      <c r="B1575" t="s">
        <v>63</v>
      </c>
      <c r="C1575" t="s">
        <v>109</v>
      </c>
      <c r="D1575" t="s">
        <v>111</v>
      </c>
      <c r="E1575" s="4">
        <v>45323</v>
      </c>
      <c r="G1575" t="s">
        <v>98</v>
      </c>
      <c r="H1575" t="s">
        <v>14</v>
      </c>
      <c r="I1575" t="s">
        <v>15</v>
      </c>
      <c r="J1575" s="10">
        <v>1234</v>
      </c>
    </row>
    <row r="1576" spans="1:10" x14ac:dyDescent="0.35">
      <c r="A1576" t="s">
        <v>62</v>
      </c>
      <c r="B1576" t="s">
        <v>64</v>
      </c>
      <c r="C1576" t="s">
        <v>109</v>
      </c>
      <c r="D1576" t="s">
        <v>111</v>
      </c>
      <c r="E1576" s="4">
        <v>45323</v>
      </c>
      <c r="G1576" t="s">
        <v>98</v>
      </c>
      <c r="H1576" t="s">
        <v>14</v>
      </c>
      <c r="I1576" t="s">
        <v>15</v>
      </c>
      <c r="J1576" s="10">
        <v>1046</v>
      </c>
    </row>
    <row r="1577" spans="1:10" x14ac:dyDescent="0.35">
      <c r="A1577" t="s">
        <v>62</v>
      </c>
      <c r="B1577" t="s">
        <v>65</v>
      </c>
      <c r="C1577" t="s">
        <v>109</v>
      </c>
      <c r="D1577" t="s">
        <v>111</v>
      </c>
      <c r="E1577" s="4">
        <v>45323</v>
      </c>
      <c r="G1577" t="s">
        <v>98</v>
      </c>
      <c r="H1577" t="s">
        <v>14</v>
      </c>
      <c r="I1577" t="s">
        <v>15</v>
      </c>
      <c r="J1577" s="10">
        <v>407</v>
      </c>
    </row>
    <row r="1578" spans="1:10" x14ac:dyDescent="0.35">
      <c r="A1578" t="s">
        <v>62</v>
      </c>
      <c r="B1578" t="s">
        <v>66</v>
      </c>
      <c r="C1578" t="s">
        <v>109</v>
      </c>
      <c r="D1578" t="s">
        <v>111</v>
      </c>
      <c r="E1578" s="4">
        <v>45323</v>
      </c>
      <c r="G1578" t="s">
        <v>98</v>
      </c>
      <c r="H1578" t="s">
        <v>14</v>
      </c>
      <c r="I1578" t="s">
        <v>15</v>
      </c>
      <c r="J1578" s="10">
        <v>1245</v>
      </c>
    </row>
    <row r="1579" spans="1:10" x14ac:dyDescent="0.35">
      <c r="A1579" t="s">
        <v>62</v>
      </c>
      <c r="B1579" t="s">
        <v>67</v>
      </c>
      <c r="C1579" t="s">
        <v>109</v>
      </c>
      <c r="D1579" t="s">
        <v>111</v>
      </c>
      <c r="E1579" s="4">
        <v>45323</v>
      </c>
      <c r="G1579" t="s">
        <v>98</v>
      </c>
      <c r="H1579" t="s">
        <v>14</v>
      </c>
      <c r="I1579" t="s">
        <v>15</v>
      </c>
      <c r="J1579" s="10">
        <v>1609</v>
      </c>
    </row>
    <row r="1580" spans="1:10" x14ac:dyDescent="0.35">
      <c r="A1580" t="s">
        <v>62</v>
      </c>
      <c r="B1580" t="s">
        <v>68</v>
      </c>
      <c r="C1580" t="s">
        <v>109</v>
      </c>
      <c r="D1580" t="s">
        <v>111</v>
      </c>
      <c r="E1580" s="4">
        <v>45323</v>
      </c>
      <c r="G1580" t="s">
        <v>98</v>
      </c>
      <c r="H1580" t="s">
        <v>14</v>
      </c>
      <c r="I1580" t="s">
        <v>15</v>
      </c>
      <c r="J1580" s="10">
        <v>1489</v>
      </c>
    </row>
    <row r="1581" spans="1:10" x14ac:dyDescent="0.35">
      <c r="A1581" t="s">
        <v>62</v>
      </c>
      <c r="B1581" t="s">
        <v>69</v>
      </c>
      <c r="C1581" t="s">
        <v>109</v>
      </c>
      <c r="D1581" t="s">
        <v>111</v>
      </c>
      <c r="E1581" s="4">
        <v>45323</v>
      </c>
      <c r="G1581" t="s">
        <v>98</v>
      </c>
      <c r="H1581" t="s">
        <v>14</v>
      </c>
      <c r="I1581" t="s">
        <v>15</v>
      </c>
      <c r="J1581" s="10">
        <v>1268</v>
      </c>
    </row>
    <row r="1582" spans="1:10" x14ac:dyDescent="0.35">
      <c r="A1582" t="s">
        <v>62</v>
      </c>
      <c r="B1582" t="s">
        <v>70</v>
      </c>
      <c r="C1582" t="s">
        <v>109</v>
      </c>
      <c r="D1582" t="s">
        <v>111</v>
      </c>
      <c r="E1582" s="4">
        <v>45323</v>
      </c>
      <c r="G1582" t="s">
        <v>98</v>
      </c>
      <c r="H1582" t="s">
        <v>14</v>
      </c>
      <c r="I1582" t="s">
        <v>15</v>
      </c>
      <c r="J1582" s="10">
        <v>1046</v>
      </c>
    </row>
    <row r="1583" spans="1:10" x14ac:dyDescent="0.35">
      <c r="A1583" t="s">
        <v>35</v>
      </c>
      <c r="B1583" t="s">
        <v>71</v>
      </c>
      <c r="C1583" t="s">
        <v>109</v>
      </c>
      <c r="D1583" t="s">
        <v>111</v>
      </c>
      <c r="E1583" s="4">
        <v>45323</v>
      </c>
      <c r="G1583" t="s">
        <v>98</v>
      </c>
      <c r="H1583" t="s">
        <v>14</v>
      </c>
      <c r="I1583" t="s">
        <v>15</v>
      </c>
      <c r="J1583" s="10">
        <v>1056</v>
      </c>
    </row>
    <row r="1584" spans="1:10" x14ac:dyDescent="0.35">
      <c r="A1584" t="s">
        <v>20</v>
      </c>
      <c r="B1584" t="s">
        <v>72</v>
      </c>
      <c r="C1584" t="s">
        <v>109</v>
      </c>
      <c r="D1584" t="s">
        <v>111</v>
      </c>
      <c r="E1584" s="4">
        <v>45323</v>
      </c>
      <c r="G1584" t="s">
        <v>98</v>
      </c>
      <c r="H1584" t="s">
        <v>14</v>
      </c>
      <c r="I1584" t="s">
        <v>15</v>
      </c>
      <c r="J1584" s="10">
        <v>1085</v>
      </c>
    </row>
    <row r="1585" spans="1:10" x14ac:dyDescent="0.35">
      <c r="A1585" t="s">
        <v>26</v>
      </c>
      <c r="B1585" t="s">
        <v>73</v>
      </c>
      <c r="C1585" t="s">
        <v>109</v>
      </c>
      <c r="D1585" t="s">
        <v>111</v>
      </c>
      <c r="E1585" s="4">
        <v>45323</v>
      </c>
      <c r="G1585" t="s">
        <v>98</v>
      </c>
      <c r="H1585" t="s">
        <v>14</v>
      </c>
      <c r="I1585" t="s">
        <v>15</v>
      </c>
      <c r="J1585" s="10">
        <v>738</v>
      </c>
    </row>
    <row r="1586" spans="1:10" x14ac:dyDescent="0.35">
      <c r="A1586" t="s">
        <v>28</v>
      </c>
      <c r="B1586" t="s">
        <v>74</v>
      </c>
      <c r="C1586" t="s">
        <v>109</v>
      </c>
      <c r="D1586" t="s">
        <v>111</v>
      </c>
      <c r="E1586" s="4">
        <v>45323</v>
      </c>
      <c r="G1586" t="s">
        <v>98</v>
      </c>
      <c r="H1586" t="s">
        <v>14</v>
      </c>
      <c r="I1586" t="s">
        <v>15</v>
      </c>
      <c r="J1586" s="10">
        <v>1029</v>
      </c>
    </row>
    <row r="1587" spans="1:10" x14ac:dyDescent="0.35">
      <c r="A1587" t="s">
        <v>33</v>
      </c>
      <c r="B1587" t="s">
        <v>75</v>
      </c>
      <c r="C1587" t="s">
        <v>109</v>
      </c>
      <c r="D1587" t="s">
        <v>111</v>
      </c>
      <c r="E1587" s="4">
        <v>45323</v>
      </c>
      <c r="G1587" t="s">
        <v>98</v>
      </c>
      <c r="H1587" t="s">
        <v>14</v>
      </c>
      <c r="I1587" t="s">
        <v>15</v>
      </c>
      <c r="J1587" s="10">
        <v>1241</v>
      </c>
    </row>
    <row r="1588" spans="1:10" x14ac:dyDescent="0.35">
      <c r="A1588" t="s">
        <v>22</v>
      </c>
      <c r="B1588" t="s">
        <v>76</v>
      </c>
      <c r="C1588" t="s">
        <v>109</v>
      </c>
      <c r="D1588" t="s">
        <v>111</v>
      </c>
      <c r="E1588" s="4">
        <v>45323</v>
      </c>
      <c r="G1588" t="s">
        <v>98</v>
      </c>
      <c r="H1588" t="s">
        <v>14</v>
      </c>
      <c r="I1588" t="s">
        <v>15</v>
      </c>
      <c r="J1588" s="10">
        <v>1120</v>
      </c>
    </row>
    <row r="1589" spans="1:10" x14ac:dyDescent="0.35">
      <c r="A1589" t="s">
        <v>33</v>
      </c>
      <c r="B1589" t="s">
        <v>77</v>
      </c>
      <c r="C1589" t="s">
        <v>109</v>
      </c>
      <c r="D1589" t="s">
        <v>111</v>
      </c>
      <c r="E1589" s="4">
        <v>45323</v>
      </c>
      <c r="G1589" t="s">
        <v>98</v>
      </c>
      <c r="H1589" t="s">
        <v>14</v>
      </c>
      <c r="I1589" t="s">
        <v>15</v>
      </c>
      <c r="J1589" s="10">
        <v>1009</v>
      </c>
    </row>
    <row r="1590" spans="1:10" x14ac:dyDescent="0.35">
      <c r="A1590" t="s">
        <v>22</v>
      </c>
      <c r="B1590" t="s">
        <v>78</v>
      </c>
      <c r="C1590" t="s">
        <v>109</v>
      </c>
      <c r="D1590" t="s">
        <v>111</v>
      </c>
      <c r="E1590" s="4">
        <v>45323</v>
      </c>
      <c r="G1590" t="s">
        <v>98</v>
      </c>
      <c r="H1590" t="s">
        <v>14</v>
      </c>
      <c r="I1590" t="s">
        <v>15</v>
      </c>
      <c r="J1590" s="10">
        <v>1025</v>
      </c>
    </row>
    <row r="1591" spans="1:10" x14ac:dyDescent="0.35">
      <c r="A1591" t="s">
        <v>28</v>
      </c>
      <c r="B1591" t="s">
        <v>79</v>
      </c>
      <c r="C1591" t="s">
        <v>109</v>
      </c>
      <c r="D1591" t="s">
        <v>111</v>
      </c>
      <c r="E1591" s="4">
        <v>45323</v>
      </c>
      <c r="G1591" t="s">
        <v>98</v>
      </c>
      <c r="H1591" t="s">
        <v>14</v>
      </c>
      <c r="I1591" t="s">
        <v>15</v>
      </c>
      <c r="J1591" s="10">
        <v>670</v>
      </c>
    </row>
    <row r="1592" spans="1:10" x14ac:dyDescent="0.35">
      <c r="A1592" t="s">
        <v>26</v>
      </c>
      <c r="B1592" t="s">
        <v>80</v>
      </c>
      <c r="C1592" t="s">
        <v>109</v>
      </c>
      <c r="D1592" t="s">
        <v>111</v>
      </c>
      <c r="E1592" s="4">
        <v>45323</v>
      </c>
      <c r="G1592" t="s">
        <v>98</v>
      </c>
      <c r="H1592" t="s">
        <v>14</v>
      </c>
      <c r="I1592" t="s">
        <v>15</v>
      </c>
      <c r="J1592" s="10">
        <v>688</v>
      </c>
    </row>
    <row r="1593" spans="1:10" x14ac:dyDescent="0.35">
      <c r="A1593" t="s">
        <v>20</v>
      </c>
      <c r="B1593" t="s">
        <v>81</v>
      </c>
      <c r="C1593" t="s">
        <v>109</v>
      </c>
      <c r="D1593" t="s">
        <v>111</v>
      </c>
      <c r="E1593" s="4">
        <v>45323</v>
      </c>
      <c r="G1593" t="s">
        <v>98</v>
      </c>
      <c r="H1593" t="s">
        <v>14</v>
      </c>
      <c r="I1593" t="s">
        <v>15</v>
      </c>
      <c r="J1593" s="10">
        <v>1101</v>
      </c>
    </row>
    <row r="1594" spans="1:10" x14ac:dyDescent="0.35">
      <c r="A1594" t="s">
        <v>26</v>
      </c>
      <c r="B1594" t="s">
        <v>57</v>
      </c>
      <c r="C1594" t="s">
        <v>109</v>
      </c>
      <c r="D1594" t="s">
        <v>111</v>
      </c>
      <c r="E1594" s="4">
        <v>45323</v>
      </c>
      <c r="G1594" t="s">
        <v>98</v>
      </c>
      <c r="H1594" t="s">
        <v>14</v>
      </c>
      <c r="I1594" t="s">
        <v>15</v>
      </c>
      <c r="J1594" s="10">
        <v>142</v>
      </c>
    </row>
    <row r="1595" spans="1:10" x14ac:dyDescent="0.35">
      <c r="A1595" t="s">
        <v>33</v>
      </c>
      <c r="B1595" t="s">
        <v>82</v>
      </c>
      <c r="C1595" t="s">
        <v>109</v>
      </c>
      <c r="D1595" t="s">
        <v>111</v>
      </c>
      <c r="E1595" s="4">
        <v>45323</v>
      </c>
      <c r="G1595" t="s">
        <v>98</v>
      </c>
      <c r="H1595" t="s">
        <v>14</v>
      </c>
      <c r="I1595" t="s">
        <v>15</v>
      </c>
      <c r="J1595" s="10">
        <v>539</v>
      </c>
    </row>
    <row r="1596" spans="1:10" x14ac:dyDescent="0.35">
      <c r="A1596" t="s">
        <v>26</v>
      </c>
      <c r="B1596" t="s">
        <v>83</v>
      </c>
      <c r="C1596" t="s">
        <v>109</v>
      </c>
      <c r="D1596" t="s">
        <v>111</v>
      </c>
      <c r="E1596" s="4">
        <v>45323</v>
      </c>
      <c r="G1596" t="s">
        <v>98</v>
      </c>
      <c r="H1596" t="s">
        <v>14</v>
      </c>
      <c r="I1596" t="s">
        <v>15</v>
      </c>
      <c r="J1596" s="10">
        <v>133</v>
      </c>
    </row>
    <row r="1597" spans="1:10" x14ac:dyDescent="0.35">
      <c r="A1597" t="s">
        <v>35</v>
      </c>
      <c r="B1597" t="s">
        <v>84</v>
      </c>
      <c r="C1597" t="s">
        <v>109</v>
      </c>
      <c r="D1597" t="s">
        <v>111</v>
      </c>
      <c r="E1597" s="4">
        <v>45323</v>
      </c>
      <c r="G1597" t="s">
        <v>98</v>
      </c>
      <c r="H1597" t="s">
        <v>14</v>
      </c>
      <c r="I1597" t="s">
        <v>15</v>
      </c>
      <c r="J1597" s="10">
        <v>825</v>
      </c>
    </row>
    <row r="1598" spans="1:10" x14ac:dyDescent="0.35">
      <c r="A1598" t="s">
        <v>33</v>
      </c>
      <c r="B1598" t="s">
        <v>85</v>
      </c>
      <c r="C1598" t="s">
        <v>109</v>
      </c>
      <c r="D1598" t="s">
        <v>111</v>
      </c>
      <c r="E1598" s="4">
        <v>45323</v>
      </c>
      <c r="G1598" t="s">
        <v>98</v>
      </c>
      <c r="H1598" t="s">
        <v>14</v>
      </c>
      <c r="I1598" t="s">
        <v>15</v>
      </c>
      <c r="J1598" s="10">
        <v>634</v>
      </c>
    </row>
    <row r="1599" spans="1:10" x14ac:dyDescent="0.35">
      <c r="A1599" t="s">
        <v>33</v>
      </c>
      <c r="B1599" t="s">
        <v>86</v>
      </c>
      <c r="C1599" t="s">
        <v>109</v>
      </c>
      <c r="D1599" t="s">
        <v>111</v>
      </c>
      <c r="E1599" s="4">
        <v>45323</v>
      </c>
      <c r="G1599" t="s">
        <v>98</v>
      </c>
      <c r="H1599" t="s">
        <v>14</v>
      </c>
      <c r="I1599" t="s">
        <v>15</v>
      </c>
      <c r="J1599" s="10">
        <v>709</v>
      </c>
    </row>
    <row r="1600" spans="1:10" x14ac:dyDescent="0.35">
      <c r="A1600" t="s">
        <v>35</v>
      </c>
      <c r="B1600" t="s">
        <v>87</v>
      </c>
      <c r="C1600" t="s">
        <v>109</v>
      </c>
      <c r="D1600" t="s">
        <v>111</v>
      </c>
      <c r="E1600" s="4">
        <v>45323</v>
      </c>
      <c r="G1600" t="s">
        <v>98</v>
      </c>
      <c r="H1600" t="s">
        <v>14</v>
      </c>
      <c r="I1600" t="s">
        <v>15</v>
      </c>
      <c r="J1600" s="10">
        <v>610</v>
      </c>
    </row>
    <row r="1601" spans="1:10" x14ac:dyDescent="0.35">
      <c r="A1601" t="s">
        <v>35</v>
      </c>
      <c r="B1601" t="s">
        <v>88</v>
      </c>
      <c r="C1601" t="s">
        <v>109</v>
      </c>
      <c r="D1601" t="s">
        <v>111</v>
      </c>
      <c r="E1601" s="4">
        <v>45323</v>
      </c>
      <c r="G1601" t="s">
        <v>98</v>
      </c>
      <c r="H1601" t="s">
        <v>14</v>
      </c>
      <c r="I1601" t="s">
        <v>15</v>
      </c>
      <c r="J1601" s="10">
        <v>865</v>
      </c>
    </row>
    <row r="1602" spans="1:10" x14ac:dyDescent="0.35">
      <c r="A1602" t="s">
        <v>62</v>
      </c>
      <c r="B1602" t="s">
        <v>89</v>
      </c>
      <c r="C1602" t="s">
        <v>109</v>
      </c>
      <c r="D1602" t="s">
        <v>111</v>
      </c>
      <c r="E1602" s="4">
        <v>45323</v>
      </c>
      <c r="G1602" t="s">
        <v>98</v>
      </c>
      <c r="H1602" t="s">
        <v>14</v>
      </c>
      <c r="I1602" t="s">
        <v>15</v>
      </c>
      <c r="J1602" s="10">
        <v>1081</v>
      </c>
    </row>
    <row r="1603" spans="1:10" x14ac:dyDescent="0.35">
      <c r="A1603" t="s">
        <v>26</v>
      </c>
      <c r="B1603" t="s">
        <v>90</v>
      </c>
      <c r="C1603" t="s">
        <v>109</v>
      </c>
      <c r="D1603" t="s">
        <v>111</v>
      </c>
      <c r="E1603" s="4">
        <v>45323</v>
      </c>
      <c r="G1603" t="s">
        <v>98</v>
      </c>
      <c r="H1603" t="s">
        <v>14</v>
      </c>
      <c r="I1603" t="s">
        <v>15</v>
      </c>
      <c r="J1603" s="10">
        <v>121</v>
      </c>
    </row>
    <row r="1604" spans="1:10" x14ac:dyDescent="0.35">
      <c r="A1604" t="s">
        <v>26</v>
      </c>
      <c r="B1604" t="s">
        <v>91</v>
      </c>
      <c r="C1604" t="s">
        <v>109</v>
      </c>
      <c r="D1604" t="s">
        <v>111</v>
      </c>
      <c r="E1604" s="4">
        <v>45323</v>
      </c>
      <c r="G1604" t="s">
        <v>98</v>
      </c>
      <c r="H1604" t="s">
        <v>14</v>
      </c>
      <c r="I1604" t="s">
        <v>15</v>
      </c>
      <c r="J1604" s="10">
        <v>564</v>
      </c>
    </row>
    <row r="1605" spans="1:10" x14ac:dyDescent="0.35">
      <c r="A1605" t="s">
        <v>33</v>
      </c>
      <c r="B1605" t="s">
        <v>92</v>
      </c>
      <c r="C1605" t="s">
        <v>109</v>
      </c>
      <c r="D1605" t="s">
        <v>111</v>
      </c>
      <c r="E1605" s="4">
        <v>45323</v>
      </c>
      <c r="G1605" t="s">
        <v>98</v>
      </c>
      <c r="H1605" t="s">
        <v>14</v>
      </c>
      <c r="I1605" t="s">
        <v>15</v>
      </c>
      <c r="J1605" s="10">
        <v>794</v>
      </c>
    </row>
    <row r="1606" spans="1:10" x14ac:dyDescent="0.35">
      <c r="A1606" t="s">
        <v>35</v>
      </c>
      <c r="B1606" t="s">
        <v>93</v>
      </c>
      <c r="C1606" t="s">
        <v>109</v>
      </c>
      <c r="D1606" t="s">
        <v>111</v>
      </c>
      <c r="E1606" s="4">
        <v>45323</v>
      </c>
      <c r="G1606" t="s">
        <v>98</v>
      </c>
      <c r="H1606" t="s">
        <v>14</v>
      </c>
      <c r="I1606" t="s">
        <v>15</v>
      </c>
      <c r="J1606" s="10">
        <v>678</v>
      </c>
    </row>
    <row r="1607" spans="1:10" x14ac:dyDescent="0.35">
      <c r="A1607" t="s">
        <v>20</v>
      </c>
      <c r="B1607" t="s">
        <v>94</v>
      </c>
      <c r="C1607" t="s">
        <v>109</v>
      </c>
      <c r="D1607" t="s">
        <v>111</v>
      </c>
      <c r="E1607" s="4">
        <v>45323</v>
      </c>
      <c r="G1607" t="s">
        <v>98</v>
      </c>
      <c r="H1607" t="s">
        <v>14</v>
      </c>
      <c r="I1607" t="s">
        <v>15</v>
      </c>
      <c r="J1607" s="10">
        <v>1145</v>
      </c>
    </row>
    <row r="1608" spans="1:10" x14ac:dyDescent="0.35">
      <c r="A1608" t="s">
        <v>10</v>
      </c>
      <c r="B1608" t="s">
        <v>11</v>
      </c>
      <c r="C1608" t="s">
        <v>109</v>
      </c>
      <c r="D1608" t="s">
        <v>111</v>
      </c>
      <c r="E1608" s="4">
        <v>45323</v>
      </c>
      <c r="G1608" t="s">
        <v>14</v>
      </c>
      <c r="H1608" t="s">
        <v>14</v>
      </c>
      <c r="I1608" t="s">
        <v>15</v>
      </c>
      <c r="J1608" s="10">
        <v>426</v>
      </c>
    </row>
    <row r="1609" spans="1:10" x14ac:dyDescent="0.35">
      <c r="A1609" t="s">
        <v>10</v>
      </c>
      <c r="B1609" t="s">
        <v>16</v>
      </c>
      <c r="C1609" t="s">
        <v>109</v>
      </c>
      <c r="D1609" t="s">
        <v>111</v>
      </c>
      <c r="E1609" s="4">
        <v>45323</v>
      </c>
      <c r="G1609" t="s">
        <v>14</v>
      </c>
      <c r="H1609" t="s">
        <v>14</v>
      </c>
      <c r="I1609" t="s">
        <v>15</v>
      </c>
      <c r="J1609" s="10">
        <v>1054</v>
      </c>
    </row>
    <row r="1610" spans="1:10" x14ac:dyDescent="0.35">
      <c r="A1610" t="s">
        <v>10</v>
      </c>
      <c r="B1610" t="s">
        <v>17</v>
      </c>
      <c r="C1610" t="s">
        <v>109</v>
      </c>
      <c r="D1610" t="s">
        <v>111</v>
      </c>
      <c r="E1610" s="4">
        <v>45323</v>
      </c>
      <c r="G1610" t="s">
        <v>14</v>
      </c>
      <c r="H1610" t="s">
        <v>14</v>
      </c>
      <c r="I1610" t="s">
        <v>15</v>
      </c>
      <c r="J1610" s="10">
        <v>519</v>
      </c>
    </row>
    <row r="1611" spans="1:10" x14ac:dyDescent="0.35">
      <c r="A1611" t="s">
        <v>10</v>
      </c>
      <c r="B1611" t="s">
        <v>18</v>
      </c>
      <c r="C1611" t="s">
        <v>109</v>
      </c>
      <c r="D1611" t="s">
        <v>111</v>
      </c>
      <c r="E1611" s="4">
        <v>45323</v>
      </c>
      <c r="G1611" t="s">
        <v>14</v>
      </c>
      <c r="H1611" t="s">
        <v>14</v>
      </c>
      <c r="I1611" t="s">
        <v>15</v>
      </c>
      <c r="J1611" s="10">
        <v>701</v>
      </c>
    </row>
    <row r="1612" spans="1:10" x14ac:dyDescent="0.35">
      <c r="A1612" t="s">
        <v>10</v>
      </c>
      <c r="B1612" t="s">
        <v>19</v>
      </c>
      <c r="C1612" t="s">
        <v>109</v>
      </c>
      <c r="D1612" t="s">
        <v>111</v>
      </c>
      <c r="E1612" s="4">
        <v>45323</v>
      </c>
      <c r="G1612" t="s">
        <v>14</v>
      </c>
      <c r="H1612" t="s">
        <v>14</v>
      </c>
      <c r="I1612" t="s">
        <v>15</v>
      </c>
      <c r="J1612" s="10">
        <v>536</v>
      </c>
    </row>
    <row r="1613" spans="1:10" x14ac:dyDescent="0.35">
      <c r="A1613" t="s">
        <v>20</v>
      </c>
      <c r="B1613" t="s">
        <v>21</v>
      </c>
      <c r="C1613" t="s">
        <v>109</v>
      </c>
      <c r="D1613" t="s">
        <v>111</v>
      </c>
      <c r="E1613" s="4">
        <v>45323</v>
      </c>
      <c r="G1613" t="s">
        <v>14</v>
      </c>
      <c r="H1613" t="s">
        <v>14</v>
      </c>
      <c r="I1613" t="s">
        <v>15</v>
      </c>
      <c r="J1613" s="10">
        <v>1696</v>
      </c>
    </row>
    <row r="1614" spans="1:10" x14ac:dyDescent="0.35">
      <c r="A1614" t="s">
        <v>22</v>
      </c>
      <c r="B1614" t="s">
        <v>23</v>
      </c>
      <c r="C1614" t="s">
        <v>109</v>
      </c>
      <c r="D1614" t="s">
        <v>111</v>
      </c>
      <c r="E1614" s="4">
        <v>45323</v>
      </c>
      <c r="G1614" t="s">
        <v>14</v>
      </c>
      <c r="H1614" t="s">
        <v>14</v>
      </c>
      <c r="I1614" t="s">
        <v>15</v>
      </c>
      <c r="J1614" s="10">
        <v>1713</v>
      </c>
    </row>
    <row r="1615" spans="1:10" x14ac:dyDescent="0.35">
      <c r="A1615" t="s">
        <v>10</v>
      </c>
      <c r="B1615" t="s">
        <v>24</v>
      </c>
      <c r="C1615" t="s">
        <v>109</v>
      </c>
      <c r="D1615" t="s">
        <v>111</v>
      </c>
      <c r="E1615" s="4">
        <v>45323</v>
      </c>
      <c r="G1615" t="s">
        <v>14</v>
      </c>
      <c r="H1615" t="s">
        <v>14</v>
      </c>
      <c r="I1615" t="s">
        <v>15</v>
      </c>
      <c r="J1615" s="10">
        <v>911</v>
      </c>
    </row>
    <row r="1616" spans="1:10" x14ac:dyDescent="0.35">
      <c r="A1616" t="s">
        <v>10</v>
      </c>
      <c r="B1616" t="s">
        <v>25</v>
      </c>
      <c r="C1616" t="s">
        <v>109</v>
      </c>
      <c r="D1616" t="s">
        <v>111</v>
      </c>
      <c r="E1616" s="4">
        <v>45323</v>
      </c>
      <c r="G1616" t="s">
        <v>14</v>
      </c>
      <c r="H1616" t="s">
        <v>14</v>
      </c>
      <c r="I1616" t="s">
        <v>15</v>
      </c>
      <c r="J1616" s="10">
        <v>1095</v>
      </c>
    </row>
    <row r="1617" spans="1:10" x14ac:dyDescent="0.35">
      <c r="A1617" t="s">
        <v>26</v>
      </c>
      <c r="B1617" t="s">
        <v>27</v>
      </c>
      <c r="C1617" t="s">
        <v>109</v>
      </c>
      <c r="D1617" t="s">
        <v>111</v>
      </c>
      <c r="E1617" s="4">
        <v>45323</v>
      </c>
      <c r="G1617" t="s">
        <v>14</v>
      </c>
      <c r="H1617" t="s">
        <v>14</v>
      </c>
      <c r="I1617" t="s">
        <v>15</v>
      </c>
      <c r="J1617" s="10">
        <v>824</v>
      </c>
    </row>
    <row r="1618" spans="1:10" x14ac:dyDescent="0.35">
      <c r="A1618" t="s">
        <v>28</v>
      </c>
      <c r="B1618" t="s">
        <v>29</v>
      </c>
      <c r="C1618" t="s">
        <v>109</v>
      </c>
      <c r="D1618" t="s">
        <v>111</v>
      </c>
      <c r="E1618" s="4">
        <v>45323</v>
      </c>
      <c r="G1618" t="s">
        <v>14</v>
      </c>
      <c r="H1618" t="s">
        <v>14</v>
      </c>
      <c r="I1618" t="s">
        <v>15</v>
      </c>
      <c r="J1618" s="10">
        <v>1153</v>
      </c>
    </row>
    <row r="1619" spans="1:10" x14ac:dyDescent="0.35">
      <c r="A1619" t="s">
        <v>10</v>
      </c>
      <c r="B1619" t="s">
        <v>30</v>
      </c>
      <c r="C1619" t="s">
        <v>109</v>
      </c>
      <c r="D1619" t="s">
        <v>111</v>
      </c>
      <c r="E1619" s="4">
        <v>45323</v>
      </c>
      <c r="G1619" t="s">
        <v>14</v>
      </c>
      <c r="H1619" t="s">
        <v>14</v>
      </c>
      <c r="I1619" t="s">
        <v>15</v>
      </c>
      <c r="J1619" s="10">
        <v>1099</v>
      </c>
    </row>
    <row r="1620" spans="1:10" x14ac:dyDescent="0.35">
      <c r="A1620" t="s">
        <v>26</v>
      </c>
      <c r="B1620" t="s">
        <v>31</v>
      </c>
      <c r="C1620" t="s">
        <v>109</v>
      </c>
      <c r="D1620" t="s">
        <v>111</v>
      </c>
      <c r="E1620" s="4">
        <v>45323</v>
      </c>
      <c r="G1620" t="s">
        <v>14</v>
      </c>
      <c r="H1620" t="s">
        <v>14</v>
      </c>
      <c r="I1620" t="s">
        <v>15</v>
      </c>
      <c r="J1620" s="10">
        <v>1171</v>
      </c>
    </row>
    <row r="1621" spans="1:10" x14ac:dyDescent="0.35">
      <c r="A1621" t="s">
        <v>28</v>
      </c>
      <c r="B1621" t="s">
        <v>32</v>
      </c>
      <c r="C1621" t="s">
        <v>109</v>
      </c>
      <c r="D1621" t="s">
        <v>111</v>
      </c>
      <c r="E1621" s="4">
        <v>45323</v>
      </c>
      <c r="G1621" t="s">
        <v>14</v>
      </c>
      <c r="H1621" t="s">
        <v>14</v>
      </c>
      <c r="I1621" t="s">
        <v>15</v>
      </c>
      <c r="J1621" s="10">
        <v>1860</v>
      </c>
    </row>
    <row r="1622" spans="1:10" x14ac:dyDescent="0.35">
      <c r="A1622" t="s">
        <v>33</v>
      </c>
      <c r="B1622" t="s">
        <v>34</v>
      </c>
      <c r="C1622" t="s">
        <v>109</v>
      </c>
      <c r="D1622" t="s">
        <v>111</v>
      </c>
      <c r="E1622" s="4">
        <v>45323</v>
      </c>
      <c r="G1622" t="s">
        <v>14</v>
      </c>
      <c r="H1622" t="s">
        <v>14</v>
      </c>
      <c r="I1622" t="s">
        <v>15</v>
      </c>
      <c r="J1622" s="10">
        <v>1190</v>
      </c>
    </row>
    <row r="1623" spans="1:10" x14ac:dyDescent="0.35">
      <c r="A1623" t="s">
        <v>35</v>
      </c>
      <c r="B1623" t="s">
        <v>36</v>
      </c>
      <c r="C1623" t="s">
        <v>109</v>
      </c>
      <c r="D1623" t="s">
        <v>111</v>
      </c>
      <c r="E1623" s="4">
        <v>45323</v>
      </c>
      <c r="G1623" t="s">
        <v>14</v>
      </c>
      <c r="H1623" t="s">
        <v>14</v>
      </c>
      <c r="I1623" t="s">
        <v>15</v>
      </c>
      <c r="J1623" s="10">
        <v>1182</v>
      </c>
    </row>
    <row r="1624" spans="1:10" x14ac:dyDescent="0.35">
      <c r="A1624" t="s">
        <v>28</v>
      </c>
      <c r="B1624" t="s">
        <v>37</v>
      </c>
      <c r="C1624" t="s">
        <v>109</v>
      </c>
      <c r="D1624" t="s">
        <v>111</v>
      </c>
      <c r="E1624" s="4">
        <v>45323</v>
      </c>
      <c r="G1624" t="s">
        <v>14</v>
      </c>
      <c r="H1624" t="s">
        <v>14</v>
      </c>
      <c r="I1624" t="s">
        <v>15</v>
      </c>
      <c r="J1624" s="10">
        <v>1365</v>
      </c>
    </row>
    <row r="1625" spans="1:10" x14ac:dyDescent="0.35">
      <c r="A1625" t="s">
        <v>20</v>
      </c>
      <c r="B1625" t="s">
        <v>38</v>
      </c>
      <c r="C1625" t="s">
        <v>109</v>
      </c>
      <c r="D1625" t="s">
        <v>111</v>
      </c>
      <c r="E1625" s="4">
        <v>45323</v>
      </c>
      <c r="G1625" t="s">
        <v>14</v>
      </c>
      <c r="H1625" t="s">
        <v>14</v>
      </c>
      <c r="I1625" t="s">
        <v>15</v>
      </c>
      <c r="J1625" s="10">
        <v>1409</v>
      </c>
    </row>
    <row r="1626" spans="1:10" x14ac:dyDescent="0.35">
      <c r="A1626" t="s">
        <v>33</v>
      </c>
      <c r="B1626" t="s">
        <v>39</v>
      </c>
      <c r="C1626" t="s">
        <v>109</v>
      </c>
      <c r="D1626" t="s">
        <v>111</v>
      </c>
      <c r="E1626" s="4">
        <v>45323</v>
      </c>
      <c r="G1626" t="s">
        <v>14</v>
      </c>
      <c r="H1626" t="s">
        <v>14</v>
      </c>
      <c r="I1626" t="s">
        <v>15</v>
      </c>
      <c r="J1626" s="10">
        <v>1541</v>
      </c>
    </row>
    <row r="1627" spans="1:10" x14ac:dyDescent="0.35">
      <c r="A1627" t="s">
        <v>20</v>
      </c>
      <c r="B1627" t="s">
        <v>40</v>
      </c>
      <c r="C1627" t="s">
        <v>109</v>
      </c>
      <c r="D1627" t="s">
        <v>111</v>
      </c>
      <c r="E1627" s="4">
        <v>45323</v>
      </c>
      <c r="G1627" t="s">
        <v>14</v>
      </c>
      <c r="H1627" t="s">
        <v>14</v>
      </c>
      <c r="I1627" t="s">
        <v>15</v>
      </c>
      <c r="J1627" s="10">
        <v>1116</v>
      </c>
    </row>
    <row r="1628" spans="1:10" x14ac:dyDescent="0.35">
      <c r="A1628" t="s">
        <v>35</v>
      </c>
      <c r="B1628" t="s">
        <v>41</v>
      </c>
      <c r="C1628" t="s">
        <v>109</v>
      </c>
      <c r="D1628" t="s">
        <v>111</v>
      </c>
      <c r="E1628" s="4">
        <v>45323</v>
      </c>
      <c r="G1628" t="s">
        <v>14</v>
      </c>
      <c r="H1628" t="s">
        <v>14</v>
      </c>
      <c r="I1628" t="s">
        <v>15</v>
      </c>
      <c r="J1628" s="10">
        <v>1351</v>
      </c>
    </row>
    <row r="1629" spans="1:10" x14ac:dyDescent="0.35">
      <c r="A1629" t="s">
        <v>35</v>
      </c>
      <c r="B1629" t="s">
        <v>42</v>
      </c>
      <c r="C1629" t="s">
        <v>109</v>
      </c>
      <c r="D1629" t="s">
        <v>111</v>
      </c>
      <c r="E1629" s="4">
        <v>45323</v>
      </c>
      <c r="G1629" t="s">
        <v>14</v>
      </c>
      <c r="H1629" t="s">
        <v>14</v>
      </c>
      <c r="I1629" t="s">
        <v>15</v>
      </c>
      <c r="J1629" s="10">
        <v>1699</v>
      </c>
    </row>
    <row r="1630" spans="1:10" x14ac:dyDescent="0.35">
      <c r="A1630" t="s">
        <v>35</v>
      </c>
      <c r="B1630" t="s">
        <v>43</v>
      </c>
      <c r="C1630" t="s">
        <v>109</v>
      </c>
      <c r="D1630" t="s">
        <v>111</v>
      </c>
      <c r="E1630" s="4">
        <v>45323</v>
      </c>
      <c r="G1630" t="s">
        <v>14</v>
      </c>
      <c r="H1630" t="s">
        <v>14</v>
      </c>
      <c r="I1630" t="s">
        <v>15</v>
      </c>
      <c r="J1630" s="10">
        <v>1230</v>
      </c>
    </row>
    <row r="1631" spans="1:10" x14ac:dyDescent="0.35">
      <c r="A1631" t="s">
        <v>28</v>
      </c>
      <c r="B1631" t="s">
        <v>44</v>
      </c>
      <c r="C1631" t="s">
        <v>109</v>
      </c>
      <c r="D1631" t="s">
        <v>111</v>
      </c>
      <c r="E1631" s="4">
        <v>45323</v>
      </c>
      <c r="G1631" t="s">
        <v>14</v>
      </c>
      <c r="H1631" t="s">
        <v>14</v>
      </c>
      <c r="I1631" t="s">
        <v>15</v>
      </c>
      <c r="J1631" s="10">
        <v>1225</v>
      </c>
    </row>
    <row r="1632" spans="1:10" x14ac:dyDescent="0.35">
      <c r="A1632" t="s">
        <v>10</v>
      </c>
      <c r="B1632" t="s">
        <v>45</v>
      </c>
      <c r="C1632" t="s">
        <v>109</v>
      </c>
      <c r="D1632" t="s">
        <v>111</v>
      </c>
      <c r="E1632" s="4">
        <v>45323</v>
      </c>
      <c r="G1632" t="s">
        <v>14</v>
      </c>
      <c r="H1632" t="s">
        <v>14</v>
      </c>
      <c r="I1632" t="s">
        <v>15</v>
      </c>
      <c r="J1632" s="10">
        <v>1399</v>
      </c>
    </row>
    <row r="1633" spans="1:10" x14ac:dyDescent="0.35">
      <c r="A1633" t="s">
        <v>10</v>
      </c>
      <c r="B1633" t="s">
        <v>46</v>
      </c>
      <c r="C1633" t="s">
        <v>109</v>
      </c>
      <c r="D1633" t="s">
        <v>111</v>
      </c>
      <c r="E1633" s="4">
        <v>45323</v>
      </c>
      <c r="G1633" t="s">
        <v>14</v>
      </c>
      <c r="H1633" t="s">
        <v>14</v>
      </c>
      <c r="I1633" t="s">
        <v>15</v>
      </c>
      <c r="J1633" s="10">
        <v>1368</v>
      </c>
    </row>
    <row r="1634" spans="1:10" x14ac:dyDescent="0.35">
      <c r="A1634" t="s">
        <v>33</v>
      </c>
      <c r="B1634" t="s">
        <v>47</v>
      </c>
      <c r="C1634" t="s">
        <v>109</v>
      </c>
      <c r="D1634" t="s">
        <v>111</v>
      </c>
      <c r="E1634" s="4">
        <v>45323</v>
      </c>
      <c r="G1634" t="s">
        <v>14</v>
      </c>
      <c r="H1634" t="s">
        <v>14</v>
      </c>
      <c r="I1634" t="s">
        <v>15</v>
      </c>
      <c r="J1634" s="10">
        <v>1194</v>
      </c>
    </row>
    <row r="1635" spans="1:10" x14ac:dyDescent="0.35">
      <c r="A1635" t="s">
        <v>20</v>
      </c>
      <c r="B1635" t="s">
        <v>48</v>
      </c>
      <c r="C1635" t="s">
        <v>109</v>
      </c>
      <c r="D1635" t="s">
        <v>111</v>
      </c>
      <c r="E1635" s="4">
        <v>45323</v>
      </c>
      <c r="G1635" t="s">
        <v>14</v>
      </c>
      <c r="H1635" t="s">
        <v>14</v>
      </c>
      <c r="I1635" t="s">
        <v>15</v>
      </c>
      <c r="J1635" s="10">
        <v>1199</v>
      </c>
    </row>
    <row r="1636" spans="1:10" x14ac:dyDescent="0.35">
      <c r="A1636" t="s">
        <v>28</v>
      </c>
      <c r="B1636" t="s">
        <v>49</v>
      </c>
      <c r="C1636" t="s">
        <v>109</v>
      </c>
      <c r="D1636" t="s">
        <v>111</v>
      </c>
      <c r="E1636" s="4">
        <v>45323</v>
      </c>
      <c r="G1636" t="s">
        <v>14</v>
      </c>
      <c r="H1636" t="s">
        <v>14</v>
      </c>
      <c r="I1636" t="s">
        <v>15</v>
      </c>
      <c r="J1636" s="10">
        <v>996</v>
      </c>
    </row>
    <row r="1637" spans="1:10" x14ac:dyDescent="0.35">
      <c r="A1637" t="s">
        <v>35</v>
      </c>
      <c r="B1637" t="s">
        <v>50</v>
      </c>
      <c r="C1637" t="s">
        <v>109</v>
      </c>
      <c r="D1637" t="s">
        <v>111</v>
      </c>
      <c r="E1637" s="4">
        <v>45323</v>
      </c>
      <c r="G1637" t="s">
        <v>14</v>
      </c>
      <c r="H1637" t="s">
        <v>14</v>
      </c>
      <c r="I1637" t="s">
        <v>15</v>
      </c>
      <c r="J1637" s="10">
        <v>601</v>
      </c>
    </row>
    <row r="1638" spans="1:10" x14ac:dyDescent="0.35">
      <c r="A1638" t="s">
        <v>22</v>
      </c>
      <c r="B1638" t="s">
        <v>51</v>
      </c>
      <c r="C1638" t="s">
        <v>109</v>
      </c>
      <c r="D1638" t="s">
        <v>111</v>
      </c>
      <c r="E1638" s="4">
        <v>45323</v>
      </c>
      <c r="G1638" t="s">
        <v>14</v>
      </c>
      <c r="H1638" t="s">
        <v>14</v>
      </c>
      <c r="I1638" t="s">
        <v>15</v>
      </c>
      <c r="J1638" s="10">
        <v>316</v>
      </c>
    </row>
    <row r="1639" spans="1:10" x14ac:dyDescent="0.35">
      <c r="A1639" t="s">
        <v>22</v>
      </c>
      <c r="B1639" t="s">
        <v>52</v>
      </c>
      <c r="C1639" t="s">
        <v>109</v>
      </c>
      <c r="D1639" t="s">
        <v>111</v>
      </c>
      <c r="E1639" s="4">
        <v>45323</v>
      </c>
      <c r="G1639" t="s">
        <v>14</v>
      </c>
      <c r="H1639" t="s">
        <v>14</v>
      </c>
      <c r="I1639" t="s">
        <v>15</v>
      </c>
      <c r="J1639" s="10">
        <v>1476</v>
      </c>
    </row>
    <row r="1640" spans="1:10" x14ac:dyDescent="0.35">
      <c r="A1640" t="s">
        <v>22</v>
      </c>
      <c r="B1640" t="s">
        <v>53</v>
      </c>
      <c r="C1640" t="s">
        <v>109</v>
      </c>
      <c r="D1640" t="s">
        <v>111</v>
      </c>
      <c r="E1640" s="4">
        <v>45323</v>
      </c>
      <c r="G1640" t="s">
        <v>14</v>
      </c>
      <c r="H1640" t="s">
        <v>14</v>
      </c>
      <c r="I1640" t="s">
        <v>15</v>
      </c>
      <c r="J1640" s="10">
        <v>866</v>
      </c>
    </row>
    <row r="1641" spans="1:10" x14ac:dyDescent="0.35">
      <c r="A1641" t="s">
        <v>22</v>
      </c>
      <c r="B1641" t="s">
        <v>54</v>
      </c>
      <c r="C1641" t="s">
        <v>109</v>
      </c>
      <c r="D1641" t="s">
        <v>111</v>
      </c>
      <c r="E1641" s="4">
        <v>45323</v>
      </c>
      <c r="G1641" t="s">
        <v>14</v>
      </c>
      <c r="H1641" t="s">
        <v>14</v>
      </c>
      <c r="I1641" t="s">
        <v>15</v>
      </c>
      <c r="J1641" s="10">
        <v>943</v>
      </c>
    </row>
    <row r="1642" spans="1:10" x14ac:dyDescent="0.35">
      <c r="A1642" t="s">
        <v>22</v>
      </c>
      <c r="B1642" t="s">
        <v>55</v>
      </c>
      <c r="C1642" t="s">
        <v>109</v>
      </c>
      <c r="D1642" t="s">
        <v>111</v>
      </c>
      <c r="E1642" s="4">
        <v>45323</v>
      </c>
      <c r="G1642" t="s">
        <v>14</v>
      </c>
      <c r="H1642" t="s">
        <v>14</v>
      </c>
      <c r="I1642" t="s">
        <v>15</v>
      </c>
      <c r="J1642" s="10">
        <v>331</v>
      </c>
    </row>
    <row r="1643" spans="1:10" x14ac:dyDescent="0.35">
      <c r="A1643" t="s">
        <v>22</v>
      </c>
      <c r="B1643" t="s">
        <v>56</v>
      </c>
      <c r="C1643" t="s">
        <v>109</v>
      </c>
      <c r="D1643" t="s">
        <v>111</v>
      </c>
      <c r="E1643" s="4">
        <v>45323</v>
      </c>
      <c r="G1643" t="s">
        <v>14</v>
      </c>
      <c r="H1643" t="s">
        <v>14</v>
      </c>
      <c r="I1643" t="s">
        <v>15</v>
      </c>
      <c r="J1643" s="10">
        <v>881</v>
      </c>
    </row>
    <row r="1644" spans="1:10" x14ac:dyDescent="0.35">
      <c r="A1644" t="s">
        <v>28</v>
      </c>
      <c r="B1644" t="s">
        <v>58</v>
      </c>
      <c r="C1644" t="s">
        <v>109</v>
      </c>
      <c r="D1644" t="s">
        <v>111</v>
      </c>
      <c r="E1644" s="4">
        <v>45323</v>
      </c>
      <c r="G1644" t="s">
        <v>14</v>
      </c>
      <c r="H1644" t="s">
        <v>14</v>
      </c>
      <c r="I1644" t="s">
        <v>15</v>
      </c>
      <c r="J1644" s="10">
        <v>920</v>
      </c>
    </row>
    <row r="1645" spans="1:10" x14ac:dyDescent="0.35">
      <c r="A1645" t="s">
        <v>20</v>
      </c>
      <c r="B1645" t="s">
        <v>59</v>
      </c>
      <c r="C1645" t="s">
        <v>109</v>
      </c>
      <c r="D1645" t="s">
        <v>111</v>
      </c>
      <c r="E1645" s="4">
        <v>45323</v>
      </c>
      <c r="G1645" t="s">
        <v>14</v>
      </c>
      <c r="H1645" t="s">
        <v>14</v>
      </c>
      <c r="I1645" t="s">
        <v>15</v>
      </c>
      <c r="J1645" s="10">
        <v>1359</v>
      </c>
    </row>
    <row r="1646" spans="1:10" x14ac:dyDescent="0.35">
      <c r="A1646" t="s">
        <v>20</v>
      </c>
      <c r="B1646" t="s">
        <v>60</v>
      </c>
      <c r="C1646" t="s">
        <v>109</v>
      </c>
      <c r="D1646" t="s">
        <v>111</v>
      </c>
      <c r="E1646" s="4">
        <v>45323</v>
      </c>
      <c r="G1646" t="s">
        <v>14</v>
      </c>
      <c r="H1646" t="s">
        <v>14</v>
      </c>
      <c r="I1646" t="s">
        <v>15</v>
      </c>
      <c r="J1646" s="10">
        <v>1373</v>
      </c>
    </row>
    <row r="1647" spans="1:10" x14ac:dyDescent="0.35">
      <c r="A1647" t="s">
        <v>28</v>
      </c>
      <c r="B1647" t="s">
        <v>61</v>
      </c>
      <c r="C1647" t="s">
        <v>109</v>
      </c>
      <c r="D1647" t="s">
        <v>111</v>
      </c>
      <c r="E1647" s="4">
        <v>45323</v>
      </c>
      <c r="G1647" t="s">
        <v>14</v>
      </c>
      <c r="H1647" t="s">
        <v>14</v>
      </c>
      <c r="I1647" t="s">
        <v>15</v>
      </c>
      <c r="J1647" s="10">
        <v>1520</v>
      </c>
    </row>
    <row r="1648" spans="1:10" x14ac:dyDescent="0.35">
      <c r="A1648" t="s">
        <v>62</v>
      </c>
      <c r="B1648" t="s">
        <v>63</v>
      </c>
      <c r="C1648" t="s">
        <v>109</v>
      </c>
      <c r="D1648" t="s">
        <v>111</v>
      </c>
      <c r="E1648" s="4">
        <v>45323</v>
      </c>
      <c r="G1648" t="s">
        <v>14</v>
      </c>
      <c r="H1648" t="s">
        <v>14</v>
      </c>
      <c r="I1648" t="s">
        <v>15</v>
      </c>
      <c r="J1648" s="10">
        <v>1876</v>
      </c>
    </row>
    <row r="1649" spans="1:10" x14ac:dyDescent="0.35">
      <c r="A1649" t="s">
        <v>62</v>
      </c>
      <c r="B1649" t="s">
        <v>64</v>
      </c>
      <c r="C1649" t="s">
        <v>109</v>
      </c>
      <c r="D1649" t="s">
        <v>111</v>
      </c>
      <c r="E1649" s="4">
        <v>45323</v>
      </c>
      <c r="G1649" t="s">
        <v>14</v>
      </c>
      <c r="H1649" t="s">
        <v>14</v>
      </c>
      <c r="I1649" t="s">
        <v>15</v>
      </c>
      <c r="J1649" s="10">
        <v>1543</v>
      </c>
    </row>
    <row r="1650" spans="1:10" x14ac:dyDescent="0.35">
      <c r="A1650" t="s">
        <v>62</v>
      </c>
      <c r="B1650" t="s">
        <v>65</v>
      </c>
      <c r="C1650" t="s">
        <v>109</v>
      </c>
      <c r="D1650" t="s">
        <v>111</v>
      </c>
      <c r="E1650" s="4">
        <v>45323</v>
      </c>
      <c r="G1650" t="s">
        <v>14</v>
      </c>
      <c r="H1650" t="s">
        <v>14</v>
      </c>
      <c r="I1650" t="s">
        <v>15</v>
      </c>
      <c r="J1650" s="10">
        <v>652</v>
      </c>
    </row>
    <row r="1651" spans="1:10" x14ac:dyDescent="0.35">
      <c r="A1651" t="s">
        <v>62</v>
      </c>
      <c r="B1651" t="s">
        <v>66</v>
      </c>
      <c r="C1651" t="s">
        <v>109</v>
      </c>
      <c r="D1651" t="s">
        <v>111</v>
      </c>
      <c r="E1651" s="4">
        <v>45323</v>
      </c>
      <c r="G1651" t="s">
        <v>14</v>
      </c>
      <c r="H1651" t="s">
        <v>14</v>
      </c>
      <c r="I1651" t="s">
        <v>15</v>
      </c>
      <c r="J1651" s="10">
        <v>1847</v>
      </c>
    </row>
    <row r="1652" spans="1:10" x14ac:dyDescent="0.35">
      <c r="A1652" t="s">
        <v>62</v>
      </c>
      <c r="B1652" t="s">
        <v>67</v>
      </c>
      <c r="C1652" t="s">
        <v>109</v>
      </c>
      <c r="D1652" t="s">
        <v>111</v>
      </c>
      <c r="E1652" s="4">
        <v>45323</v>
      </c>
      <c r="G1652" t="s">
        <v>14</v>
      </c>
      <c r="H1652" t="s">
        <v>14</v>
      </c>
      <c r="I1652" t="s">
        <v>15</v>
      </c>
      <c r="J1652" s="10">
        <v>2371</v>
      </c>
    </row>
    <row r="1653" spans="1:10" x14ac:dyDescent="0.35">
      <c r="A1653" t="s">
        <v>62</v>
      </c>
      <c r="B1653" t="s">
        <v>68</v>
      </c>
      <c r="C1653" t="s">
        <v>109</v>
      </c>
      <c r="D1653" t="s">
        <v>111</v>
      </c>
      <c r="E1653" s="4">
        <v>45323</v>
      </c>
      <c r="G1653" t="s">
        <v>14</v>
      </c>
      <c r="H1653" t="s">
        <v>14</v>
      </c>
      <c r="I1653" t="s">
        <v>15</v>
      </c>
      <c r="J1653" s="10">
        <v>2145</v>
      </c>
    </row>
    <row r="1654" spans="1:10" x14ac:dyDescent="0.35">
      <c r="A1654" t="s">
        <v>62</v>
      </c>
      <c r="B1654" t="s">
        <v>69</v>
      </c>
      <c r="C1654" t="s">
        <v>109</v>
      </c>
      <c r="D1654" t="s">
        <v>111</v>
      </c>
      <c r="E1654" s="4">
        <v>45323</v>
      </c>
      <c r="G1654" t="s">
        <v>14</v>
      </c>
      <c r="H1654" t="s">
        <v>14</v>
      </c>
      <c r="I1654" t="s">
        <v>15</v>
      </c>
      <c r="J1654" s="10">
        <v>1864</v>
      </c>
    </row>
    <row r="1655" spans="1:10" x14ac:dyDescent="0.35">
      <c r="A1655" t="s">
        <v>62</v>
      </c>
      <c r="B1655" t="s">
        <v>70</v>
      </c>
      <c r="C1655" t="s">
        <v>109</v>
      </c>
      <c r="D1655" t="s">
        <v>111</v>
      </c>
      <c r="E1655" s="4">
        <v>45323</v>
      </c>
      <c r="G1655" t="s">
        <v>14</v>
      </c>
      <c r="H1655" t="s">
        <v>14</v>
      </c>
      <c r="I1655" t="s">
        <v>15</v>
      </c>
      <c r="J1655" s="10">
        <v>1562</v>
      </c>
    </row>
    <row r="1656" spans="1:10" x14ac:dyDescent="0.35">
      <c r="A1656" t="s">
        <v>35</v>
      </c>
      <c r="B1656" t="s">
        <v>71</v>
      </c>
      <c r="C1656" t="s">
        <v>109</v>
      </c>
      <c r="D1656" t="s">
        <v>111</v>
      </c>
      <c r="E1656" s="4">
        <v>45323</v>
      </c>
      <c r="G1656" t="s">
        <v>14</v>
      </c>
      <c r="H1656" t="s">
        <v>14</v>
      </c>
      <c r="I1656" t="s">
        <v>15</v>
      </c>
      <c r="J1656" s="10">
        <v>1599</v>
      </c>
    </row>
    <row r="1657" spans="1:10" x14ac:dyDescent="0.35">
      <c r="A1657" t="s">
        <v>20</v>
      </c>
      <c r="B1657" t="s">
        <v>72</v>
      </c>
      <c r="C1657" t="s">
        <v>109</v>
      </c>
      <c r="D1657" t="s">
        <v>111</v>
      </c>
      <c r="E1657" s="4">
        <v>45323</v>
      </c>
      <c r="G1657" t="s">
        <v>14</v>
      </c>
      <c r="H1657" t="s">
        <v>14</v>
      </c>
      <c r="I1657" t="s">
        <v>15</v>
      </c>
      <c r="J1657" s="10">
        <v>1558</v>
      </c>
    </row>
    <row r="1658" spans="1:10" x14ac:dyDescent="0.35">
      <c r="A1658" t="s">
        <v>26</v>
      </c>
      <c r="B1658" t="s">
        <v>73</v>
      </c>
      <c r="C1658" t="s">
        <v>109</v>
      </c>
      <c r="D1658" t="s">
        <v>111</v>
      </c>
      <c r="E1658" s="4">
        <v>45323</v>
      </c>
      <c r="G1658" t="s">
        <v>14</v>
      </c>
      <c r="H1658" t="s">
        <v>14</v>
      </c>
      <c r="I1658" t="s">
        <v>15</v>
      </c>
      <c r="J1658" s="10">
        <v>1037</v>
      </c>
    </row>
    <row r="1659" spans="1:10" x14ac:dyDescent="0.35">
      <c r="A1659" t="s">
        <v>28</v>
      </c>
      <c r="B1659" t="s">
        <v>74</v>
      </c>
      <c r="C1659" t="s">
        <v>109</v>
      </c>
      <c r="D1659" t="s">
        <v>111</v>
      </c>
      <c r="E1659" s="4">
        <v>45323</v>
      </c>
      <c r="G1659" t="s">
        <v>14</v>
      </c>
      <c r="H1659" t="s">
        <v>14</v>
      </c>
      <c r="I1659" t="s">
        <v>15</v>
      </c>
      <c r="J1659" s="10">
        <v>1568</v>
      </c>
    </row>
    <row r="1660" spans="1:10" x14ac:dyDescent="0.35">
      <c r="A1660" t="s">
        <v>33</v>
      </c>
      <c r="B1660" t="s">
        <v>75</v>
      </c>
      <c r="C1660" t="s">
        <v>109</v>
      </c>
      <c r="D1660" t="s">
        <v>111</v>
      </c>
      <c r="E1660" s="4">
        <v>45323</v>
      </c>
      <c r="G1660" t="s">
        <v>14</v>
      </c>
      <c r="H1660" t="s">
        <v>14</v>
      </c>
      <c r="I1660" t="s">
        <v>15</v>
      </c>
      <c r="J1660" s="10">
        <v>1843</v>
      </c>
    </row>
    <row r="1661" spans="1:10" x14ac:dyDescent="0.35">
      <c r="A1661" t="s">
        <v>22</v>
      </c>
      <c r="B1661" t="s">
        <v>76</v>
      </c>
      <c r="C1661" t="s">
        <v>109</v>
      </c>
      <c r="D1661" t="s">
        <v>111</v>
      </c>
      <c r="E1661" s="4">
        <v>45323</v>
      </c>
      <c r="G1661" t="s">
        <v>14</v>
      </c>
      <c r="H1661" t="s">
        <v>14</v>
      </c>
      <c r="I1661" t="s">
        <v>15</v>
      </c>
      <c r="J1661" s="10">
        <v>1631</v>
      </c>
    </row>
    <row r="1662" spans="1:10" x14ac:dyDescent="0.35">
      <c r="A1662" t="s">
        <v>33</v>
      </c>
      <c r="B1662" t="s">
        <v>77</v>
      </c>
      <c r="C1662" t="s">
        <v>109</v>
      </c>
      <c r="D1662" t="s">
        <v>111</v>
      </c>
      <c r="E1662" s="4">
        <v>45323</v>
      </c>
      <c r="G1662" t="s">
        <v>14</v>
      </c>
      <c r="H1662" t="s">
        <v>14</v>
      </c>
      <c r="I1662" t="s">
        <v>15</v>
      </c>
      <c r="J1662" s="10">
        <v>1512</v>
      </c>
    </row>
    <row r="1663" spans="1:10" x14ac:dyDescent="0.35">
      <c r="A1663" t="s">
        <v>22</v>
      </c>
      <c r="B1663" t="s">
        <v>78</v>
      </c>
      <c r="C1663" t="s">
        <v>109</v>
      </c>
      <c r="D1663" t="s">
        <v>111</v>
      </c>
      <c r="E1663" s="4">
        <v>45323</v>
      </c>
      <c r="G1663" t="s">
        <v>14</v>
      </c>
      <c r="H1663" t="s">
        <v>14</v>
      </c>
      <c r="I1663" t="s">
        <v>15</v>
      </c>
      <c r="J1663" s="10">
        <v>1402</v>
      </c>
    </row>
    <row r="1664" spans="1:10" x14ac:dyDescent="0.35">
      <c r="A1664" t="s">
        <v>28</v>
      </c>
      <c r="B1664" t="s">
        <v>79</v>
      </c>
      <c r="C1664" t="s">
        <v>109</v>
      </c>
      <c r="D1664" t="s">
        <v>111</v>
      </c>
      <c r="E1664" s="4">
        <v>45323</v>
      </c>
      <c r="G1664" t="s">
        <v>14</v>
      </c>
      <c r="H1664" t="s">
        <v>14</v>
      </c>
      <c r="I1664" t="s">
        <v>15</v>
      </c>
      <c r="J1664" s="10">
        <v>959</v>
      </c>
    </row>
    <row r="1665" spans="1:10" x14ac:dyDescent="0.35">
      <c r="A1665" t="s">
        <v>26</v>
      </c>
      <c r="B1665" t="s">
        <v>80</v>
      </c>
      <c r="C1665" t="s">
        <v>109</v>
      </c>
      <c r="D1665" t="s">
        <v>111</v>
      </c>
      <c r="E1665" s="4">
        <v>45323</v>
      </c>
      <c r="G1665" t="s">
        <v>14</v>
      </c>
      <c r="H1665" t="s">
        <v>14</v>
      </c>
      <c r="I1665" t="s">
        <v>15</v>
      </c>
      <c r="J1665" s="10">
        <v>922</v>
      </c>
    </row>
    <row r="1666" spans="1:10" x14ac:dyDescent="0.35">
      <c r="A1666" t="s">
        <v>20</v>
      </c>
      <c r="B1666" t="s">
        <v>81</v>
      </c>
      <c r="C1666" t="s">
        <v>109</v>
      </c>
      <c r="D1666" t="s">
        <v>111</v>
      </c>
      <c r="E1666" s="4">
        <v>45323</v>
      </c>
      <c r="G1666" t="s">
        <v>14</v>
      </c>
      <c r="H1666" t="s">
        <v>14</v>
      </c>
      <c r="I1666" t="s">
        <v>15</v>
      </c>
      <c r="J1666" s="10">
        <v>1630</v>
      </c>
    </row>
    <row r="1667" spans="1:10" x14ac:dyDescent="0.35">
      <c r="A1667" t="s">
        <v>26</v>
      </c>
      <c r="B1667" t="s">
        <v>57</v>
      </c>
      <c r="C1667" t="s">
        <v>109</v>
      </c>
      <c r="D1667" t="s">
        <v>111</v>
      </c>
      <c r="E1667" s="4">
        <v>45323</v>
      </c>
      <c r="G1667" t="s">
        <v>14</v>
      </c>
      <c r="H1667" t="s">
        <v>14</v>
      </c>
      <c r="I1667" t="s">
        <v>15</v>
      </c>
      <c r="J1667" s="10">
        <v>210</v>
      </c>
    </row>
    <row r="1668" spans="1:10" x14ac:dyDescent="0.35">
      <c r="A1668" t="s">
        <v>33</v>
      </c>
      <c r="B1668" t="s">
        <v>82</v>
      </c>
      <c r="C1668" t="s">
        <v>109</v>
      </c>
      <c r="D1668" t="s">
        <v>111</v>
      </c>
      <c r="E1668" s="4">
        <v>45323</v>
      </c>
      <c r="G1668" t="s">
        <v>14</v>
      </c>
      <c r="H1668" t="s">
        <v>14</v>
      </c>
      <c r="I1668" t="s">
        <v>15</v>
      </c>
      <c r="J1668" s="10">
        <v>791</v>
      </c>
    </row>
    <row r="1669" spans="1:10" x14ac:dyDescent="0.35">
      <c r="A1669" t="s">
        <v>26</v>
      </c>
      <c r="B1669" t="s">
        <v>83</v>
      </c>
      <c r="C1669" t="s">
        <v>109</v>
      </c>
      <c r="D1669" t="s">
        <v>111</v>
      </c>
      <c r="E1669" s="4">
        <v>45323</v>
      </c>
      <c r="G1669" t="s">
        <v>14</v>
      </c>
      <c r="H1669" t="s">
        <v>14</v>
      </c>
      <c r="I1669" t="s">
        <v>15</v>
      </c>
      <c r="J1669" s="10">
        <v>204</v>
      </c>
    </row>
    <row r="1670" spans="1:10" x14ac:dyDescent="0.35">
      <c r="A1670" t="s">
        <v>35</v>
      </c>
      <c r="B1670" t="s">
        <v>84</v>
      </c>
      <c r="C1670" t="s">
        <v>109</v>
      </c>
      <c r="D1670" t="s">
        <v>111</v>
      </c>
      <c r="E1670" s="4">
        <v>45323</v>
      </c>
      <c r="G1670" t="s">
        <v>14</v>
      </c>
      <c r="H1670" t="s">
        <v>14</v>
      </c>
      <c r="I1670" t="s">
        <v>15</v>
      </c>
      <c r="J1670" s="10">
        <v>1191</v>
      </c>
    </row>
    <row r="1671" spans="1:10" x14ac:dyDescent="0.35">
      <c r="A1671" t="s">
        <v>33</v>
      </c>
      <c r="B1671" t="s">
        <v>85</v>
      </c>
      <c r="C1671" t="s">
        <v>109</v>
      </c>
      <c r="D1671" t="s">
        <v>111</v>
      </c>
      <c r="E1671" s="4">
        <v>45323</v>
      </c>
      <c r="G1671" t="s">
        <v>14</v>
      </c>
      <c r="H1671" t="s">
        <v>14</v>
      </c>
      <c r="I1671" t="s">
        <v>15</v>
      </c>
      <c r="J1671" s="10">
        <v>893</v>
      </c>
    </row>
    <row r="1672" spans="1:10" x14ac:dyDescent="0.35">
      <c r="A1672" t="s">
        <v>33</v>
      </c>
      <c r="B1672" t="s">
        <v>86</v>
      </c>
      <c r="C1672" t="s">
        <v>109</v>
      </c>
      <c r="D1672" t="s">
        <v>111</v>
      </c>
      <c r="E1672" s="4">
        <v>45323</v>
      </c>
      <c r="G1672" t="s">
        <v>14</v>
      </c>
      <c r="H1672" t="s">
        <v>14</v>
      </c>
      <c r="I1672" t="s">
        <v>15</v>
      </c>
      <c r="J1672" s="10">
        <v>961</v>
      </c>
    </row>
    <row r="1673" spans="1:10" x14ac:dyDescent="0.35">
      <c r="A1673" t="s">
        <v>35</v>
      </c>
      <c r="B1673" t="s">
        <v>87</v>
      </c>
      <c r="C1673" t="s">
        <v>109</v>
      </c>
      <c r="D1673" t="s">
        <v>111</v>
      </c>
      <c r="E1673" s="4">
        <v>45323</v>
      </c>
      <c r="G1673" t="s">
        <v>14</v>
      </c>
      <c r="H1673" t="s">
        <v>14</v>
      </c>
      <c r="I1673" t="s">
        <v>15</v>
      </c>
      <c r="J1673" s="10">
        <v>849</v>
      </c>
    </row>
    <row r="1674" spans="1:10" x14ac:dyDescent="0.35">
      <c r="A1674" t="s">
        <v>35</v>
      </c>
      <c r="B1674" t="s">
        <v>88</v>
      </c>
      <c r="C1674" t="s">
        <v>109</v>
      </c>
      <c r="D1674" t="s">
        <v>111</v>
      </c>
      <c r="E1674" s="4">
        <v>45323</v>
      </c>
      <c r="G1674" t="s">
        <v>14</v>
      </c>
      <c r="H1674" t="s">
        <v>14</v>
      </c>
      <c r="I1674" t="s">
        <v>15</v>
      </c>
      <c r="J1674" s="10">
        <v>1273</v>
      </c>
    </row>
    <row r="1675" spans="1:10" x14ac:dyDescent="0.35">
      <c r="A1675" t="s">
        <v>62</v>
      </c>
      <c r="B1675" t="s">
        <v>89</v>
      </c>
      <c r="C1675" t="s">
        <v>109</v>
      </c>
      <c r="D1675" t="s">
        <v>111</v>
      </c>
      <c r="E1675" s="4">
        <v>45323</v>
      </c>
      <c r="G1675" t="s">
        <v>14</v>
      </c>
      <c r="H1675" t="s">
        <v>14</v>
      </c>
      <c r="I1675" t="s">
        <v>15</v>
      </c>
      <c r="J1675" s="10">
        <v>1569</v>
      </c>
    </row>
    <row r="1676" spans="1:10" x14ac:dyDescent="0.35">
      <c r="A1676" t="s">
        <v>26</v>
      </c>
      <c r="B1676" t="s">
        <v>90</v>
      </c>
      <c r="C1676" t="s">
        <v>109</v>
      </c>
      <c r="D1676" t="s">
        <v>111</v>
      </c>
      <c r="E1676" s="4">
        <v>45323</v>
      </c>
      <c r="G1676" t="s">
        <v>14</v>
      </c>
      <c r="H1676" t="s">
        <v>14</v>
      </c>
      <c r="I1676" t="s">
        <v>15</v>
      </c>
      <c r="J1676" s="10">
        <v>172</v>
      </c>
    </row>
    <row r="1677" spans="1:10" x14ac:dyDescent="0.35">
      <c r="A1677" t="s">
        <v>26</v>
      </c>
      <c r="B1677" t="s">
        <v>91</v>
      </c>
      <c r="C1677" t="s">
        <v>109</v>
      </c>
      <c r="D1677" t="s">
        <v>111</v>
      </c>
      <c r="E1677" s="4">
        <v>45323</v>
      </c>
      <c r="G1677" t="s">
        <v>14</v>
      </c>
      <c r="H1677" t="s">
        <v>14</v>
      </c>
      <c r="I1677" t="s">
        <v>15</v>
      </c>
      <c r="J1677" s="10">
        <v>774</v>
      </c>
    </row>
    <row r="1678" spans="1:10" x14ac:dyDescent="0.35">
      <c r="A1678" t="s">
        <v>33</v>
      </c>
      <c r="B1678" t="s">
        <v>92</v>
      </c>
      <c r="C1678" t="s">
        <v>109</v>
      </c>
      <c r="D1678" t="s">
        <v>111</v>
      </c>
      <c r="E1678" s="4">
        <v>45323</v>
      </c>
      <c r="G1678" t="s">
        <v>14</v>
      </c>
      <c r="H1678" t="s">
        <v>14</v>
      </c>
      <c r="I1678" t="s">
        <v>15</v>
      </c>
      <c r="J1678" s="10">
        <v>1118</v>
      </c>
    </row>
    <row r="1679" spans="1:10" x14ac:dyDescent="0.35">
      <c r="A1679" t="s">
        <v>35</v>
      </c>
      <c r="B1679" t="s">
        <v>93</v>
      </c>
      <c r="C1679" t="s">
        <v>109</v>
      </c>
      <c r="D1679" t="s">
        <v>111</v>
      </c>
      <c r="E1679" s="4">
        <v>45323</v>
      </c>
      <c r="G1679" t="s">
        <v>14</v>
      </c>
      <c r="H1679" t="s">
        <v>14</v>
      </c>
      <c r="I1679" t="s">
        <v>15</v>
      </c>
      <c r="J1679" s="10">
        <v>979</v>
      </c>
    </row>
    <row r="1680" spans="1:10" x14ac:dyDescent="0.35">
      <c r="A1680" t="s">
        <v>20</v>
      </c>
      <c r="B1680" t="s">
        <v>94</v>
      </c>
      <c r="C1680" t="s">
        <v>109</v>
      </c>
      <c r="D1680" t="s">
        <v>111</v>
      </c>
      <c r="E1680" s="4">
        <v>45323</v>
      </c>
      <c r="G1680" t="s">
        <v>14</v>
      </c>
      <c r="H1680" t="s">
        <v>14</v>
      </c>
      <c r="I1680" t="s">
        <v>15</v>
      </c>
      <c r="J1680" s="10">
        <v>1669</v>
      </c>
    </row>
    <row r="1681" spans="1:10" x14ac:dyDescent="0.35">
      <c r="A1681" t="s">
        <v>10</v>
      </c>
      <c r="B1681" t="s">
        <v>11</v>
      </c>
      <c r="C1681" t="s">
        <v>109</v>
      </c>
      <c r="D1681" t="s">
        <v>112</v>
      </c>
      <c r="E1681" s="4">
        <v>45323</v>
      </c>
      <c r="G1681" t="s">
        <v>97</v>
      </c>
      <c r="H1681" t="s">
        <v>14</v>
      </c>
      <c r="I1681" t="s">
        <v>15</v>
      </c>
      <c r="J1681" s="10">
        <v>324</v>
      </c>
    </row>
    <row r="1682" spans="1:10" x14ac:dyDescent="0.35">
      <c r="A1682" t="s">
        <v>10</v>
      </c>
      <c r="B1682" t="s">
        <v>16</v>
      </c>
      <c r="C1682" t="s">
        <v>109</v>
      </c>
      <c r="D1682" t="s">
        <v>112</v>
      </c>
      <c r="E1682" s="4">
        <v>45323</v>
      </c>
      <c r="G1682" t="s">
        <v>97</v>
      </c>
      <c r="H1682" t="s">
        <v>14</v>
      </c>
      <c r="I1682" t="s">
        <v>15</v>
      </c>
      <c r="J1682" s="10">
        <v>634</v>
      </c>
    </row>
    <row r="1683" spans="1:10" x14ac:dyDescent="0.35">
      <c r="A1683" t="s">
        <v>10</v>
      </c>
      <c r="B1683" t="s">
        <v>17</v>
      </c>
      <c r="C1683" t="s">
        <v>109</v>
      </c>
      <c r="D1683" t="s">
        <v>112</v>
      </c>
      <c r="E1683" s="4">
        <v>45323</v>
      </c>
      <c r="G1683" t="s">
        <v>97</v>
      </c>
      <c r="H1683" t="s">
        <v>14</v>
      </c>
      <c r="I1683" t="s">
        <v>15</v>
      </c>
      <c r="J1683" s="10">
        <v>491</v>
      </c>
    </row>
    <row r="1684" spans="1:10" x14ac:dyDescent="0.35">
      <c r="A1684" t="s">
        <v>10</v>
      </c>
      <c r="B1684" t="s">
        <v>18</v>
      </c>
      <c r="C1684" t="s">
        <v>109</v>
      </c>
      <c r="D1684" t="s">
        <v>112</v>
      </c>
      <c r="E1684" s="4">
        <v>45323</v>
      </c>
      <c r="G1684" t="s">
        <v>97</v>
      </c>
      <c r="H1684" t="s">
        <v>14</v>
      </c>
      <c r="I1684" t="s">
        <v>15</v>
      </c>
      <c r="J1684" s="10">
        <v>493</v>
      </c>
    </row>
    <row r="1685" spans="1:10" x14ac:dyDescent="0.35">
      <c r="A1685" t="s">
        <v>10</v>
      </c>
      <c r="B1685" t="s">
        <v>19</v>
      </c>
      <c r="C1685" t="s">
        <v>109</v>
      </c>
      <c r="D1685" t="s">
        <v>112</v>
      </c>
      <c r="E1685" s="4">
        <v>45323</v>
      </c>
      <c r="G1685" t="s">
        <v>97</v>
      </c>
      <c r="H1685" t="s">
        <v>14</v>
      </c>
      <c r="I1685" t="s">
        <v>15</v>
      </c>
      <c r="J1685" s="10">
        <v>432</v>
      </c>
    </row>
    <row r="1686" spans="1:10" x14ac:dyDescent="0.35">
      <c r="A1686" t="s">
        <v>20</v>
      </c>
      <c r="B1686" t="s">
        <v>21</v>
      </c>
      <c r="C1686" t="s">
        <v>109</v>
      </c>
      <c r="D1686" t="s">
        <v>112</v>
      </c>
      <c r="E1686" s="4">
        <v>45323</v>
      </c>
      <c r="G1686" t="s">
        <v>97</v>
      </c>
      <c r="H1686" t="s">
        <v>14</v>
      </c>
      <c r="I1686" t="s">
        <v>15</v>
      </c>
      <c r="J1686" s="10">
        <v>933</v>
      </c>
    </row>
    <row r="1687" spans="1:10" x14ac:dyDescent="0.35">
      <c r="A1687" t="s">
        <v>22</v>
      </c>
      <c r="B1687" t="s">
        <v>23</v>
      </c>
      <c r="C1687" t="s">
        <v>109</v>
      </c>
      <c r="D1687" t="s">
        <v>112</v>
      </c>
      <c r="E1687" s="4">
        <v>45323</v>
      </c>
      <c r="G1687" t="s">
        <v>97</v>
      </c>
      <c r="H1687" t="s">
        <v>14</v>
      </c>
      <c r="I1687" t="s">
        <v>15</v>
      </c>
      <c r="J1687" s="10">
        <v>693</v>
      </c>
    </row>
    <row r="1688" spans="1:10" x14ac:dyDescent="0.35">
      <c r="A1688" t="s">
        <v>10</v>
      </c>
      <c r="B1688" t="s">
        <v>24</v>
      </c>
      <c r="C1688" t="s">
        <v>109</v>
      </c>
      <c r="D1688" t="s">
        <v>112</v>
      </c>
      <c r="E1688" s="4">
        <v>45323</v>
      </c>
      <c r="G1688" t="s">
        <v>97</v>
      </c>
      <c r="H1688" t="s">
        <v>14</v>
      </c>
      <c r="I1688" t="s">
        <v>15</v>
      </c>
      <c r="J1688" s="10">
        <v>605</v>
      </c>
    </row>
    <row r="1689" spans="1:10" x14ac:dyDescent="0.35">
      <c r="A1689" t="s">
        <v>10</v>
      </c>
      <c r="B1689" t="s">
        <v>25</v>
      </c>
      <c r="C1689" t="s">
        <v>109</v>
      </c>
      <c r="D1689" t="s">
        <v>112</v>
      </c>
      <c r="E1689" s="4">
        <v>45323</v>
      </c>
      <c r="G1689" t="s">
        <v>97</v>
      </c>
      <c r="H1689" t="s">
        <v>14</v>
      </c>
      <c r="I1689" t="s">
        <v>15</v>
      </c>
      <c r="J1689" s="10">
        <v>814</v>
      </c>
    </row>
    <row r="1690" spans="1:10" x14ac:dyDescent="0.35">
      <c r="A1690" t="s">
        <v>26</v>
      </c>
      <c r="B1690" t="s">
        <v>27</v>
      </c>
      <c r="C1690" t="s">
        <v>109</v>
      </c>
      <c r="D1690" t="s">
        <v>112</v>
      </c>
      <c r="E1690" s="4">
        <v>45323</v>
      </c>
      <c r="G1690" t="s">
        <v>97</v>
      </c>
      <c r="H1690" t="s">
        <v>14</v>
      </c>
      <c r="I1690" t="s">
        <v>15</v>
      </c>
      <c r="J1690" s="10">
        <v>856</v>
      </c>
    </row>
    <row r="1691" spans="1:10" x14ac:dyDescent="0.35">
      <c r="A1691" t="s">
        <v>28</v>
      </c>
      <c r="B1691" t="s">
        <v>29</v>
      </c>
      <c r="C1691" t="s">
        <v>109</v>
      </c>
      <c r="D1691" t="s">
        <v>112</v>
      </c>
      <c r="E1691" s="4">
        <v>45323</v>
      </c>
      <c r="G1691" t="s">
        <v>97</v>
      </c>
      <c r="H1691" t="s">
        <v>14</v>
      </c>
      <c r="I1691" t="s">
        <v>15</v>
      </c>
      <c r="J1691" s="10">
        <v>1090</v>
      </c>
    </row>
    <row r="1692" spans="1:10" x14ac:dyDescent="0.35">
      <c r="A1692" t="s">
        <v>10</v>
      </c>
      <c r="B1692" t="s">
        <v>30</v>
      </c>
      <c r="C1692" t="s">
        <v>109</v>
      </c>
      <c r="D1692" t="s">
        <v>112</v>
      </c>
      <c r="E1692" s="4">
        <v>45323</v>
      </c>
      <c r="G1692" t="s">
        <v>97</v>
      </c>
      <c r="H1692" t="s">
        <v>14</v>
      </c>
      <c r="I1692" t="s">
        <v>15</v>
      </c>
      <c r="J1692" s="10">
        <v>610</v>
      </c>
    </row>
    <row r="1693" spans="1:10" x14ac:dyDescent="0.35">
      <c r="A1693" t="s">
        <v>26</v>
      </c>
      <c r="B1693" t="s">
        <v>31</v>
      </c>
      <c r="C1693" t="s">
        <v>109</v>
      </c>
      <c r="D1693" t="s">
        <v>112</v>
      </c>
      <c r="E1693" s="4">
        <v>45323</v>
      </c>
      <c r="G1693" t="s">
        <v>97</v>
      </c>
      <c r="H1693" t="s">
        <v>14</v>
      </c>
      <c r="I1693" t="s">
        <v>15</v>
      </c>
      <c r="J1693" s="10">
        <v>812</v>
      </c>
    </row>
    <row r="1694" spans="1:10" x14ac:dyDescent="0.35">
      <c r="A1694" t="s">
        <v>28</v>
      </c>
      <c r="B1694" t="s">
        <v>32</v>
      </c>
      <c r="C1694" t="s">
        <v>109</v>
      </c>
      <c r="D1694" t="s">
        <v>112</v>
      </c>
      <c r="E1694" s="4">
        <v>45323</v>
      </c>
      <c r="G1694" t="s">
        <v>97</v>
      </c>
      <c r="H1694" t="s">
        <v>14</v>
      </c>
      <c r="I1694" t="s">
        <v>15</v>
      </c>
      <c r="J1694" s="10">
        <v>1184</v>
      </c>
    </row>
    <row r="1695" spans="1:10" x14ac:dyDescent="0.35">
      <c r="A1695" t="s">
        <v>33</v>
      </c>
      <c r="B1695" t="s">
        <v>34</v>
      </c>
      <c r="C1695" t="s">
        <v>109</v>
      </c>
      <c r="D1695" t="s">
        <v>112</v>
      </c>
      <c r="E1695" s="4">
        <v>45323</v>
      </c>
      <c r="G1695" t="s">
        <v>97</v>
      </c>
      <c r="H1695" t="s">
        <v>14</v>
      </c>
      <c r="I1695" t="s">
        <v>15</v>
      </c>
      <c r="J1695" s="10">
        <v>659</v>
      </c>
    </row>
    <row r="1696" spans="1:10" x14ac:dyDescent="0.35">
      <c r="A1696" t="s">
        <v>35</v>
      </c>
      <c r="B1696" t="s">
        <v>36</v>
      </c>
      <c r="C1696" t="s">
        <v>109</v>
      </c>
      <c r="D1696" t="s">
        <v>112</v>
      </c>
      <c r="E1696" s="4">
        <v>45323</v>
      </c>
      <c r="G1696" t="s">
        <v>97</v>
      </c>
      <c r="H1696" t="s">
        <v>14</v>
      </c>
      <c r="I1696" t="s">
        <v>15</v>
      </c>
      <c r="J1696" s="10">
        <v>874</v>
      </c>
    </row>
    <row r="1697" spans="1:10" x14ac:dyDescent="0.35">
      <c r="A1697" t="s">
        <v>28</v>
      </c>
      <c r="B1697" t="s">
        <v>37</v>
      </c>
      <c r="C1697" t="s">
        <v>109</v>
      </c>
      <c r="D1697" t="s">
        <v>112</v>
      </c>
      <c r="E1697" s="4">
        <v>45323</v>
      </c>
      <c r="G1697" t="s">
        <v>97</v>
      </c>
      <c r="H1697" t="s">
        <v>14</v>
      </c>
      <c r="I1697" t="s">
        <v>15</v>
      </c>
      <c r="J1697" s="10">
        <v>939</v>
      </c>
    </row>
    <row r="1698" spans="1:10" x14ac:dyDescent="0.35">
      <c r="A1698" t="s">
        <v>20</v>
      </c>
      <c r="B1698" t="s">
        <v>38</v>
      </c>
      <c r="C1698" t="s">
        <v>109</v>
      </c>
      <c r="D1698" t="s">
        <v>112</v>
      </c>
      <c r="E1698" s="4">
        <v>45323</v>
      </c>
      <c r="G1698" t="s">
        <v>97</v>
      </c>
      <c r="H1698" t="s">
        <v>14</v>
      </c>
      <c r="I1698" t="s">
        <v>15</v>
      </c>
      <c r="J1698" s="10">
        <v>984</v>
      </c>
    </row>
    <row r="1699" spans="1:10" x14ac:dyDescent="0.35">
      <c r="A1699" t="s">
        <v>33</v>
      </c>
      <c r="B1699" t="s">
        <v>39</v>
      </c>
      <c r="C1699" t="s">
        <v>109</v>
      </c>
      <c r="D1699" t="s">
        <v>112</v>
      </c>
      <c r="E1699" s="4">
        <v>45323</v>
      </c>
      <c r="G1699" t="s">
        <v>97</v>
      </c>
      <c r="H1699" t="s">
        <v>14</v>
      </c>
      <c r="I1699" t="s">
        <v>15</v>
      </c>
      <c r="J1699" s="10">
        <v>725</v>
      </c>
    </row>
    <row r="1700" spans="1:10" x14ac:dyDescent="0.35">
      <c r="A1700" t="s">
        <v>20</v>
      </c>
      <c r="B1700" t="s">
        <v>40</v>
      </c>
      <c r="C1700" t="s">
        <v>109</v>
      </c>
      <c r="D1700" t="s">
        <v>112</v>
      </c>
      <c r="E1700" s="4">
        <v>45323</v>
      </c>
      <c r="G1700" t="s">
        <v>97</v>
      </c>
      <c r="H1700" t="s">
        <v>14</v>
      </c>
      <c r="I1700" t="s">
        <v>15</v>
      </c>
      <c r="J1700" s="10">
        <v>833</v>
      </c>
    </row>
    <row r="1701" spans="1:10" x14ac:dyDescent="0.35">
      <c r="A1701" t="s">
        <v>35</v>
      </c>
      <c r="B1701" t="s">
        <v>41</v>
      </c>
      <c r="C1701" t="s">
        <v>109</v>
      </c>
      <c r="D1701" t="s">
        <v>112</v>
      </c>
      <c r="E1701" s="4">
        <v>45323</v>
      </c>
      <c r="G1701" t="s">
        <v>97</v>
      </c>
      <c r="H1701" t="s">
        <v>14</v>
      </c>
      <c r="I1701" t="s">
        <v>15</v>
      </c>
      <c r="J1701" s="10">
        <v>1080</v>
      </c>
    </row>
    <row r="1702" spans="1:10" x14ac:dyDescent="0.35">
      <c r="A1702" t="s">
        <v>35</v>
      </c>
      <c r="B1702" t="s">
        <v>42</v>
      </c>
      <c r="C1702" t="s">
        <v>109</v>
      </c>
      <c r="D1702" t="s">
        <v>112</v>
      </c>
      <c r="E1702" s="4">
        <v>45323</v>
      </c>
      <c r="G1702" t="s">
        <v>97</v>
      </c>
      <c r="H1702" t="s">
        <v>14</v>
      </c>
      <c r="I1702" t="s">
        <v>15</v>
      </c>
      <c r="J1702" s="10">
        <v>974</v>
      </c>
    </row>
    <row r="1703" spans="1:10" x14ac:dyDescent="0.35">
      <c r="A1703" t="s">
        <v>35</v>
      </c>
      <c r="B1703" t="s">
        <v>43</v>
      </c>
      <c r="C1703" t="s">
        <v>109</v>
      </c>
      <c r="D1703" t="s">
        <v>112</v>
      </c>
      <c r="E1703" s="4">
        <v>45323</v>
      </c>
      <c r="G1703" t="s">
        <v>97</v>
      </c>
      <c r="H1703" t="s">
        <v>14</v>
      </c>
      <c r="I1703" t="s">
        <v>15</v>
      </c>
      <c r="J1703" s="10">
        <v>905</v>
      </c>
    </row>
    <row r="1704" spans="1:10" x14ac:dyDescent="0.35">
      <c r="A1704" t="s">
        <v>28</v>
      </c>
      <c r="B1704" t="s">
        <v>44</v>
      </c>
      <c r="C1704" t="s">
        <v>109</v>
      </c>
      <c r="D1704" t="s">
        <v>112</v>
      </c>
      <c r="E1704" s="4">
        <v>45323</v>
      </c>
      <c r="G1704" t="s">
        <v>97</v>
      </c>
      <c r="H1704" t="s">
        <v>14</v>
      </c>
      <c r="I1704" t="s">
        <v>15</v>
      </c>
      <c r="J1704" s="10">
        <v>1041</v>
      </c>
    </row>
    <row r="1705" spans="1:10" x14ac:dyDescent="0.35">
      <c r="A1705" t="s">
        <v>10</v>
      </c>
      <c r="B1705" t="s">
        <v>45</v>
      </c>
      <c r="C1705" t="s">
        <v>109</v>
      </c>
      <c r="D1705" t="s">
        <v>112</v>
      </c>
      <c r="E1705" s="4">
        <v>45323</v>
      </c>
      <c r="G1705" t="s">
        <v>97</v>
      </c>
      <c r="H1705" t="s">
        <v>14</v>
      </c>
      <c r="I1705" t="s">
        <v>15</v>
      </c>
      <c r="J1705" s="10">
        <v>843</v>
      </c>
    </row>
    <row r="1706" spans="1:10" x14ac:dyDescent="0.35">
      <c r="A1706" t="s">
        <v>10</v>
      </c>
      <c r="B1706" t="s">
        <v>46</v>
      </c>
      <c r="C1706" t="s">
        <v>109</v>
      </c>
      <c r="D1706" t="s">
        <v>112</v>
      </c>
      <c r="E1706" s="4">
        <v>45323</v>
      </c>
      <c r="G1706" t="s">
        <v>97</v>
      </c>
      <c r="H1706" t="s">
        <v>14</v>
      </c>
      <c r="I1706" t="s">
        <v>15</v>
      </c>
      <c r="J1706" s="10">
        <v>766</v>
      </c>
    </row>
    <row r="1707" spans="1:10" x14ac:dyDescent="0.35">
      <c r="A1707" t="s">
        <v>33</v>
      </c>
      <c r="B1707" t="s">
        <v>47</v>
      </c>
      <c r="C1707" t="s">
        <v>109</v>
      </c>
      <c r="D1707" t="s">
        <v>112</v>
      </c>
      <c r="E1707" s="4">
        <v>45323</v>
      </c>
      <c r="G1707" t="s">
        <v>97</v>
      </c>
      <c r="H1707" t="s">
        <v>14</v>
      </c>
      <c r="I1707" t="s">
        <v>15</v>
      </c>
      <c r="J1707" s="10">
        <v>608</v>
      </c>
    </row>
    <row r="1708" spans="1:10" x14ac:dyDescent="0.35">
      <c r="A1708" t="s">
        <v>20</v>
      </c>
      <c r="B1708" t="s">
        <v>48</v>
      </c>
      <c r="C1708" t="s">
        <v>109</v>
      </c>
      <c r="D1708" t="s">
        <v>112</v>
      </c>
      <c r="E1708" s="4">
        <v>45323</v>
      </c>
      <c r="G1708" t="s">
        <v>97</v>
      </c>
      <c r="H1708" t="s">
        <v>14</v>
      </c>
      <c r="I1708" t="s">
        <v>15</v>
      </c>
      <c r="J1708" s="10">
        <v>867</v>
      </c>
    </row>
    <row r="1709" spans="1:10" x14ac:dyDescent="0.35">
      <c r="A1709" t="s">
        <v>28</v>
      </c>
      <c r="B1709" t="s">
        <v>49</v>
      </c>
      <c r="C1709" t="s">
        <v>109</v>
      </c>
      <c r="D1709" t="s">
        <v>112</v>
      </c>
      <c r="E1709" s="4">
        <v>45323</v>
      </c>
      <c r="G1709" t="s">
        <v>97</v>
      </c>
      <c r="H1709" t="s">
        <v>14</v>
      </c>
      <c r="I1709" t="s">
        <v>15</v>
      </c>
      <c r="J1709" s="10">
        <v>776</v>
      </c>
    </row>
    <row r="1710" spans="1:10" x14ac:dyDescent="0.35">
      <c r="A1710" t="s">
        <v>35</v>
      </c>
      <c r="B1710" t="s">
        <v>50</v>
      </c>
      <c r="C1710" t="s">
        <v>109</v>
      </c>
      <c r="D1710" t="s">
        <v>112</v>
      </c>
      <c r="E1710" s="4">
        <v>45323</v>
      </c>
      <c r="G1710" t="s">
        <v>97</v>
      </c>
      <c r="H1710" t="s">
        <v>14</v>
      </c>
      <c r="I1710" t="s">
        <v>15</v>
      </c>
      <c r="J1710" s="10">
        <v>822</v>
      </c>
    </row>
    <row r="1711" spans="1:10" x14ac:dyDescent="0.35">
      <c r="A1711" t="s">
        <v>22</v>
      </c>
      <c r="B1711" t="s">
        <v>51</v>
      </c>
      <c r="C1711" t="s">
        <v>109</v>
      </c>
      <c r="D1711" t="s">
        <v>112</v>
      </c>
      <c r="E1711" s="4">
        <v>45323</v>
      </c>
      <c r="G1711" t="s">
        <v>97</v>
      </c>
      <c r="H1711" t="s">
        <v>14</v>
      </c>
      <c r="I1711" t="s">
        <v>15</v>
      </c>
      <c r="J1711" s="10">
        <v>344</v>
      </c>
    </row>
    <row r="1712" spans="1:10" x14ac:dyDescent="0.35">
      <c r="A1712" t="s">
        <v>22</v>
      </c>
      <c r="B1712" t="s">
        <v>52</v>
      </c>
      <c r="C1712" t="s">
        <v>109</v>
      </c>
      <c r="D1712" t="s">
        <v>112</v>
      </c>
      <c r="E1712" s="4">
        <v>45323</v>
      </c>
      <c r="G1712" t="s">
        <v>97</v>
      </c>
      <c r="H1712" t="s">
        <v>14</v>
      </c>
      <c r="I1712" t="s">
        <v>15</v>
      </c>
      <c r="J1712" s="10">
        <v>685</v>
      </c>
    </row>
    <row r="1713" spans="1:10" x14ac:dyDescent="0.35">
      <c r="A1713" t="s">
        <v>22</v>
      </c>
      <c r="B1713" t="s">
        <v>53</v>
      </c>
      <c r="C1713" t="s">
        <v>109</v>
      </c>
      <c r="D1713" t="s">
        <v>112</v>
      </c>
      <c r="E1713" s="4">
        <v>45323</v>
      </c>
      <c r="G1713" t="s">
        <v>97</v>
      </c>
      <c r="H1713" t="s">
        <v>14</v>
      </c>
      <c r="I1713" t="s">
        <v>15</v>
      </c>
      <c r="J1713" s="10">
        <v>480</v>
      </c>
    </row>
    <row r="1714" spans="1:10" x14ac:dyDescent="0.35">
      <c r="A1714" t="s">
        <v>22</v>
      </c>
      <c r="B1714" t="s">
        <v>54</v>
      </c>
      <c r="C1714" t="s">
        <v>109</v>
      </c>
      <c r="D1714" t="s">
        <v>112</v>
      </c>
      <c r="E1714" s="4">
        <v>45323</v>
      </c>
      <c r="G1714" t="s">
        <v>97</v>
      </c>
      <c r="H1714" t="s">
        <v>14</v>
      </c>
      <c r="I1714" t="s">
        <v>15</v>
      </c>
      <c r="J1714" s="10">
        <v>500</v>
      </c>
    </row>
    <row r="1715" spans="1:10" x14ac:dyDescent="0.35">
      <c r="A1715" t="s">
        <v>22</v>
      </c>
      <c r="B1715" t="s">
        <v>55</v>
      </c>
      <c r="C1715" t="s">
        <v>109</v>
      </c>
      <c r="D1715" t="s">
        <v>112</v>
      </c>
      <c r="E1715" s="4">
        <v>45323</v>
      </c>
      <c r="G1715" t="s">
        <v>97</v>
      </c>
      <c r="H1715" t="s">
        <v>14</v>
      </c>
      <c r="I1715" t="s">
        <v>15</v>
      </c>
      <c r="J1715" s="10">
        <v>394</v>
      </c>
    </row>
    <row r="1716" spans="1:10" x14ac:dyDescent="0.35">
      <c r="A1716" t="s">
        <v>22</v>
      </c>
      <c r="B1716" t="s">
        <v>56</v>
      </c>
      <c r="C1716" t="s">
        <v>109</v>
      </c>
      <c r="D1716" t="s">
        <v>112</v>
      </c>
      <c r="E1716" s="4">
        <v>45323</v>
      </c>
      <c r="G1716" t="s">
        <v>97</v>
      </c>
      <c r="H1716" t="s">
        <v>14</v>
      </c>
      <c r="I1716" t="s">
        <v>15</v>
      </c>
      <c r="J1716" s="10">
        <v>644</v>
      </c>
    </row>
    <row r="1717" spans="1:10" x14ac:dyDescent="0.35">
      <c r="A1717" t="s">
        <v>28</v>
      </c>
      <c r="B1717" t="s">
        <v>58</v>
      </c>
      <c r="C1717" t="s">
        <v>109</v>
      </c>
      <c r="D1717" t="s">
        <v>112</v>
      </c>
      <c r="E1717" s="4">
        <v>45323</v>
      </c>
      <c r="G1717" t="s">
        <v>97</v>
      </c>
      <c r="H1717" t="s">
        <v>14</v>
      </c>
      <c r="I1717" t="s">
        <v>15</v>
      </c>
      <c r="J1717" s="10">
        <v>754</v>
      </c>
    </row>
    <row r="1718" spans="1:10" x14ac:dyDescent="0.35">
      <c r="A1718" t="s">
        <v>20</v>
      </c>
      <c r="B1718" t="s">
        <v>59</v>
      </c>
      <c r="C1718" t="s">
        <v>109</v>
      </c>
      <c r="D1718" t="s">
        <v>112</v>
      </c>
      <c r="E1718" s="4">
        <v>45323</v>
      </c>
      <c r="G1718" t="s">
        <v>97</v>
      </c>
      <c r="H1718" t="s">
        <v>14</v>
      </c>
      <c r="I1718" t="s">
        <v>15</v>
      </c>
      <c r="J1718" s="10">
        <v>729</v>
      </c>
    </row>
    <row r="1719" spans="1:10" x14ac:dyDescent="0.35">
      <c r="A1719" t="s">
        <v>20</v>
      </c>
      <c r="B1719" t="s">
        <v>60</v>
      </c>
      <c r="C1719" t="s">
        <v>109</v>
      </c>
      <c r="D1719" t="s">
        <v>112</v>
      </c>
      <c r="E1719" s="4">
        <v>45323</v>
      </c>
      <c r="G1719" t="s">
        <v>97</v>
      </c>
      <c r="H1719" t="s">
        <v>14</v>
      </c>
      <c r="I1719" t="s">
        <v>15</v>
      </c>
      <c r="J1719" s="10">
        <v>824</v>
      </c>
    </row>
    <row r="1720" spans="1:10" x14ac:dyDescent="0.35">
      <c r="A1720" t="s">
        <v>28</v>
      </c>
      <c r="B1720" t="s">
        <v>61</v>
      </c>
      <c r="C1720" t="s">
        <v>109</v>
      </c>
      <c r="D1720" t="s">
        <v>112</v>
      </c>
      <c r="E1720" s="4">
        <v>45323</v>
      </c>
      <c r="G1720" t="s">
        <v>97</v>
      </c>
      <c r="H1720" t="s">
        <v>14</v>
      </c>
      <c r="I1720" t="s">
        <v>15</v>
      </c>
      <c r="J1720" s="10">
        <v>1132</v>
      </c>
    </row>
    <row r="1721" spans="1:10" x14ac:dyDescent="0.35">
      <c r="A1721" t="s">
        <v>62</v>
      </c>
      <c r="B1721" t="s">
        <v>63</v>
      </c>
      <c r="C1721" t="s">
        <v>109</v>
      </c>
      <c r="D1721" t="s">
        <v>112</v>
      </c>
      <c r="E1721" s="4">
        <v>45323</v>
      </c>
      <c r="G1721" t="s">
        <v>97</v>
      </c>
      <c r="H1721" t="s">
        <v>14</v>
      </c>
      <c r="I1721" t="s">
        <v>15</v>
      </c>
      <c r="J1721" s="10">
        <v>759</v>
      </c>
    </row>
    <row r="1722" spans="1:10" x14ac:dyDescent="0.35">
      <c r="A1722" t="s">
        <v>62</v>
      </c>
      <c r="B1722" t="s">
        <v>64</v>
      </c>
      <c r="C1722" t="s">
        <v>109</v>
      </c>
      <c r="D1722" t="s">
        <v>112</v>
      </c>
      <c r="E1722" s="4">
        <v>45323</v>
      </c>
      <c r="G1722" t="s">
        <v>97</v>
      </c>
      <c r="H1722" t="s">
        <v>14</v>
      </c>
      <c r="I1722" t="s">
        <v>15</v>
      </c>
      <c r="J1722" s="10">
        <v>905</v>
      </c>
    </row>
    <row r="1723" spans="1:10" x14ac:dyDescent="0.35">
      <c r="A1723" t="s">
        <v>62</v>
      </c>
      <c r="B1723" t="s">
        <v>65</v>
      </c>
      <c r="C1723" t="s">
        <v>109</v>
      </c>
      <c r="D1723" t="s">
        <v>112</v>
      </c>
      <c r="E1723" s="4">
        <v>45323</v>
      </c>
      <c r="G1723" t="s">
        <v>97</v>
      </c>
      <c r="H1723" t="s">
        <v>14</v>
      </c>
      <c r="I1723" t="s">
        <v>15</v>
      </c>
      <c r="J1723" s="10">
        <v>474</v>
      </c>
    </row>
    <row r="1724" spans="1:10" x14ac:dyDescent="0.35">
      <c r="A1724" t="s">
        <v>62</v>
      </c>
      <c r="B1724" t="s">
        <v>66</v>
      </c>
      <c r="C1724" t="s">
        <v>109</v>
      </c>
      <c r="D1724" t="s">
        <v>112</v>
      </c>
      <c r="E1724" s="4">
        <v>45323</v>
      </c>
      <c r="G1724" t="s">
        <v>97</v>
      </c>
      <c r="H1724" t="s">
        <v>14</v>
      </c>
      <c r="I1724" t="s">
        <v>15</v>
      </c>
      <c r="J1724" s="10">
        <v>882</v>
      </c>
    </row>
    <row r="1725" spans="1:10" x14ac:dyDescent="0.35">
      <c r="A1725" t="s">
        <v>62</v>
      </c>
      <c r="B1725" t="s">
        <v>67</v>
      </c>
      <c r="C1725" t="s">
        <v>109</v>
      </c>
      <c r="D1725" t="s">
        <v>112</v>
      </c>
      <c r="E1725" s="4">
        <v>45323</v>
      </c>
      <c r="G1725" t="s">
        <v>97</v>
      </c>
      <c r="H1725" t="s">
        <v>14</v>
      </c>
      <c r="I1725" t="s">
        <v>15</v>
      </c>
      <c r="J1725" s="10">
        <v>938</v>
      </c>
    </row>
    <row r="1726" spans="1:10" x14ac:dyDescent="0.35">
      <c r="A1726" t="s">
        <v>62</v>
      </c>
      <c r="B1726" t="s">
        <v>68</v>
      </c>
      <c r="C1726" t="s">
        <v>109</v>
      </c>
      <c r="D1726" t="s">
        <v>112</v>
      </c>
      <c r="E1726" s="4">
        <v>45323</v>
      </c>
      <c r="G1726" t="s">
        <v>97</v>
      </c>
      <c r="H1726" t="s">
        <v>14</v>
      </c>
      <c r="I1726" t="s">
        <v>15</v>
      </c>
      <c r="J1726" s="10">
        <v>917</v>
      </c>
    </row>
    <row r="1727" spans="1:10" x14ac:dyDescent="0.35">
      <c r="A1727" t="s">
        <v>62</v>
      </c>
      <c r="B1727" t="s">
        <v>69</v>
      </c>
      <c r="C1727" t="s">
        <v>109</v>
      </c>
      <c r="D1727" t="s">
        <v>112</v>
      </c>
      <c r="E1727" s="4">
        <v>45323</v>
      </c>
      <c r="G1727" t="s">
        <v>97</v>
      </c>
      <c r="H1727" t="s">
        <v>14</v>
      </c>
      <c r="I1727" t="s">
        <v>15</v>
      </c>
      <c r="J1727" s="10">
        <v>1028</v>
      </c>
    </row>
    <row r="1728" spans="1:10" x14ac:dyDescent="0.35">
      <c r="A1728" t="s">
        <v>62</v>
      </c>
      <c r="B1728" t="s">
        <v>70</v>
      </c>
      <c r="C1728" t="s">
        <v>109</v>
      </c>
      <c r="D1728" t="s">
        <v>112</v>
      </c>
      <c r="E1728" s="4">
        <v>45323</v>
      </c>
      <c r="G1728" t="s">
        <v>97</v>
      </c>
      <c r="H1728" t="s">
        <v>14</v>
      </c>
      <c r="I1728" t="s">
        <v>15</v>
      </c>
      <c r="J1728" s="10">
        <v>640</v>
      </c>
    </row>
    <row r="1729" spans="1:10" x14ac:dyDescent="0.35">
      <c r="A1729" t="s">
        <v>35</v>
      </c>
      <c r="B1729" t="s">
        <v>71</v>
      </c>
      <c r="C1729" t="s">
        <v>109</v>
      </c>
      <c r="D1729" t="s">
        <v>112</v>
      </c>
      <c r="E1729" s="4">
        <v>45323</v>
      </c>
      <c r="G1729" t="s">
        <v>97</v>
      </c>
      <c r="H1729" t="s">
        <v>14</v>
      </c>
      <c r="I1729" t="s">
        <v>15</v>
      </c>
      <c r="J1729" s="10">
        <v>1152</v>
      </c>
    </row>
    <row r="1730" spans="1:10" x14ac:dyDescent="0.35">
      <c r="A1730" t="s">
        <v>20</v>
      </c>
      <c r="B1730" t="s">
        <v>72</v>
      </c>
      <c r="C1730" t="s">
        <v>109</v>
      </c>
      <c r="D1730" t="s">
        <v>112</v>
      </c>
      <c r="E1730" s="4">
        <v>45323</v>
      </c>
      <c r="G1730" t="s">
        <v>97</v>
      </c>
      <c r="H1730" t="s">
        <v>14</v>
      </c>
      <c r="I1730" t="s">
        <v>15</v>
      </c>
      <c r="J1730" s="10">
        <v>949</v>
      </c>
    </row>
    <row r="1731" spans="1:10" x14ac:dyDescent="0.35">
      <c r="A1731" t="s">
        <v>26</v>
      </c>
      <c r="B1731" t="s">
        <v>73</v>
      </c>
      <c r="C1731" t="s">
        <v>109</v>
      </c>
      <c r="D1731" t="s">
        <v>112</v>
      </c>
      <c r="E1731" s="4">
        <v>45323</v>
      </c>
      <c r="G1731" t="s">
        <v>97</v>
      </c>
      <c r="H1731" t="s">
        <v>14</v>
      </c>
      <c r="I1731" t="s">
        <v>15</v>
      </c>
      <c r="J1731" s="10">
        <v>762</v>
      </c>
    </row>
    <row r="1732" spans="1:10" x14ac:dyDescent="0.35">
      <c r="A1732" t="s">
        <v>28</v>
      </c>
      <c r="B1732" t="s">
        <v>74</v>
      </c>
      <c r="C1732" t="s">
        <v>109</v>
      </c>
      <c r="D1732" t="s">
        <v>112</v>
      </c>
      <c r="E1732" s="4">
        <v>45323</v>
      </c>
      <c r="G1732" t="s">
        <v>97</v>
      </c>
      <c r="H1732" t="s">
        <v>14</v>
      </c>
      <c r="I1732" t="s">
        <v>15</v>
      </c>
      <c r="J1732" s="10">
        <v>1124</v>
      </c>
    </row>
    <row r="1733" spans="1:10" x14ac:dyDescent="0.35">
      <c r="A1733" t="s">
        <v>33</v>
      </c>
      <c r="B1733" t="s">
        <v>75</v>
      </c>
      <c r="C1733" t="s">
        <v>109</v>
      </c>
      <c r="D1733" t="s">
        <v>112</v>
      </c>
      <c r="E1733" s="4">
        <v>45323</v>
      </c>
      <c r="G1733" t="s">
        <v>97</v>
      </c>
      <c r="H1733" t="s">
        <v>14</v>
      </c>
      <c r="I1733" t="s">
        <v>15</v>
      </c>
      <c r="J1733" s="10">
        <v>881</v>
      </c>
    </row>
    <row r="1734" spans="1:10" x14ac:dyDescent="0.35">
      <c r="A1734" t="s">
        <v>22</v>
      </c>
      <c r="B1734" t="s">
        <v>76</v>
      </c>
      <c r="C1734" t="s">
        <v>109</v>
      </c>
      <c r="D1734" t="s">
        <v>112</v>
      </c>
      <c r="E1734" s="4">
        <v>45323</v>
      </c>
      <c r="G1734" t="s">
        <v>97</v>
      </c>
      <c r="H1734" t="s">
        <v>14</v>
      </c>
      <c r="I1734" t="s">
        <v>15</v>
      </c>
      <c r="J1734" s="10">
        <v>895</v>
      </c>
    </row>
    <row r="1735" spans="1:10" x14ac:dyDescent="0.35">
      <c r="A1735" t="s">
        <v>33</v>
      </c>
      <c r="B1735" t="s">
        <v>77</v>
      </c>
      <c r="C1735" t="s">
        <v>109</v>
      </c>
      <c r="D1735" t="s">
        <v>112</v>
      </c>
      <c r="E1735" s="4">
        <v>45323</v>
      </c>
      <c r="G1735" t="s">
        <v>97</v>
      </c>
      <c r="H1735" t="s">
        <v>14</v>
      </c>
      <c r="I1735" t="s">
        <v>15</v>
      </c>
      <c r="J1735" s="10">
        <v>734</v>
      </c>
    </row>
    <row r="1736" spans="1:10" x14ac:dyDescent="0.35">
      <c r="A1736" t="s">
        <v>22</v>
      </c>
      <c r="B1736" t="s">
        <v>78</v>
      </c>
      <c r="C1736" t="s">
        <v>109</v>
      </c>
      <c r="D1736" t="s">
        <v>112</v>
      </c>
      <c r="E1736" s="4">
        <v>45323</v>
      </c>
      <c r="G1736" t="s">
        <v>97</v>
      </c>
      <c r="H1736" t="s">
        <v>14</v>
      </c>
      <c r="I1736" t="s">
        <v>15</v>
      </c>
      <c r="J1736" s="10">
        <v>830</v>
      </c>
    </row>
    <row r="1737" spans="1:10" x14ac:dyDescent="0.35">
      <c r="A1737" t="s">
        <v>28</v>
      </c>
      <c r="B1737" t="s">
        <v>79</v>
      </c>
      <c r="C1737" t="s">
        <v>109</v>
      </c>
      <c r="D1737" t="s">
        <v>112</v>
      </c>
      <c r="E1737" s="4">
        <v>45323</v>
      </c>
      <c r="G1737" t="s">
        <v>97</v>
      </c>
      <c r="H1737" t="s">
        <v>14</v>
      </c>
      <c r="I1737" t="s">
        <v>15</v>
      </c>
      <c r="J1737" s="10">
        <v>685</v>
      </c>
    </row>
    <row r="1738" spans="1:10" x14ac:dyDescent="0.35">
      <c r="A1738" t="s">
        <v>26</v>
      </c>
      <c r="B1738" t="s">
        <v>80</v>
      </c>
      <c r="C1738" t="s">
        <v>109</v>
      </c>
      <c r="D1738" t="s">
        <v>112</v>
      </c>
      <c r="E1738" s="4">
        <v>45323</v>
      </c>
      <c r="G1738" t="s">
        <v>97</v>
      </c>
      <c r="H1738" t="s">
        <v>14</v>
      </c>
      <c r="I1738" t="s">
        <v>15</v>
      </c>
      <c r="J1738" s="10">
        <v>612</v>
      </c>
    </row>
    <row r="1739" spans="1:10" x14ac:dyDescent="0.35">
      <c r="A1739" t="s">
        <v>20</v>
      </c>
      <c r="B1739" t="s">
        <v>81</v>
      </c>
      <c r="C1739" t="s">
        <v>109</v>
      </c>
      <c r="D1739" t="s">
        <v>112</v>
      </c>
      <c r="E1739" s="4">
        <v>45323</v>
      </c>
      <c r="G1739" t="s">
        <v>97</v>
      </c>
      <c r="H1739" t="s">
        <v>14</v>
      </c>
      <c r="I1739" t="s">
        <v>15</v>
      </c>
      <c r="J1739" s="10">
        <v>1060</v>
      </c>
    </row>
    <row r="1740" spans="1:10" x14ac:dyDescent="0.35">
      <c r="A1740" t="s">
        <v>26</v>
      </c>
      <c r="B1740" t="s">
        <v>57</v>
      </c>
      <c r="C1740" t="s">
        <v>109</v>
      </c>
      <c r="D1740" t="s">
        <v>112</v>
      </c>
      <c r="E1740" s="4">
        <v>45323</v>
      </c>
      <c r="G1740" t="s">
        <v>97</v>
      </c>
      <c r="H1740" t="s">
        <v>14</v>
      </c>
      <c r="I1740" t="s">
        <v>15</v>
      </c>
      <c r="J1740" s="10">
        <v>375</v>
      </c>
    </row>
    <row r="1741" spans="1:10" x14ac:dyDescent="0.35">
      <c r="A1741" t="s">
        <v>33</v>
      </c>
      <c r="B1741" t="s">
        <v>82</v>
      </c>
      <c r="C1741" t="s">
        <v>109</v>
      </c>
      <c r="D1741" t="s">
        <v>112</v>
      </c>
      <c r="E1741" s="4">
        <v>45323</v>
      </c>
      <c r="G1741" t="s">
        <v>97</v>
      </c>
      <c r="H1741" t="s">
        <v>14</v>
      </c>
      <c r="I1741" t="s">
        <v>15</v>
      </c>
      <c r="J1741" s="10">
        <v>670</v>
      </c>
    </row>
    <row r="1742" spans="1:10" x14ac:dyDescent="0.35">
      <c r="A1742" t="s">
        <v>26</v>
      </c>
      <c r="B1742" t="s">
        <v>83</v>
      </c>
      <c r="C1742" t="s">
        <v>109</v>
      </c>
      <c r="D1742" t="s">
        <v>112</v>
      </c>
      <c r="E1742" s="4">
        <v>45323</v>
      </c>
      <c r="G1742" t="s">
        <v>97</v>
      </c>
      <c r="H1742" t="s">
        <v>14</v>
      </c>
      <c r="I1742" t="s">
        <v>15</v>
      </c>
      <c r="J1742" s="10">
        <v>243</v>
      </c>
    </row>
    <row r="1743" spans="1:10" x14ac:dyDescent="0.35">
      <c r="A1743" t="s">
        <v>35</v>
      </c>
      <c r="B1743" t="s">
        <v>84</v>
      </c>
      <c r="C1743" t="s">
        <v>109</v>
      </c>
      <c r="D1743" t="s">
        <v>112</v>
      </c>
      <c r="E1743" s="4">
        <v>45323</v>
      </c>
      <c r="G1743" t="s">
        <v>97</v>
      </c>
      <c r="H1743" t="s">
        <v>14</v>
      </c>
      <c r="I1743" t="s">
        <v>15</v>
      </c>
      <c r="J1743" s="10">
        <v>838</v>
      </c>
    </row>
    <row r="1744" spans="1:10" x14ac:dyDescent="0.35">
      <c r="A1744" t="s">
        <v>33</v>
      </c>
      <c r="B1744" t="s">
        <v>85</v>
      </c>
      <c r="C1744" t="s">
        <v>109</v>
      </c>
      <c r="D1744" t="s">
        <v>112</v>
      </c>
      <c r="E1744" s="4">
        <v>45323</v>
      </c>
      <c r="G1744" t="s">
        <v>97</v>
      </c>
      <c r="H1744" t="s">
        <v>14</v>
      </c>
      <c r="I1744" t="s">
        <v>15</v>
      </c>
      <c r="J1744" s="10">
        <v>779</v>
      </c>
    </row>
    <row r="1745" spans="1:10" x14ac:dyDescent="0.35">
      <c r="A1745" t="s">
        <v>33</v>
      </c>
      <c r="B1745" t="s">
        <v>86</v>
      </c>
      <c r="C1745" t="s">
        <v>109</v>
      </c>
      <c r="D1745" t="s">
        <v>112</v>
      </c>
      <c r="E1745" s="4">
        <v>45323</v>
      </c>
      <c r="G1745" t="s">
        <v>97</v>
      </c>
      <c r="H1745" t="s">
        <v>14</v>
      </c>
      <c r="I1745" t="s">
        <v>15</v>
      </c>
      <c r="J1745" s="10">
        <v>700</v>
      </c>
    </row>
    <row r="1746" spans="1:10" x14ac:dyDescent="0.35">
      <c r="A1746" t="s">
        <v>35</v>
      </c>
      <c r="B1746" t="s">
        <v>87</v>
      </c>
      <c r="C1746" t="s">
        <v>109</v>
      </c>
      <c r="D1746" t="s">
        <v>112</v>
      </c>
      <c r="E1746" s="4">
        <v>45323</v>
      </c>
      <c r="G1746" t="s">
        <v>97</v>
      </c>
      <c r="H1746" t="s">
        <v>14</v>
      </c>
      <c r="I1746" t="s">
        <v>15</v>
      </c>
      <c r="J1746" s="10">
        <v>785</v>
      </c>
    </row>
    <row r="1747" spans="1:10" x14ac:dyDescent="0.35">
      <c r="A1747" t="s">
        <v>35</v>
      </c>
      <c r="B1747" t="s">
        <v>88</v>
      </c>
      <c r="C1747" t="s">
        <v>109</v>
      </c>
      <c r="D1747" t="s">
        <v>112</v>
      </c>
      <c r="E1747" s="4">
        <v>45323</v>
      </c>
      <c r="G1747" t="s">
        <v>97</v>
      </c>
      <c r="H1747" t="s">
        <v>14</v>
      </c>
      <c r="I1747" t="s">
        <v>15</v>
      </c>
      <c r="J1747" s="10">
        <v>852</v>
      </c>
    </row>
    <row r="1748" spans="1:10" x14ac:dyDescent="0.35">
      <c r="A1748" t="s">
        <v>62</v>
      </c>
      <c r="B1748" t="s">
        <v>89</v>
      </c>
      <c r="C1748" t="s">
        <v>109</v>
      </c>
      <c r="D1748" t="s">
        <v>112</v>
      </c>
      <c r="E1748" s="4">
        <v>45323</v>
      </c>
      <c r="G1748" t="s">
        <v>97</v>
      </c>
      <c r="H1748" t="s">
        <v>14</v>
      </c>
      <c r="I1748" t="s">
        <v>15</v>
      </c>
      <c r="J1748" s="10">
        <v>942</v>
      </c>
    </row>
    <row r="1749" spans="1:10" x14ac:dyDescent="0.35">
      <c r="A1749" t="s">
        <v>26</v>
      </c>
      <c r="B1749" t="s">
        <v>90</v>
      </c>
      <c r="C1749" t="s">
        <v>109</v>
      </c>
      <c r="D1749" t="s">
        <v>112</v>
      </c>
      <c r="E1749" s="4">
        <v>45323</v>
      </c>
      <c r="G1749" t="s">
        <v>97</v>
      </c>
      <c r="H1749" t="s">
        <v>14</v>
      </c>
      <c r="I1749" t="s">
        <v>15</v>
      </c>
      <c r="J1749" s="10">
        <v>249</v>
      </c>
    </row>
    <row r="1750" spans="1:10" x14ac:dyDescent="0.35">
      <c r="A1750" t="s">
        <v>26</v>
      </c>
      <c r="B1750" t="s">
        <v>91</v>
      </c>
      <c r="C1750" t="s">
        <v>109</v>
      </c>
      <c r="D1750" t="s">
        <v>112</v>
      </c>
      <c r="E1750" s="4">
        <v>45323</v>
      </c>
      <c r="G1750" t="s">
        <v>97</v>
      </c>
      <c r="H1750" t="s">
        <v>14</v>
      </c>
      <c r="I1750" t="s">
        <v>15</v>
      </c>
      <c r="J1750" s="10">
        <v>746</v>
      </c>
    </row>
    <row r="1751" spans="1:10" x14ac:dyDescent="0.35">
      <c r="A1751" t="s">
        <v>33</v>
      </c>
      <c r="B1751" t="s">
        <v>92</v>
      </c>
      <c r="C1751" t="s">
        <v>109</v>
      </c>
      <c r="D1751" t="s">
        <v>112</v>
      </c>
      <c r="E1751" s="4">
        <v>45323</v>
      </c>
      <c r="G1751" t="s">
        <v>97</v>
      </c>
      <c r="H1751" t="s">
        <v>14</v>
      </c>
      <c r="I1751" t="s">
        <v>15</v>
      </c>
      <c r="J1751" s="10">
        <v>718</v>
      </c>
    </row>
    <row r="1752" spans="1:10" x14ac:dyDescent="0.35">
      <c r="A1752" t="s">
        <v>35</v>
      </c>
      <c r="B1752" t="s">
        <v>93</v>
      </c>
      <c r="C1752" t="s">
        <v>109</v>
      </c>
      <c r="D1752" t="s">
        <v>112</v>
      </c>
      <c r="E1752" s="4">
        <v>45323</v>
      </c>
      <c r="G1752" t="s">
        <v>97</v>
      </c>
      <c r="H1752" t="s">
        <v>14</v>
      </c>
      <c r="I1752" t="s">
        <v>15</v>
      </c>
      <c r="J1752" s="10">
        <v>1061</v>
      </c>
    </row>
    <row r="1753" spans="1:10" x14ac:dyDescent="0.35">
      <c r="A1753" t="s">
        <v>20</v>
      </c>
      <c r="B1753" t="s">
        <v>94</v>
      </c>
      <c r="C1753" t="s">
        <v>109</v>
      </c>
      <c r="D1753" t="s">
        <v>112</v>
      </c>
      <c r="E1753" s="4">
        <v>45323</v>
      </c>
      <c r="G1753" t="s">
        <v>97</v>
      </c>
      <c r="H1753" t="s">
        <v>14</v>
      </c>
      <c r="I1753" t="s">
        <v>15</v>
      </c>
      <c r="J1753" s="10">
        <v>984</v>
      </c>
    </row>
    <row r="1754" spans="1:10" x14ac:dyDescent="0.35">
      <c r="A1754" t="s">
        <v>10</v>
      </c>
      <c r="B1754" t="s">
        <v>11</v>
      </c>
      <c r="C1754" t="s">
        <v>109</v>
      </c>
      <c r="D1754" t="s">
        <v>112</v>
      </c>
      <c r="E1754" s="4">
        <v>45323</v>
      </c>
      <c r="G1754" t="s">
        <v>98</v>
      </c>
      <c r="H1754" t="s">
        <v>14</v>
      </c>
      <c r="I1754" t="s">
        <v>15</v>
      </c>
      <c r="J1754" s="10">
        <v>541</v>
      </c>
    </row>
    <row r="1755" spans="1:10" x14ac:dyDescent="0.35">
      <c r="A1755" t="s">
        <v>10</v>
      </c>
      <c r="B1755" t="s">
        <v>16</v>
      </c>
      <c r="C1755" t="s">
        <v>109</v>
      </c>
      <c r="D1755" t="s">
        <v>112</v>
      </c>
      <c r="E1755" s="4">
        <v>45323</v>
      </c>
      <c r="G1755" t="s">
        <v>98</v>
      </c>
      <c r="H1755" t="s">
        <v>14</v>
      </c>
      <c r="I1755" t="s">
        <v>15</v>
      </c>
      <c r="J1755" s="10">
        <v>940</v>
      </c>
    </row>
    <row r="1756" spans="1:10" x14ac:dyDescent="0.35">
      <c r="A1756" t="s">
        <v>10</v>
      </c>
      <c r="B1756" t="s">
        <v>17</v>
      </c>
      <c r="C1756" t="s">
        <v>109</v>
      </c>
      <c r="D1756" t="s">
        <v>112</v>
      </c>
      <c r="E1756" s="4">
        <v>45323</v>
      </c>
      <c r="G1756" t="s">
        <v>98</v>
      </c>
      <c r="H1756" t="s">
        <v>14</v>
      </c>
      <c r="I1756" t="s">
        <v>15</v>
      </c>
      <c r="J1756" s="10">
        <v>802</v>
      </c>
    </row>
    <row r="1757" spans="1:10" x14ac:dyDescent="0.35">
      <c r="A1757" t="s">
        <v>10</v>
      </c>
      <c r="B1757" t="s">
        <v>18</v>
      </c>
      <c r="C1757" t="s">
        <v>109</v>
      </c>
      <c r="D1757" t="s">
        <v>112</v>
      </c>
      <c r="E1757" s="4">
        <v>45323</v>
      </c>
      <c r="G1757" t="s">
        <v>98</v>
      </c>
      <c r="H1757" t="s">
        <v>14</v>
      </c>
      <c r="I1757" t="s">
        <v>15</v>
      </c>
      <c r="J1757" s="10">
        <v>693</v>
      </c>
    </row>
    <row r="1758" spans="1:10" x14ac:dyDescent="0.35">
      <c r="A1758" t="s">
        <v>10</v>
      </c>
      <c r="B1758" t="s">
        <v>19</v>
      </c>
      <c r="C1758" t="s">
        <v>109</v>
      </c>
      <c r="D1758" t="s">
        <v>112</v>
      </c>
      <c r="E1758" s="4">
        <v>45323</v>
      </c>
      <c r="G1758" t="s">
        <v>98</v>
      </c>
      <c r="H1758" t="s">
        <v>14</v>
      </c>
      <c r="I1758" t="s">
        <v>15</v>
      </c>
      <c r="J1758" s="10">
        <v>639</v>
      </c>
    </row>
    <row r="1759" spans="1:10" x14ac:dyDescent="0.35">
      <c r="A1759" t="s">
        <v>20</v>
      </c>
      <c r="B1759" t="s">
        <v>21</v>
      </c>
      <c r="C1759" t="s">
        <v>109</v>
      </c>
      <c r="D1759" t="s">
        <v>112</v>
      </c>
      <c r="E1759" s="4">
        <v>45323</v>
      </c>
      <c r="G1759" t="s">
        <v>98</v>
      </c>
      <c r="H1759" t="s">
        <v>14</v>
      </c>
      <c r="I1759" t="s">
        <v>15</v>
      </c>
      <c r="J1759" s="10">
        <v>1482</v>
      </c>
    </row>
    <row r="1760" spans="1:10" x14ac:dyDescent="0.35">
      <c r="A1760" t="s">
        <v>22</v>
      </c>
      <c r="B1760" t="s">
        <v>23</v>
      </c>
      <c r="C1760" t="s">
        <v>109</v>
      </c>
      <c r="D1760" t="s">
        <v>112</v>
      </c>
      <c r="E1760" s="4">
        <v>45323</v>
      </c>
      <c r="G1760" t="s">
        <v>98</v>
      </c>
      <c r="H1760" t="s">
        <v>14</v>
      </c>
      <c r="I1760" t="s">
        <v>15</v>
      </c>
      <c r="J1760" s="10">
        <v>1186</v>
      </c>
    </row>
    <row r="1761" spans="1:10" x14ac:dyDescent="0.35">
      <c r="A1761" t="s">
        <v>10</v>
      </c>
      <c r="B1761" t="s">
        <v>24</v>
      </c>
      <c r="C1761" t="s">
        <v>109</v>
      </c>
      <c r="D1761" t="s">
        <v>112</v>
      </c>
      <c r="E1761" s="4">
        <v>45323</v>
      </c>
      <c r="G1761" t="s">
        <v>98</v>
      </c>
      <c r="H1761" t="s">
        <v>14</v>
      </c>
      <c r="I1761" t="s">
        <v>15</v>
      </c>
      <c r="J1761" s="10">
        <v>809</v>
      </c>
    </row>
    <row r="1762" spans="1:10" x14ac:dyDescent="0.35">
      <c r="A1762" t="s">
        <v>10</v>
      </c>
      <c r="B1762" t="s">
        <v>25</v>
      </c>
      <c r="C1762" t="s">
        <v>109</v>
      </c>
      <c r="D1762" t="s">
        <v>112</v>
      </c>
      <c r="E1762" s="4">
        <v>45323</v>
      </c>
      <c r="G1762" t="s">
        <v>98</v>
      </c>
      <c r="H1762" t="s">
        <v>14</v>
      </c>
      <c r="I1762" t="s">
        <v>15</v>
      </c>
      <c r="J1762" s="10">
        <v>1183</v>
      </c>
    </row>
    <row r="1763" spans="1:10" x14ac:dyDescent="0.35">
      <c r="A1763" t="s">
        <v>26</v>
      </c>
      <c r="B1763" t="s">
        <v>27</v>
      </c>
      <c r="C1763" t="s">
        <v>109</v>
      </c>
      <c r="D1763" t="s">
        <v>112</v>
      </c>
      <c r="E1763" s="4">
        <v>45323</v>
      </c>
      <c r="G1763" t="s">
        <v>98</v>
      </c>
      <c r="H1763" t="s">
        <v>14</v>
      </c>
      <c r="I1763" t="s">
        <v>15</v>
      </c>
      <c r="J1763" s="10">
        <v>1343</v>
      </c>
    </row>
    <row r="1764" spans="1:10" x14ac:dyDescent="0.35">
      <c r="A1764" t="s">
        <v>28</v>
      </c>
      <c r="B1764" t="s">
        <v>29</v>
      </c>
      <c r="C1764" t="s">
        <v>109</v>
      </c>
      <c r="D1764" t="s">
        <v>112</v>
      </c>
      <c r="E1764" s="4">
        <v>45323</v>
      </c>
      <c r="G1764" t="s">
        <v>98</v>
      </c>
      <c r="H1764" t="s">
        <v>14</v>
      </c>
      <c r="I1764" t="s">
        <v>15</v>
      </c>
      <c r="J1764" s="10">
        <v>1686</v>
      </c>
    </row>
    <row r="1765" spans="1:10" x14ac:dyDescent="0.35">
      <c r="A1765" t="s">
        <v>10</v>
      </c>
      <c r="B1765" t="s">
        <v>30</v>
      </c>
      <c r="C1765" t="s">
        <v>109</v>
      </c>
      <c r="D1765" t="s">
        <v>112</v>
      </c>
      <c r="E1765" s="4">
        <v>45323</v>
      </c>
      <c r="G1765" t="s">
        <v>98</v>
      </c>
      <c r="H1765" t="s">
        <v>14</v>
      </c>
      <c r="I1765" t="s">
        <v>15</v>
      </c>
      <c r="J1765" s="10">
        <v>918</v>
      </c>
    </row>
    <row r="1766" spans="1:10" x14ac:dyDescent="0.35">
      <c r="A1766" t="s">
        <v>26</v>
      </c>
      <c r="B1766" t="s">
        <v>31</v>
      </c>
      <c r="C1766" t="s">
        <v>109</v>
      </c>
      <c r="D1766" t="s">
        <v>112</v>
      </c>
      <c r="E1766" s="4">
        <v>45323</v>
      </c>
      <c r="G1766" t="s">
        <v>98</v>
      </c>
      <c r="H1766" t="s">
        <v>14</v>
      </c>
      <c r="I1766" t="s">
        <v>15</v>
      </c>
      <c r="J1766" s="10">
        <v>1317</v>
      </c>
    </row>
    <row r="1767" spans="1:10" x14ac:dyDescent="0.35">
      <c r="A1767" t="s">
        <v>28</v>
      </c>
      <c r="B1767" t="s">
        <v>32</v>
      </c>
      <c r="C1767" t="s">
        <v>109</v>
      </c>
      <c r="D1767" t="s">
        <v>112</v>
      </c>
      <c r="E1767" s="4">
        <v>45323</v>
      </c>
      <c r="G1767" t="s">
        <v>98</v>
      </c>
      <c r="H1767" t="s">
        <v>14</v>
      </c>
      <c r="I1767" t="s">
        <v>15</v>
      </c>
      <c r="J1767" s="10">
        <v>1684</v>
      </c>
    </row>
    <row r="1768" spans="1:10" x14ac:dyDescent="0.35">
      <c r="A1768" t="s">
        <v>33</v>
      </c>
      <c r="B1768" t="s">
        <v>34</v>
      </c>
      <c r="C1768" t="s">
        <v>109</v>
      </c>
      <c r="D1768" t="s">
        <v>112</v>
      </c>
      <c r="E1768" s="4">
        <v>45323</v>
      </c>
      <c r="G1768" t="s">
        <v>98</v>
      </c>
      <c r="H1768" t="s">
        <v>14</v>
      </c>
      <c r="I1768" t="s">
        <v>15</v>
      </c>
      <c r="J1768" s="10">
        <v>973</v>
      </c>
    </row>
    <row r="1769" spans="1:10" x14ac:dyDescent="0.35">
      <c r="A1769" t="s">
        <v>35</v>
      </c>
      <c r="B1769" t="s">
        <v>36</v>
      </c>
      <c r="C1769" t="s">
        <v>109</v>
      </c>
      <c r="D1769" t="s">
        <v>112</v>
      </c>
      <c r="E1769" s="4">
        <v>45323</v>
      </c>
      <c r="G1769" t="s">
        <v>98</v>
      </c>
      <c r="H1769" t="s">
        <v>14</v>
      </c>
      <c r="I1769" t="s">
        <v>15</v>
      </c>
      <c r="J1769" s="10">
        <v>1465</v>
      </c>
    </row>
    <row r="1770" spans="1:10" x14ac:dyDescent="0.35">
      <c r="A1770" t="s">
        <v>28</v>
      </c>
      <c r="B1770" t="s">
        <v>37</v>
      </c>
      <c r="C1770" t="s">
        <v>109</v>
      </c>
      <c r="D1770" t="s">
        <v>112</v>
      </c>
      <c r="E1770" s="4">
        <v>45323</v>
      </c>
      <c r="G1770" t="s">
        <v>98</v>
      </c>
      <c r="H1770" t="s">
        <v>14</v>
      </c>
      <c r="I1770" t="s">
        <v>15</v>
      </c>
      <c r="J1770" s="10">
        <v>1393</v>
      </c>
    </row>
    <row r="1771" spans="1:10" x14ac:dyDescent="0.35">
      <c r="A1771" t="s">
        <v>20</v>
      </c>
      <c r="B1771" t="s">
        <v>38</v>
      </c>
      <c r="C1771" t="s">
        <v>109</v>
      </c>
      <c r="D1771" t="s">
        <v>112</v>
      </c>
      <c r="E1771" s="4">
        <v>45323</v>
      </c>
      <c r="G1771" t="s">
        <v>98</v>
      </c>
      <c r="H1771" t="s">
        <v>14</v>
      </c>
      <c r="I1771" t="s">
        <v>15</v>
      </c>
      <c r="J1771" s="10">
        <v>1463</v>
      </c>
    </row>
    <row r="1772" spans="1:10" x14ac:dyDescent="0.35">
      <c r="A1772" t="s">
        <v>33</v>
      </c>
      <c r="B1772" t="s">
        <v>39</v>
      </c>
      <c r="C1772" t="s">
        <v>109</v>
      </c>
      <c r="D1772" t="s">
        <v>112</v>
      </c>
      <c r="E1772" s="4">
        <v>45323</v>
      </c>
      <c r="G1772" t="s">
        <v>98</v>
      </c>
      <c r="H1772" t="s">
        <v>14</v>
      </c>
      <c r="I1772" t="s">
        <v>15</v>
      </c>
      <c r="J1772" s="10">
        <v>1073</v>
      </c>
    </row>
    <row r="1773" spans="1:10" x14ac:dyDescent="0.35">
      <c r="A1773" t="s">
        <v>20</v>
      </c>
      <c r="B1773" t="s">
        <v>40</v>
      </c>
      <c r="C1773" t="s">
        <v>109</v>
      </c>
      <c r="D1773" t="s">
        <v>112</v>
      </c>
      <c r="E1773" s="4">
        <v>45323</v>
      </c>
      <c r="G1773" t="s">
        <v>98</v>
      </c>
      <c r="H1773" t="s">
        <v>14</v>
      </c>
      <c r="I1773" t="s">
        <v>15</v>
      </c>
      <c r="J1773" s="10">
        <v>1341</v>
      </c>
    </row>
    <row r="1774" spans="1:10" x14ac:dyDescent="0.35">
      <c r="A1774" t="s">
        <v>35</v>
      </c>
      <c r="B1774" t="s">
        <v>41</v>
      </c>
      <c r="C1774" t="s">
        <v>109</v>
      </c>
      <c r="D1774" t="s">
        <v>112</v>
      </c>
      <c r="E1774" s="4">
        <v>45323</v>
      </c>
      <c r="G1774" t="s">
        <v>98</v>
      </c>
      <c r="H1774" t="s">
        <v>14</v>
      </c>
      <c r="I1774" t="s">
        <v>15</v>
      </c>
      <c r="J1774" s="10">
        <v>1614</v>
      </c>
    </row>
    <row r="1775" spans="1:10" x14ac:dyDescent="0.35">
      <c r="A1775" t="s">
        <v>35</v>
      </c>
      <c r="B1775" t="s">
        <v>42</v>
      </c>
      <c r="C1775" t="s">
        <v>109</v>
      </c>
      <c r="D1775" t="s">
        <v>112</v>
      </c>
      <c r="E1775" s="4">
        <v>45323</v>
      </c>
      <c r="G1775" t="s">
        <v>98</v>
      </c>
      <c r="H1775" t="s">
        <v>14</v>
      </c>
      <c r="I1775" t="s">
        <v>15</v>
      </c>
      <c r="J1775" s="10">
        <v>1439</v>
      </c>
    </row>
    <row r="1776" spans="1:10" x14ac:dyDescent="0.35">
      <c r="A1776" t="s">
        <v>35</v>
      </c>
      <c r="B1776" t="s">
        <v>43</v>
      </c>
      <c r="C1776" t="s">
        <v>109</v>
      </c>
      <c r="D1776" t="s">
        <v>112</v>
      </c>
      <c r="E1776" s="4">
        <v>45323</v>
      </c>
      <c r="G1776" t="s">
        <v>98</v>
      </c>
      <c r="H1776" t="s">
        <v>14</v>
      </c>
      <c r="I1776" t="s">
        <v>15</v>
      </c>
      <c r="J1776" s="10">
        <v>1331</v>
      </c>
    </row>
    <row r="1777" spans="1:10" x14ac:dyDescent="0.35">
      <c r="A1777" t="s">
        <v>28</v>
      </c>
      <c r="B1777" t="s">
        <v>44</v>
      </c>
      <c r="C1777" t="s">
        <v>109</v>
      </c>
      <c r="D1777" t="s">
        <v>112</v>
      </c>
      <c r="E1777" s="4">
        <v>45323</v>
      </c>
      <c r="G1777" t="s">
        <v>98</v>
      </c>
      <c r="H1777" t="s">
        <v>14</v>
      </c>
      <c r="I1777" t="s">
        <v>15</v>
      </c>
      <c r="J1777" s="10">
        <v>1579</v>
      </c>
    </row>
    <row r="1778" spans="1:10" x14ac:dyDescent="0.35">
      <c r="A1778" t="s">
        <v>10</v>
      </c>
      <c r="B1778" t="s">
        <v>45</v>
      </c>
      <c r="C1778" t="s">
        <v>109</v>
      </c>
      <c r="D1778" t="s">
        <v>112</v>
      </c>
      <c r="E1778" s="4">
        <v>45323</v>
      </c>
      <c r="G1778" t="s">
        <v>98</v>
      </c>
      <c r="H1778" t="s">
        <v>14</v>
      </c>
      <c r="I1778" t="s">
        <v>15</v>
      </c>
      <c r="J1778" s="10">
        <v>1265</v>
      </c>
    </row>
    <row r="1779" spans="1:10" x14ac:dyDescent="0.35">
      <c r="A1779" t="s">
        <v>10</v>
      </c>
      <c r="B1779" t="s">
        <v>46</v>
      </c>
      <c r="C1779" t="s">
        <v>109</v>
      </c>
      <c r="D1779" t="s">
        <v>112</v>
      </c>
      <c r="E1779" s="4">
        <v>45323</v>
      </c>
      <c r="G1779" t="s">
        <v>98</v>
      </c>
      <c r="H1779" t="s">
        <v>14</v>
      </c>
      <c r="I1779" t="s">
        <v>15</v>
      </c>
      <c r="J1779" s="10">
        <v>1138</v>
      </c>
    </row>
    <row r="1780" spans="1:10" x14ac:dyDescent="0.35">
      <c r="A1780" t="s">
        <v>33</v>
      </c>
      <c r="B1780" t="s">
        <v>47</v>
      </c>
      <c r="C1780" t="s">
        <v>109</v>
      </c>
      <c r="D1780" t="s">
        <v>112</v>
      </c>
      <c r="E1780" s="4">
        <v>45323</v>
      </c>
      <c r="G1780" t="s">
        <v>98</v>
      </c>
      <c r="H1780" t="s">
        <v>14</v>
      </c>
      <c r="I1780" t="s">
        <v>15</v>
      </c>
      <c r="J1780" s="10">
        <v>964</v>
      </c>
    </row>
    <row r="1781" spans="1:10" x14ac:dyDescent="0.35">
      <c r="A1781" t="s">
        <v>20</v>
      </c>
      <c r="B1781" t="s">
        <v>48</v>
      </c>
      <c r="C1781" t="s">
        <v>109</v>
      </c>
      <c r="D1781" t="s">
        <v>112</v>
      </c>
      <c r="E1781" s="4">
        <v>45323</v>
      </c>
      <c r="G1781" t="s">
        <v>98</v>
      </c>
      <c r="H1781" t="s">
        <v>14</v>
      </c>
      <c r="I1781" t="s">
        <v>15</v>
      </c>
      <c r="J1781" s="10">
        <v>1507</v>
      </c>
    </row>
    <row r="1782" spans="1:10" x14ac:dyDescent="0.35">
      <c r="A1782" t="s">
        <v>28</v>
      </c>
      <c r="B1782" t="s">
        <v>49</v>
      </c>
      <c r="C1782" t="s">
        <v>109</v>
      </c>
      <c r="D1782" t="s">
        <v>112</v>
      </c>
      <c r="E1782" s="4">
        <v>45323</v>
      </c>
      <c r="G1782" t="s">
        <v>98</v>
      </c>
      <c r="H1782" t="s">
        <v>14</v>
      </c>
      <c r="I1782" t="s">
        <v>15</v>
      </c>
      <c r="J1782" s="10">
        <v>1127</v>
      </c>
    </row>
    <row r="1783" spans="1:10" x14ac:dyDescent="0.35">
      <c r="A1783" t="s">
        <v>35</v>
      </c>
      <c r="B1783" t="s">
        <v>50</v>
      </c>
      <c r="C1783" t="s">
        <v>109</v>
      </c>
      <c r="D1783" t="s">
        <v>112</v>
      </c>
      <c r="E1783" s="4">
        <v>45323</v>
      </c>
      <c r="G1783" t="s">
        <v>98</v>
      </c>
      <c r="H1783" t="s">
        <v>14</v>
      </c>
      <c r="I1783" t="s">
        <v>15</v>
      </c>
      <c r="J1783" s="10">
        <v>1436</v>
      </c>
    </row>
    <row r="1784" spans="1:10" x14ac:dyDescent="0.35">
      <c r="A1784" t="s">
        <v>22</v>
      </c>
      <c r="B1784" t="s">
        <v>51</v>
      </c>
      <c r="C1784" t="s">
        <v>109</v>
      </c>
      <c r="D1784" t="s">
        <v>112</v>
      </c>
      <c r="E1784" s="4">
        <v>45323</v>
      </c>
      <c r="G1784" t="s">
        <v>98</v>
      </c>
      <c r="H1784" t="s">
        <v>14</v>
      </c>
      <c r="I1784" t="s">
        <v>15</v>
      </c>
      <c r="J1784" s="10">
        <v>522</v>
      </c>
    </row>
    <row r="1785" spans="1:10" x14ac:dyDescent="0.35">
      <c r="A1785" t="s">
        <v>22</v>
      </c>
      <c r="B1785" t="s">
        <v>52</v>
      </c>
      <c r="C1785" t="s">
        <v>109</v>
      </c>
      <c r="D1785" t="s">
        <v>112</v>
      </c>
      <c r="E1785" s="4">
        <v>45323</v>
      </c>
      <c r="G1785" t="s">
        <v>98</v>
      </c>
      <c r="H1785" t="s">
        <v>14</v>
      </c>
      <c r="I1785" t="s">
        <v>15</v>
      </c>
      <c r="J1785" s="10">
        <v>1081</v>
      </c>
    </row>
    <row r="1786" spans="1:10" x14ac:dyDescent="0.35">
      <c r="A1786" t="s">
        <v>22</v>
      </c>
      <c r="B1786" t="s">
        <v>53</v>
      </c>
      <c r="C1786" t="s">
        <v>109</v>
      </c>
      <c r="D1786" t="s">
        <v>112</v>
      </c>
      <c r="E1786" s="4">
        <v>45323</v>
      </c>
      <c r="G1786" t="s">
        <v>98</v>
      </c>
      <c r="H1786" t="s">
        <v>14</v>
      </c>
      <c r="I1786" t="s">
        <v>15</v>
      </c>
      <c r="J1786" s="10">
        <v>722</v>
      </c>
    </row>
    <row r="1787" spans="1:10" x14ac:dyDescent="0.35">
      <c r="A1787" t="s">
        <v>22</v>
      </c>
      <c r="B1787" t="s">
        <v>54</v>
      </c>
      <c r="C1787" t="s">
        <v>109</v>
      </c>
      <c r="D1787" t="s">
        <v>112</v>
      </c>
      <c r="E1787" s="4">
        <v>45323</v>
      </c>
      <c r="G1787" t="s">
        <v>98</v>
      </c>
      <c r="H1787" t="s">
        <v>14</v>
      </c>
      <c r="I1787" t="s">
        <v>15</v>
      </c>
      <c r="J1787" s="10">
        <v>844</v>
      </c>
    </row>
    <row r="1788" spans="1:10" x14ac:dyDescent="0.35">
      <c r="A1788" t="s">
        <v>22</v>
      </c>
      <c r="B1788" t="s">
        <v>55</v>
      </c>
      <c r="C1788" t="s">
        <v>109</v>
      </c>
      <c r="D1788" t="s">
        <v>112</v>
      </c>
      <c r="E1788" s="4">
        <v>45323</v>
      </c>
      <c r="G1788" t="s">
        <v>98</v>
      </c>
      <c r="H1788" t="s">
        <v>14</v>
      </c>
      <c r="I1788" t="s">
        <v>15</v>
      </c>
      <c r="J1788" s="10">
        <v>698</v>
      </c>
    </row>
    <row r="1789" spans="1:10" x14ac:dyDescent="0.35">
      <c r="A1789" t="s">
        <v>22</v>
      </c>
      <c r="B1789" t="s">
        <v>56</v>
      </c>
      <c r="C1789" t="s">
        <v>109</v>
      </c>
      <c r="D1789" t="s">
        <v>112</v>
      </c>
      <c r="E1789" s="4">
        <v>45323</v>
      </c>
      <c r="G1789" t="s">
        <v>98</v>
      </c>
      <c r="H1789" t="s">
        <v>14</v>
      </c>
      <c r="I1789" t="s">
        <v>15</v>
      </c>
      <c r="J1789" s="10">
        <v>1024</v>
      </c>
    </row>
    <row r="1790" spans="1:10" x14ac:dyDescent="0.35">
      <c r="A1790" t="s">
        <v>28</v>
      </c>
      <c r="B1790" t="s">
        <v>58</v>
      </c>
      <c r="C1790" t="s">
        <v>109</v>
      </c>
      <c r="D1790" t="s">
        <v>112</v>
      </c>
      <c r="E1790" s="4">
        <v>45323</v>
      </c>
      <c r="G1790" t="s">
        <v>98</v>
      </c>
      <c r="H1790" t="s">
        <v>14</v>
      </c>
      <c r="I1790" t="s">
        <v>15</v>
      </c>
      <c r="J1790" s="10">
        <v>1094</v>
      </c>
    </row>
    <row r="1791" spans="1:10" x14ac:dyDescent="0.35">
      <c r="A1791" t="s">
        <v>20</v>
      </c>
      <c r="B1791" t="s">
        <v>59</v>
      </c>
      <c r="C1791" t="s">
        <v>109</v>
      </c>
      <c r="D1791" t="s">
        <v>112</v>
      </c>
      <c r="E1791" s="4">
        <v>45323</v>
      </c>
      <c r="G1791" t="s">
        <v>98</v>
      </c>
      <c r="H1791" t="s">
        <v>14</v>
      </c>
      <c r="I1791" t="s">
        <v>15</v>
      </c>
      <c r="J1791" s="10">
        <v>1135</v>
      </c>
    </row>
    <row r="1792" spans="1:10" x14ac:dyDescent="0.35">
      <c r="A1792" t="s">
        <v>20</v>
      </c>
      <c r="B1792" t="s">
        <v>60</v>
      </c>
      <c r="C1792" t="s">
        <v>109</v>
      </c>
      <c r="D1792" t="s">
        <v>112</v>
      </c>
      <c r="E1792" s="4">
        <v>45323</v>
      </c>
      <c r="G1792" t="s">
        <v>98</v>
      </c>
      <c r="H1792" t="s">
        <v>14</v>
      </c>
      <c r="I1792" t="s">
        <v>15</v>
      </c>
      <c r="J1792" s="10">
        <v>1246</v>
      </c>
    </row>
    <row r="1793" spans="1:10" x14ac:dyDescent="0.35">
      <c r="A1793" t="s">
        <v>28</v>
      </c>
      <c r="B1793" t="s">
        <v>61</v>
      </c>
      <c r="C1793" t="s">
        <v>109</v>
      </c>
      <c r="D1793" t="s">
        <v>112</v>
      </c>
      <c r="E1793" s="4">
        <v>45323</v>
      </c>
      <c r="G1793" t="s">
        <v>98</v>
      </c>
      <c r="H1793" t="s">
        <v>14</v>
      </c>
      <c r="I1793" t="s">
        <v>15</v>
      </c>
      <c r="J1793" s="10">
        <v>1618</v>
      </c>
    </row>
    <row r="1794" spans="1:10" x14ac:dyDescent="0.35">
      <c r="A1794" t="s">
        <v>62</v>
      </c>
      <c r="B1794" t="s">
        <v>63</v>
      </c>
      <c r="C1794" t="s">
        <v>109</v>
      </c>
      <c r="D1794" t="s">
        <v>112</v>
      </c>
      <c r="E1794" s="4">
        <v>45323</v>
      </c>
      <c r="G1794" t="s">
        <v>98</v>
      </c>
      <c r="H1794" t="s">
        <v>14</v>
      </c>
      <c r="I1794" t="s">
        <v>15</v>
      </c>
      <c r="J1794" s="10">
        <v>1247</v>
      </c>
    </row>
    <row r="1795" spans="1:10" x14ac:dyDescent="0.35">
      <c r="A1795" t="s">
        <v>62</v>
      </c>
      <c r="B1795" t="s">
        <v>64</v>
      </c>
      <c r="C1795" t="s">
        <v>109</v>
      </c>
      <c r="D1795" t="s">
        <v>112</v>
      </c>
      <c r="E1795" s="4">
        <v>45323</v>
      </c>
      <c r="G1795" t="s">
        <v>98</v>
      </c>
      <c r="H1795" t="s">
        <v>14</v>
      </c>
      <c r="I1795" t="s">
        <v>15</v>
      </c>
      <c r="J1795" s="10">
        <v>1457</v>
      </c>
    </row>
    <row r="1796" spans="1:10" x14ac:dyDescent="0.35">
      <c r="A1796" t="s">
        <v>62</v>
      </c>
      <c r="B1796" t="s">
        <v>65</v>
      </c>
      <c r="C1796" t="s">
        <v>109</v>
      </c>
      <c r="D1796" t="s">
        <v>112</v>
      </c>
      <c r="E1796" s="4">
        <v>45323</v>
      </c>
      <c r="G1796" t="s">
        <v>98</v>
      </c>
      <c r="H1796" t="s">
        <v>14</v>
      </c>
      <c r="I1796" t="s">
        <v>15</v>
      </c>
      <c r="J1796" s="10">
        <v>700</v>
      </c>
    </row>
    <row r="1797" spans="1:10" x14ac:dyDescent="0.35">
      <c r="A1797" t="s">
        <v>62</v>
      </c>
      <c r="B1797" t="s">
        <v>66</v>
      </c>
      <c r="C1797" t="s">
        <v>109</v>
      </c>
      <c r="D1797" t="s">
        <v>112</v>
      </c>
      <c r="E1797" s="4">
        <v>45323</v>
      </c>
      <c r="G1797" t="s">
        <v>98</v>
      </c>
      <c r="H1797" t="s">
        <v>14</v>
      </c>
      <c r="I1797" t="s">
        <v>15</v>
      </c>
      <c r="J1797" s="10">
        <v>1272</v>
      </c>
    </row>
    <row r="1798" spans="1:10" x14ac:dyDescent="0.35">
      <c r="A1798" t="s">
        <v>62</v>
      </c>
      <c r="B1798" t="s">
        <v>67</v>
      </c>
      <c r="C1798" t="s">
        <v>109</v>
      </c>
      <c r="D1798" t="s">
        <v>112</v>
      </c>
      <c r="E1798" s="4">
        <v>45323</v>
      </c>
      <c r="G1798" t="s">
        <v>98</v>
      </c>
      <c r="H1798" t="s">
        <v>14</v>
      </c>
      <c r="I1798" t="s">
        <v>15</v>
      </c>
      <c r="J1798" s="10">
        <v>1761</v>
      </c>
    </row>
    <row r="1799" spans="1:10" x14ac:dyDescent="0.35">
      <c r="A1799" t="s">
        <v>62</v>
      </c>
      <c r="B1799" t="s">
        <v>68</v>
      </c>
      <c r="C1799" t="s">
        <v>109</v>
      </c>
      <c r="D1799" t="s">
        <v>112</v>
      </c>
      <c r="E1799" s="4">
        <v>45323</v>
      </c>
      <c r="G1799" t="s">
        <v>98</v>
      </c>
      <c r="H1799" t="s">
        <v>14</v>
      </c>
      <c r="I1799" t="s">
        <v>15</v>
      </c>
      <c r="J1799" s="10">
        <v>1639</v>
      </c>
    </row>
    <row r="1800" spans="1:10" x14ac:dyDescent="0.35">
      <c r="A1800" t="s">
        <v>62</v>
      </c>
      <c r="B1800" t="s">
        <v>69</v>
      </c>
      <c r="C1800" t="s">
        <v>109</v>
      </c>
      <c r="D1800" t="s">
        <v>112</v>
      </c>
      <c r="E1800" s="4">
        <v>45323</v>
      </c>
      <c r="G1800" t="s">
        <v>98</v>
      </c>
      <c r="H1800" t="s">
        <v>14</v>
      </c>
      <c r="I1800" t="s">
        <v>15</v>
      </c>
      <c r="J1800" s="10">
        <v>1525</v>
      </c>
    </row>
    <row r="1801" spans="1:10" x14ac:dyDescent="0.35">
      <c r="A1801" t="s">
        <v>62</v>
      </c>
      <c r="B1801" t="s">
        <v>70</v>
      </c>
      <c r="C1801" t="s">
        <v>109</v>
      </c>
      <c r="D1801" t="s">
        <v>112</v>
      </c>
      <c r="E1801" s="4">
        <v>45323</v>
      </c>
      <c r="G1801" t="s">
        <v>98</v>
      </c>
      <c r="H1801" t="s">
        <v>14</v>
      </c>
      <c r="I1801" t="s">
        <v>15</v>
      </c>
      <c r="J1801" s="10">
        <v>888</v>
      </c>
    </row>
    <row r="1802" spans="1:10" x14ac:dyDescent="0.35">
      <c r="A1802" t="s">
        <v>35</v>
      </c>
      <c r="B1802" t="s">
        <v>71</v>
      </c>
      <c r="C1802" t="s">
        <v>109</v>
      </c>
      <c r="D1802" t="s">
        <v>112</v>
      </c>
      <c r="E1802" s="4">
        <v>45323</v>
      </c>
      <c r="G1802" t="s">
        <v>98</v>
      </c>
      <c r="H1802" t="s">
        <v>14</v>
      </c>
      <c r="I1802" t="s">
        <v>15</v>
      </c>
      <c r="J1802" s="10">
        <v>1800</v>
      </c>
    </row>
    <row r="1803" spans="1:10" x14ac:dyDescent="0.35">
      <c r="A1803" t="s">
        <v>20</v>
      </c>
      <c r="B1803" t="s">
        <v>72</v>
      </c>
      <c r="C1803" t="s">
        <v>109</v>
      </c>
      <c r="D1803" t="s">
        <v>112</v>
      </c>
      <c r="E1803" s="4">
        <v>45323</v>
      </c>
      <c r="G1803" t="s">
        <v>98</v>
      </c>
      <c r="H1803" t="s">
        <v>14</v>
      </c>
      <c r="I1803" t="s">
        <v>15</v>
      </c>
      <c r="J1803" s="10">
        <v>1488</v>
      </c>
    </row>
    <row r="1804" spans="1:10" x14ac:dyDescent="0.35">
      <c r="A1804" t="s">
        <v>26</v>
      </c>
      <c r="B1804" t="s">
        <v>73</v>
      </c>
      <c r="C1804" t="s">
        <v>109</v>
      </c>
      <c r="D1804" t="s">
        <v>112</v>
      </c>
      <c r="E1804" s="4">
        <v>45323</v>
      </c>
      <c r="G1804" t="s">
        <v>98</v>
      </c>
      <c r="H1804" t="s">
        <v>14</v>
      </c>
      <c r="I1804" t="s">
        <v>15</v>
      </c>
      <c r="J1804" s="10">
        <v>1150</v>
      </c>
    </row>
    <row r="1805" spans="1:10" x14ac:dyDescent="0.35">
      <c r="A1805" t="s">
        <v>28</v>
      </c>
      <c r="B1805" t="s">
        <v>74</v>
      </c>
      <c r="C1805" t="s">
        <v>109</v>
      </c>
      <c r="D1805" t="s">
        <v>112</v>
      </c>
      <c r="E1805" s="4">
        <v>45323</v>
      </c>
      <c r="G1805" t="s">
        <v>98</v>
      </c>
      <c r="H1805" t="s">
        <v>14</v>
      </c>
      <c r="I1805" t="s">
        <v>15</v>
      </c>
      <c r="J1805" s="10">
        <v>1688</v>
      </c>
    </row>
    <row r="1806" spans="1:10" x14ac:dyDescent="0.35">
      <c r="A1806" t="s">
        <v>33</v>
      </c>
      <c r="B1806" t="s">
        <v>75</v>
      </c>
      <c r="C1806" t="s">
        <v>109</v>
      </c>
      <c r="D1806" t="s">
        <v>112</v>
      </c>
      <c r="E1806" s="4">
        <v>45323</v>
      </c>
      <c r="G1806" t="s">
        <v>98</v>
      </c>
      <c r="H1806" t="s">
        <v>14</v>
      </c>
      <c r="I1806" t="s">
        <v>15</v>
      </c>
      <c r="J1806" s="10">
        <v>1377</v>
      </c>
    </row>
    <row r="1807" spans="1:10" x14ac:dyDescent="0.35">
      <c r="A1807" t="s">
        <v>22</v>
      </c>
      <c r="B1807" t="s">
        <v>76</v>
      </c>
      <c r="C1807" t="s">
        <v>109</v>
      </c>
      <c r="D1807" t="s">
        <v>112</v>
      </c>
      <c r="E1807" s="4">
        <v>45323</v>
      </c>
      <c r="G1807" t="s">
        <v>98</v>
      </c>
      <c r="H1807" t="s">
        <v>14</v>
      </c>
      <c r="I1807" t="s">
        <v>15</v>
      </c>
      <c r="J1807" s="10">
        <v>1422</v>
      </c>
    </row>
    <row r="1808" spans="1:10" x14ac:dyDescent="0.35">
      <c r="A1808" t="s">
        <v>33</v>
      </c>
      <c r="B1808" t="s">
        <v>77</v>
      </c>
      <c r="C1808" t="s">
        <v>109</v>
      </c>
      <c r="D1808" t="s">
        <v>112</v>
      </c>
      <c r="E1808" s="4">
        <v>45323</v>
      </c>
      <c r="G1808" t="s">
        <v>98</v>
      </c>
      <c r="H1808" t="s">
        <v>14</v>
      </c>
      <c r="I1808" t="s">
        <v>15</v>
      </c>
      <c r="J1808" s="10">
        <v>1168</v>
      </c>
    </row>
    <row r="1809" spans="1:10" x14ac:dyDescent="0.35">
      <c r="A1809" t="s">
        <v>22</v>
      </c>
      <c r="B1809" t="s">
        <v>78</v>
      </c>
      <c r="C1809" t="s">
        <v>109</v>
      </c>
      <c r="D1809" t="s">
        <v>112</v>
      </c>
      <c r="E1809" s="4">
        <v>45323</v>
      </c>
      <c r="G1809" t="s">
        <v>98</v>
      </c>
      <c r="H1809" t="s">
        <v>14</v>
      </c>
      <c r="I1809" t="s">
        <v>15</v>
      </c>
      <c r="J1809" s="10">
        <v>1265</v>
      </c>
    </row>
    <row r="1810" spans="1:10" x14ac:dyDescent="0.35">
      <c r="A1810" t="s">
        <v>28</v>
      </c>
      <c r="B1810" t="s">
        <v>79</v>
      </c>
      <c r="C1810" t="s">
        <v>109</v>
      </c>
      <c r="D1810" t="s">
        <v>112</v>
      </c>
      <c r="E1810" s="4">
        <v>45323</v>
      </c>
      <c r="G1810" t="s">
        <v>98</v>
      </c>
      <c r="H1810" t="s">
        <v>14</v>
      </c>
      <c r="I1810" t="s">
        <v>15</v>
      </c>
      <c r="J1810" s="10">
        <v>1083</v>
      </c>
    </row>
    <row r="1811" spans="1:10" x14ac:dyDescent="0.35">
      <c r="A1811" t="s">
        <v>26</v>
      </c>
      <c r="B1811" t="s">
        <v>80</v>
      </c>
      <c r="C1811" t="s">
        <v>109</v>
      </c>
      <c r="D1811" t="s">
        <v>112</v>
      </c>
      <c r="E1811" s="4">
        <v>45323</v>
      </c>
      <c r="G1811" t="s">
        <v>98</v>
      </c>
      <c r="H1811" t="s">
        <v>14</v>
      </c>
      <c r="I1811" t="s">
        <v>15</v>
      </c>
      <c r="J1811" s="10">
        <v>1001</v>
      </c>
    </row>
    <row r="1812" spans="1:10" x14ac:dyDescent="0.35">
      <c r="A1812" t="s">
        <v>20</v>
      </c>
      <c r="B1812" t="s">
        <v>81</v>
      </c>
      <c r="C1812" t="s">
        <v>109</v>
      </c>
      <c r="D1812" t="s">
        <v>112</v>
      </c>
      <c r="E1812" s="4">
        <v>45323</v>
      </c>
      <c r="G1812" t="s">
        <v>98</v>
      </c>
      <c r="H1812" t="s">
        <v>14</v>
      </c>
      <c r="I1812" t="s">
        <v>15</v>
      </c>
      <c r="J1812" s="10">
        <v>1644</v>
      </c>
    </row>
    <row r="1813" spans="1:10" x14ac:dyDescent="0.35">
      <c r="A1813" t="s">
        <v>26</v>
      </c>
      <c r="B1813" t="s">
        <v>57</v>
      </c>
      <c r="C1813" t="s">
        <v>109</v>
      </c>
      <c r="D1813" t="s">
        <v>112</v>
      </c>
      <c r="E1813" s="4">
        <v>45323</v>
      </c>
      <c r="G1813" t="s">
        <v>98</v>
      </c>
      <c r="H1813" t="s">
        <v>14</v>
      </c>
      <c r="I1813" t="s">
        <v>15</v>
      </c>
      <c r="J1813" s="10">
        <v>640</v>
      </c>
    </row>
    <row r="1814" spans="1:10" x14ac:dyDescent="0.35">
      <c r="A1814" t="s">
        <v>33</v>
      </c>
      <c r="B1814" t="s">
        <v>82</v>
      </c>
      <c r="C1814" t="s">
        <v>109</v>
      </c>
      <c r="D1814" t="s">
        <v>112</v>
      </c>
      <c r="E1814" s="4">
        <v>45323</v>
      </c>
      <c r="G1814" t="s">
        <v>98</v>
      </c>
      <c r="H1814" t="s">
        <v>14</v>
      </c>
      <c r="I1814" t="s">
        <v>15</v>
      </c>
      <c r="J1814" s="10">
        <v>1057</v>
      </c>
    </row>
    <row r="1815" spans="1:10" x14ac:dyDescent="0.35">
      <c r="A1815" t="s">
        <v>26</v>
      </c>
      <c r="B1815" t="s">
        <v>83</v>
      </c>
      <c r="C1815" t="s">
        <v>109</v>
      </c>
      <c r="D1815" t="s">
        <v>112</v>
      </c>
      <c r="E1815" s="4">
        <v>45323</v>
      </c>
      <c r="G1815" t="s">
        <v>98</v>
      </c>
      <c r="H1815" t="s">
        <v>14</v>
      </c>
      <c r="I1815" t="s">
        <v>15</v>
      </c>
      <c r="J1815" s="10">
        <v>383</v>
      </c>
    </row>
    <row r="1816" spans="1:10" x14ac:dyDescent="0.35">
      <c r="A1816" t="s">
        <v>35</v>
      </c>
      <c r="B1816" t="s">
        <v>84</v>
      </c>
      <c r="C1816" t="s">
        <v>109</v>
      </c>
      <c r="D1816" t="s">
        <v>112</v>
      </c>
      <c r="E1816" s="4">
        <v>45323</v>
      </c>
      <c r="G1816" t="s">
        <v>98</v>
      </c>
      <c r="H1816" t="s">
        <v>14</v>
      </c>
      <c r="I1816" t="s">
        <v>15</v>
      </c>
      <c r="J1816" s="10">
        <v>1345</v>
      </c>
    </row>
    <row r="1817" spans="1:10" x14ac:dyDescent="0.35">
      <c r="A1817" t="s">
        <v>33</v>
      </c>
      <c r="B1817" t="s">
        <v>85</v>
      </c>
      <c r="C1817" t="s">
        <v>109</v>
      </c>
      <c r="D1817" t="s">
        <v>112</v>
      </c>
      <c r="E1817" s="4">
        <v>45323</v>
      </c>
      <c r="G1817" t="s">
        <v>98</v>
      </c>
      <c r="H1817" t="s">
        <v>14</v>
      </c>
      <c r="I1817" t="s">
        <v>15</v>
      </c>
      <c r="J1817" s="10">
        <v>1125</v>
      </c>
    </row>
    <row r="1818" spans="1:10" x14ac:dyDescent="0.35">
      <c r="A1818" t="s">
        <v>33</v>
      </c>
      <c r="B1818" t="s">
        <v>86</v>
      </c>
      <c r="C1818" t="s">
        <v>109</v>
      </c>
      <c r="D1818" t="s">
        <v>112</v>
      </c>
      <c r="E1818" s="4">
        <v>45323</v>
      </c>
      <c r="G1818" t="s">
        <v>98</v>
      </c>
      <c r="H1818" t="s">
        <v>14</v>
      </c>
      <c r="I1818" t="s">
        <v>15</v>
      </c>
      <c r="J1818" s="10">
        <v>1052</v>
      </c>
    </row>
    <row r="1819" spans="1:10" x14ac:dyDescent="0.35">
      <c r="A1819" t="s">
        <v>35</v>
      </c>
      <c r="B1819" t="s">
        <v>87</v>
      </c>
      <c r="C1819" t="s">
        <v>109</v>
      </c>
      <c r="D1819" t="s">
        <v>112</v>
      </c>
      <c r="E1819" s="4">
        <v>45323</v>
      </c>
      <c r="G1819" t="s">
        <v>98</v>
      </c>
      <c r="H1819" t="s">
        <v>14</v>
      </c>
      <c r="I1819" t="s">
        <v>15</v>
      </c>
      <c r="J1819" s="10">
        <v>1177</v>
      </c>
    </row>
    <row r="1820" spans="1:10" x14ac:dyDescent="0.35">
      <c r="A1820" t="s">
        <v>35</v>
      </c>
      <c r="B1820" t="s">
        <v>88</v>
      </c>
      <c r="C1820" t="s">
        <v>109</v>
      </c>
      <c r="D1820" t="s">
        <v>112</v>
      </c>
      <c r="E1820" s="4">
        <v>45323</v>
      </c>
      <c r="G1820" t="s">
        <v>98</v>
      </c>
      <c r="H1820" t="s">
        <v>14</v>
      </c>
      <c r="I1820" t="s">
        <v>15</v>
      </c>
      <c r="J1820" s="10">
        <v>1351</v>
      </c>
    </row>
    <row r="1821" spans="1:10" x14ac:dyDescent="0.35">
      <c r="A1821" t="s">
        <v>62</v>
      </c>
      <c r="B1821" t="s">
        <v>89</v>
      </c>
      <c r="C1821" t="s">
        <v>109</v>
      </c>
      <c r="D1821" t="s">
        <v>112</v>
      </c>
      <c r="E1821" s="4">
        <v>45323</v>
      </c>
      <c r="G1821" t="s">
        <v>98</v>
      </c>
      <c r="H1821" t="s">
        <v>14</v>
      </c>
      <c r="I1821" t="s">
        <v>15</v>
      </c>
      <c r="J1821" s="10">
        <v>1497</v>
      </c>
    </row>
    <row r="1822" spans="1:10" x14ac:dyDescent="0.35">
      <c r="A1822" t="s">
        <v>26</v>
      </c>
      <c r="B1822" t="s">
        <v>90</v>
      </c>
      <c r="C1822" t="s">
        <v>109</v>
      </c>
      <c r="D1822" t="s">
        <v>112</v>
      </c>
      <c r="E1822" s="4">
        <v>45323</v>
      </c>
      <c r="G1822" t="s">
        <v>98</v>
      </c>
      <c r="H1822" t="s">
        <v>14</v>
      </c>
      <c r="I1822" t="s">
        <v>15</v>
      </c>
      <c r="J1822" s="10">
        <v>395</v>
      </c>
    </row>
    <row r="1823" spans="1:10" x14ac:dyDescent="0.35">
      <c r="A1823" t="s">
        <v>26</v>
      </c>
      <c r="B1823" t="s">
        <v>91</v>
      </c>
      <c r="C1823" t="s">
        <v>109</v>
      </c>
      <c r="D1823" t="s">
        <v>112</v>
      </c>
      <c r="E1823" s="4">
        <v>45323</v>
      </c>
      <c r="G1823" t="s">
        <v>98</v>
      </c>
      <c r="H1823" t="s">
        <v>14</v>
      </c>
      <c r="I1823" t="s">
        <v>15</v>
      </c>
      <c r="J1823" s="10">
        <v>1119</v>
      </c>
    </row>
    <row r="1824" spans="1:10" x14ac:dyDescent="0.35">
      <c r="A1824" t="s">
        <v>33</v>
      </c>
      <c r="B1824" t="s">
        <v>92</v>
      </c>
      <c r="C1824" t="s">
        <v>109</v>
      </c>
      <c r="D1824" t="s">
        <v>112</v>
      </c>
      <c r="E1824" s="4">
        <v>45323</v>
      </c>
      <c r="G1824" t="s">
        <v>98</v>
      </c>
      <c r="H1824" t="s">
        <v>14</v>
      </c>
      <c r="I1824" t="s">
        <v>15</v>
      </c>
      <c r="J1824" s="10">
        <v>1123</v>
      </c>
    </row>
    <row r="1825" spans="1:10" x14ac:dyDescent="0.35">
      <c r="A1825" t="s">
        <v>35</v>
      </c>
      <c r="B1825" t="s">
        <v>93</v>
      </c>
      <c r="C1825" t="s">
        <v>109</v>
      </c>
      <c r="D1825" t="s">
        <v>112</v>
      </c>
      <c r="E1825" s="4">
        <v>45323</v>
      </c>
      <c r="G1825" t="s">
        <v>98</v>
      </c>
      <c r="H1825" t="s">
        <v>14</v>
      </c>
      <c r="I1825" t="s">
        <v>15</v>
      </c>
      <c r="J1825" s="10">
        <v>1745</v>
      </c>
    </row>
    <row r="1826" spans="1:10" ht="16" thickBot="1" x14ac:dyDescent="0.4">
      <c r="A1826" t="s">
        <v>20</v>
      </c>
      <c r="B1826" t="s">
        <v>94</v>
      </c>
      <c r="C1826" t="s">
        <v>109</v>
      </c>
      <c r="D1826" t="s">
        <v>112</v>
      </c>
      <c r="E1826" s="4">
        <v>45323</v>
      </c>
      <c r="G1826" t="s">
        <v>98</v>
      </c>
      <c r="H1826" t="s">
        <v>14</v>
      </c>
      <c r="I1826" t="s">
        <v>15</v>
      </c>
      <c r="J1826" s="10">
        <v>1544</v>
      </c>
    </row>
    <row r="1827" spans="1:10" ht="16" thickBot="1" x14ac:dyDescent="0.4">
      <c r="A1827" t="s">
        <v>10</v>
      </c>
      <c r="B1827" t="s">
        <v>11</v>
      </c>
      <c r="C1827" t="s">
        <v>109</v>
      </c>
      <c r="D1827" t="s">
        <v>112</v>
      </c>
      <c r="E1827" s="4">
        <v>45323</v>
      </c>
      <c r="G1827" t="s">
        <v>14</v>
      </c>
      <c r="H1827" t="s">
        <v>14</v>
      </c>
      <c r="I1827" t="s">
        <v>15</v>
      </c>
      <c r="J1827" s="11">
        <v>864</v>
      </c>
    </row>
    <row r="1828" spans="1:10" ht="16" thickBot="1" x14ac:dyDescent="0.4">
      <c r="A1828" t="s">
        <v>10</v>
      </c>
      <c r="B1828" t="s">
        <v>16</v>
      </c>
      <c r="C1828" t="s">
        <v>109</v>
      </c>
      <c r="D1828" t="s">
        <v>112</v>
      </c>
      <c r="E1828" s="4">
        <v>45323</v>
      </c>
      <c r="G1828" t="s">
        <v>14</v>
      </c>
      <c r="H1828" t="s">
        <v>14</v>
      </c>
      <c r="I1828" t="s">
        <v>15</v>
      </c>
      <c r="J1828" s="11">
        <v>1568</v>
      </c>
    </row>
    <row r="1829" spans="1:10" ht="16" thickBot="1" x14ac:dyDescent="0.4">
      <c r="A1829" t="s">
        <v>10</v>
      </c>
      <c r="B1829" t="s">
        <v>17</v>
      </c>
      <c r="C1829" t="s">
        <v>109</v>
      </c>
      <c r="D1829" t="s">
        <v>112</v>
      </c>
      <c r="E1829" s="4">
        <v>45323</v>
      </c>
      <c r="G1829" t="s">
        <v>14</v>
      </c>
      <c r="H1829" t="s">
        <v>14</v>
      </c>
      <c r="I1829" t="s">
        <v>15</v>
      </c>
      <c r="J1829" s="11">
        <v>1292</v>
      </c>
    </row>
    <row r="1830" spans="1:10" ht="16" thickBot="1" x14ac:dyDescent="0.4">
      <c r="A1830" t="s">
        <v>10</v>
      </c>
      <c r="B1830" t="s">
        <v>18</v>
      </c>
      <c r="C1830" t="s">
        <v>109</v>
      </c>
      <c r="D1830" t="s">
        <v>112</v>
      </c>
      <c r="E1830" s="4">
        <v>45323</v>
      </c>
      <c r="G1830" t="s">
        <v>14</v>
      </c>
      <c r="H1830" t="s">
        <v>14</v>
      </c>
      <c r="I1830" t="s">
        <v>15</v>
      </c>
      <c r="J1830" s="11">
        <v>1188</v>
      </c>
    </row>
    <row r="1831" spans="1:10" ht="16" thickBot="1" x14ac:dyDescent="0.4">
      <c r="A1831" t="s">
        <v>10</v>
      </c>
      <c r="B1831" t="s">
        <v>19</v>
      </c>
      <c r="C1831" t="s">
        <v>109</v>
      </c>
      <c r="D1831" t="s">
        <v>112</v>
      </c>
      <c r="E1831" s="4">
        <v>45323</v>
      </c>
      <c r="G1831" t="s">
        <v>14</v>
      </c>
      <c r="H1831" t="s">
        <v>14</v>
      </c>
      <c r="I1831" t="s">
        <v>15</v>
      </c>
      <c r="J1831" s="11">
        <v>1066</v>
      </c>
    </row>
    <row r="1832" spans="1:10" ht="16" thickBot="1" x14ac:dyDescent="0.4">
      <c r="A1832" t="s">
        <v>20</v>
      </c>
      <c r="B1832" t="s">
        <v>21</v>
      </c>
      <c r="C1832" t="s">
        <v>109</v>
      </c>
      <c r="D1832" t="s">
        <v>112</v>
      </c>
      <c r="E1832" s="4">
        <v>45323</v>
      </c>
      <c r="G1832" t="s">
        <v>14</v>
      </c>
      <c r="H1832" t="s">
        <v>14</v>
      </c>
      <c r="I1832" t="s">
        <v>15</v>
      </c>
      <c r="J1832" s="11">
        <v>2419</v>
      </c>
    </row>
    <row r="1833" spans="1:10" ht="16" thickBot="1" x14ac:dyDescent="0.4">
      <c r="A1833" t="s">
        <v>22</v>
      </c>
      <c r="B1833" t="s">
        <v>23</v>
      </c>
      <c r="C1833" t="s">
        <v>109</v>
      </c>
      <c r="D1833" t="s">
        <v>112</v>
      </c>
      <c r="E1833" s="4">
        <v>45323</v>
      </c>
      <c r="G1833" t="s">
        <v>14</v>
      </c>
      <c r="H1833" t="s">
        <v>14</v>
      </c>
      <c r="I1833" t="s">
        <v>15</v>
      </c>
      <c r="J1833" s="11">
        <v>1875</v>
      </c>
    </row>
    <row r="1834" spans="1:10" ht="16" thickBot="1" x14ac:dyDescent="0.4">
      <c r="A1834" t="s">
        <v>10</v>
      </c>
      <c r="B1834" t="s">
        <v>24</v>
      </c>
      <c r="C1834" t="s">
        <v>109</v>
      </c>
      <c r="D1834" t="s">
        <v>112</v>
      </c>
      <c r="E1834" s="4">
        <v>45323</v>
      </c>
      <c r="G1834" t="s">
        <v>14</v>
      </c>
      <c r="H1834" t="s">
        <v>14</v>
      </c>
      <c r="I1834" t="s">
        <v>15</v>
      </c>
      <c r="J1834" s="11">
        <v>1419</v>
      </c>
    </row>
    <row r="1835" spans="1:10" ht="16" thickBot="1" x14ac:dyDescent="0.4">
      <c r="A1835" t="s">
        <v>10</v>
      </c>
      <c r="B1835" t="s">
        <v>25</v>
      </c>
      <c r="C1835" t="s">
        <v>109</v>
      </c>
      <c r="D1835" t="s">
        <v>112</v>
      </c>
      <c r="E1835" s="4">
        <v>45323</v>
      </c>
      <c r="G1835" t="s">
        <v>14</v>
      </c>
      <c r="H1835" t="s">
        <v>14</v>
      </c>
      <c r="I1835" t="s">
        <v>15</v>
      </c>
      <c r="J1835" s="11">
        <v>1998</v>
      </c>
    </row>
    <row r="1836" spans="1:10" ht="16" thickBot="1" x14ac:dyDescent="0.4">
      <c r="A1836" t="s">
        <v>26</v>
      </c>
      <c r="B1836" t="s">
        <v>27</v>
      </c>
      <c r="C1836" t="s">
        <v>109</v>
      </c>
      <c r="D1836" t="s">
        <v>112</v>
      </c>
      <c r="E1836" s="4">
        <v>45323</v>
      </c>
      <c r="G1836" t="s">
        <v>14</v>
      </c>
      <c r="H1836" t="s">
        <v>14</v>
      </c>
      <c r="I1836" t="s">
        <v>15</v>
      </c>
      <c r="J1836" s="11">
        <v>2197</v>
      </c>
    </row>
    <row r="1837" spans="1:10" ht="16" thickBot="1" x14ac:dyDescent="0.4">
      <c r="A1837" t="s">
        <v>28</v>
      </c>
      <c r="B1837" t="s">
        <v>29</v>
      </c>
      <c r="C1837" t="s">
        <v>109</v>
      </c>
      <c r="D1837" t="s">
        <v>112</v>
      </c>
      <c r="E1837" s="4">
        <v>45323</v>
      </c>
      <c r="G1837" t="s">
        <v>14</v>
      </c>
      <c r="H1837" t="s">
        <v>14</v>
      </c>
      <c r="I1837" t="s">
        <v>15</v>
      </c>
      <c r="J1837" s="11">
        <v>2778</v>
      </c>
    </row>
    <row r="1838" spans="1:10" ht="16" thickBot="1" x14ac:dyDescent="0.4">
      <c r="A1838" t="s">
        <v>10</v>
      </c>
      <c r="B1838" t="s">
        <v>30</v>
      </c>
      <c r="C1838" t="s">
        <v>109</v>
      </c>
      <c r="D1838" t="s">
        <v>112</v>
      </c>
      <c r="E1838" s="4">
        <v>45323</v>
      </c>
      <c r="G1838" t="s">
        <v>14</v>
      </c>
      <c r="H1838" t="s">
        <v>14</v>
      </c>
      <c r="I1838" t="s">
        <v>15</v>
      </c>
      <c r="J1838" s="11">
        <v>1534</v>
      </c>
    </row>
    <row r="1839" spans="1:10" ht="16" thickBot="1" x14ac:dyDescent="0.4">
      <c r="A1839" t="s">
        <v>26</v>
      </c>
      <c r="B1839" t="s">
        <v>31</v>
      </c>
      <c r="C1839" t="s">
        <v>109</v>
      </c>
      <c r="D1839" t="s">
        <v>112</v>
      </c>
      <c r="E1839" s="4">
        <v>45323</v>
      </c>
      <c r="G1839" t="s">
        <v>14</v>
      </c>
      <c r="H1839" t="s">
        <v>14</v>
      </c>
      <c r="I1839" t="s">
        <v>15</v>
      </c>
      <c r="J1839" s="11">
        <v>2122</v>
      </c>
    </row>
    <row r="1840" spans="1:10" ht="16" thickBot="1" x14ac:dyDescent="0.4">
      <c r="A1840" t="s">
        <v>28</v>
      </c>
      <c r="B1840" t="s">
        <v>32</v>
      </c>
      <c r="C1840" t="s">
        <v>109</v>
      </c>
      <c r="D1840" t="s">
        <v>112</v>
      </c>
      <c r="E1840" s="4">
        <v>45323</v>
      </c>
      <c r="G1840" t="s">
        <v>14</v>
      </c>
      <c r="H1840" t="s">
        <v>14</v>
      </c>
      <c r="I1840" t="s">
        <v>15</v>
      </c>
      <c r="J1840" s="11">
        <v>2874</v>
      </c>
    </row>
    <row r="1841" spans="1:10" ht="16" thickBot="1" x14ac:dyDescent="0.4">
      <c r="A1841" t="s">
        <v>33</v>
      </c>
      <c r="B1841" t="s">
        <v>34</v>
      </c>
      <c r="C1841" t="s">
        <v>109</v>
      </c>
      <c r="D1841" t="s">
        <v>112</v>
      </c>
      <c r="E1841" s="4">
        <v>45323</v>
      </c>
      <c r="G1841" t="s">
        <v>14</v>
      </c>
      <c r="H1841" t="s">
        <v>14</v>
      </c>
      <c r="I1841" t="s">
        <v>15</v>
      </c>
      <c r="J1841" s="11">
        <v>1630</v>
      </c>
    </row>
    <row r="1842" spans="1:10" ht="16" thickBot="1" x14ac:dyDescent="0.4">
      <c r="A1842" t="s">
        <v>35</v>
      </c>
      <c r="B1842" t="s">
        <v>36</v>
      </c>
      <c r="C1842" t="s">
        <v>109</v>
      </c>
      <c r="D1842" t="s">
        <v>112</v>
      </c>
      <c r="E1842" s="4">
        <v>45323</v>
      </c>
      <c r="G1842" t="s">
        <v>14</v>
      </c>
      <c r="H1842" t="s">
        <v>14</v>
      </c>
      <c r="I1842" t="s">
        <v>15</v>
      </c>
      <c r="J1842" s="11">
        <v>2337</v>
      </c>
    </row>
    <row r="1843" spans="1:10" ht="16" thickBot="1" x14ac:dyDescent="0.4">
      <c r="A1843" t="s">
        <v>28</v>
      </c>
      <c r="B1843" t="s">
        <v>37</v>
      </c>
      <c r="C1843" t="s">
        <v>109</v>
      </c>
      <c r="D1843" t="s">
        <v>112</v>
      </c>
      <c r="E1843" s="4">
        <v>45323</v>
      </c>
      <c r="G1843" t="s">
        <v>14</v>
      </c>
      <c r="H1843" t="s">
        <v>14</v>
      </c>
      <c r="I1843" t="s">
        <v>15</v>
      </c>
      <c r="J1843" s="11">
        <v>2331</v>
      </c>
    </row>
    <row r="1844" spans="1:10" ht="16" thickBot="1" x14ac:dyDescent="0.4">
      <c r="A1844" t="s">
        <v>20</v>
      </c>
      <c r="B1844" t="s">
        <v>38</v>
      </c>
      <c r="C1844" t="s">
        <v>109</v>
      </c>
      <c r="D1844" t="s">
        <v>112</v>
      </c>
      <c r="E1844" s="4">
        <v>45323</v>
      </c>
      <c r="G1844" t="s">
        <v>14</v>
      </c>
      <c r="H1844" t="s">
        <v>14</v>
      </c>
      <c r="I1844" t="s">
        <v>15</v>
      </c>
      <c r="J1844" s="11">
        <v>2449</v>
      </c>
    </row>
    <row r="1845" spans="1:10" ht="16" thickBot="1" x14ac:dyDescent="0.4">
      <c r="A1845" t="s">
        <v>33</v>
      </c>
      <c r="B1845" t="s">
        <v>39</v>
      </c>
      <c r="C1845" t="s">
        <v>109</v>
      </c>
      <c r="D1845" t="s">
        <v>112</v>
      </c>
      <c r="E1845" s="4">
        <v>45323</v>
      </c>
      <c r="G1845" t="s">
        <v>14</v>
      </c>
      <c r="H1845" t="s">
        <v>14</v>
      </c>
      <c r="I1845" t="s">
        <v>15</v>
      </c>
      <c r="J1845" s="11">
        <v>1799</v>
      </c>
    </row>
    <row r="1846" spans="1:10" ht="16" thickBot="1" x14ac:dyDescent="0.4">
      <c r="A1846" t="s">
        <v>20</v>
      </c>
      <c r="B1846" t="s">
        <v>40</v>
      </c>
      <c r="C1846" t="s">
        <v>109</v>
      </c>
      <c r="D1846" t="s">
        <v>112</v>
      </c>
      <c r="E1846" s="4">
        <v>45323</v>
      </c>
      <c r="G1846" t="s">
        <v>14</v>
      </c>
      <c r="H1846" t="s">
        <v>14</v>
      </c>
      <c r="I1846" t="s">
        <v>15</v>
      </c>
      <c r="J1846" s="11">
        <v>2174</v>
      </c>
    </row>
    <row r="1847" spans="1:10" ht="16" thickBot="1" x14ac:dyDescent="0.4">
      <c r="A1847" t="s">
        <v>35</v>
      </c>
      <c r="B1847" t="s">
        <v>41</v>
      </c>
      <c r="C1847" t="s">
        <v>109</v>
      </c>
      <c r="D1847" t="s">
        <v>112</v>
      </c>
      <c r="E1847" s="4">
        <v>45323</v>
      </c>
      <c r="G1847" t="s">
        <v>14</v>
      </c>
      <c r="H1847" t="s">
        <v>14</v>
      </c>
      <c r="I1847" t="s">
        <v>15</v>
      </c>
      <c r="J1847" s="11">
        <v>2694</v>
      </c>
    </row>
    <row r="1848" spans="1:10" ht="16" thickBot="1" x14ac:dyDescent="0.4">
      <c r="A1848" t="s">
        <v>35</v>
      </c>
      <c r="B1848" t="s">
        <v>42</v>
      </c>
      <c r="C1848" t="s">
        <v>109</v>
      </c>
      <c r="D1848" t="s">
        <v>112</v>
      </c>
      <c r="E1848" s="4">
        <v>45323</v>
      </c>
      <c r="G1848" t="s">
        <v>14</v>
      </c>
      <c r="H1848" t="s">
        <v>14</v>
      </c>
      <c r="I1848" t="s">
        <v>15</v>
      </c>
      <c r="J1848" s="11">
        <v>2414</v>
      </c>
    </row>
    <row r="1849" spans="1:10" ht="16" thickBot="1" x14ac:dyDescent="0.4">
      <c r="A1849" t="s">
        <v>35</v>
      </c>
      <c r="B1849" t="s">
        <v>43</v>
      </c>
      <c r="C1849" t="s">
        <v>109</v>
      </c>
      <c r="D1849" t="s">
        <v>112</v>
      </c>
      <c r="E1849" s="4">
        <v>45323</v>
      </c>
      <c r="G1849" t="s">
        <v>14</v>
      </c>
      <c r="H1849" t="s">
        <v>14</v>
      </c>
      <c r="I1849" t="s">
        <v>15</v>
      </c>
      <c r="J1849" s="11">
        <v>2231</v>
      </c>
    </row>
    <row r="1850" spans="1:10" ht="16" thickBot="1" x14ac:dyDescent="0.4">
      <c r="A1850" t="s">
        <v>28</v>
      </c>
      <c r="B1850" t="s">
        <v>44</v>
      </c>
      <c r="C1850" t="s">
        <v>109</v>
      </c>
      <c r="D1850" t="s">
        <v>112</v>
      </c>
      <c r="E1850" s="4">
        <v>45323</v>
      </c>
      <c r="G1850" t="s">
        <v>14</v>
      </c>
      <c r="H1850" t="s">
        <v>14</v>
      </c>
      <c r="I1850" t="s">
        <v>15</v>
      </c>
      <c r="J1850" s="11">
        <v>2620</v>
      </c>
    </row>
    <row r="1851" spans="1:10" ht="16" thickBot="1" x14ac:dyDescent="0.4">
      <c r="A1851" t="s">
        <v>10</v>
      </c>
      <c r="B1851" t="s">
        <v>45</v>
      </c>
      <c r="C1851" t="s">
        <v>109</v>
      </c>
      <c r="D1851" t="s">
        <v>112</v>
      </c>
      <c r="E1851" s="4">
        <v>45323</v>
      </c>
      <c r="G1851" t="s">
        <v>14</v>
      </c>
      <c r="H1851" t="s">
        <v>14</v>
      </c>
      <c r="I1851" t="s">
        <v>15</v>
      </c>
      <c r="J1851" s="11">
        <v>2107</v>
      </c>
    </row>
    <row r="1852" spans="1:10" ht="16" thickBot="1" x14ac:dyDescent="0.4">
      <c r="A1852" t="s">
        <v>10</v>
      </c>
      <c r="B1852" t="s">
        <v>46</v>
      </c>
      <c r="C1852" t="s">
        <v>109</v>
      </c>
      <c r="D1852" t="s">
        <v>112</v>
      </c>
      <c r="E1852" s="4">
        <v>45323</v>
      </c>
      <c r="G1852" t="s">
        <v>14</v>
      </c>
      <c r="H1852" t="s">
        <v>14</v>
      </c>
      <c r="I1852" t="s">
        <v>15</v>
      </c>
      <c r="J1852" s="11">
        <v>1901</v>
      </c>
    </row>
    <row r="1853" spans="1:10" ht="16" thickBot="1" x14ac:dyDescent="0.4">
      <c r="A1853" t="s">
        <v>33</v>
      </c>
      <c r="B1853" t="s">
        <v>47</v>
      </c>
      <c r="C1853" t="s">
        <v>109</v>
      </c>
      <c r="D1853" t="s">
        <v>112</v>
      </c>
      <c r="E1853" s="4">
        <v>45323</v>
      </c>
      <c r="G1853" t="s">
        <v>14</v>
      </c>
      <c r="H1853" t="s">
        <v>14</v>
      </c>
      <c r="I1853" t="s">
        <v>15</v>
      </c>
      <c r="J1853" s="11">
        <v>1576</v>
      </c>
    </row>
    <row r="1854" spans="1:10" ht="16" thickBot="1" x14ac:dyDescent="0.4">
      <c r="A1854" t="s">
        <v>20</v>
      </c>
      <c r="B1854" t="s">
        <v>48</v>
      </c>
      <c r="C1854" t="s">
        <v>109</v>
      </c>
      <c r="D1854" t="s">
        <v>112</v>
      </c>
      <c r="E1854" s="4">
        <v>45323</v>
      </c>
      <c r="G1854" t="s">
        <v>14</v>
      </c>
      <c r="H1854" t="s">
        <v>14</v>
      </c>
      <c r="I1854" t="s">
        <v>15</v>
      </c>
      <c r="J1854" s="11">
        <v>2376</v>
      </c>
    </row>
    <row r="1855" spans="1:10" ht="16" thickBot="1" x14ac:dyDescent="0.4">
      <c r="A1855" t="s">
        <v>28</v>
      </c>
      <c r="B1855" t="s">
        <v>49</v>
      </c>
      <c r="C1855" t="s">
        <v>109</v>
      </c>
      <c r="D1855" t="s">
        <v>112</v>
      </c>
      <c r="E1855" s="4">
        <v>45323</v>
      </c>
      <c r="G1855" t="s">
        <v>14</v>
      </c>
      <c r="H1855" t="s">
        <v>14</v>
      </c>
      <c r="I1855" t="s">
        <v>15</v>
      </c>
      <c r="J1855" s="11">
        <v>1904</v>
      </c>
    </row>
    <row r="1856" spans="1:10" ht="16" thickBot="1" x14ac:dyDescent="0.4">
      <c r="A1856" t="s">
        <v>35</v>
      </c>
      <c r="B1856" t="s">
        <v>50</v>
      </c>
      <c r="C1856" t="s">
        <v>109</v>
      </c>
      <c r="D1856" t="s">
        <v>112</v>
      </c>
      <c r="E1856" s="4">
        <v>45323</v>
      </c>
      <c r="G1856" t="s">
        <v>14</v>
      </c>
      <c r="H1856" t="s">
        <v>14</v>
      </c>
      <c r="I1856" t="s">
        <v>15</v>
      </c>
      <c r="J1856" s="11">
        <v>2257</v>
      </c>
    </row>
    <row r="1857" spans="1:10" ht="16" thickBot="1" x14ac:dyDescent="0.4">
      <c r="A1857" t="s">
        <v>22</v>
      </c>
      <c r="B1857" t="s">
        <v>51</v>
      </c>
      <c r="C1857" t="s">
        <v>109</v>
      </c>
      <c r="D1857" t="s">
        <v>112</v>
      </c>
      <c r="E1857" s="4">
        <v>45323</v>
      </c>
      <c r="G1857" t="s">
        <v>14</v>
      </c>
      <c r="H1857" t="s">
        <v>14</v>
      </c>
      <c r="I1857" t="s">
        <v>15</v>
      </c>
      <c r="J1857" s="11">
        <v>865</v>
      </c>
    </row>
    <row r="1858" spans="1:10" ht="16" thickBot="1" x14ac:dyDescent="0.4">
      <c r="A1858" t="s">
        <v>22</v>
      </c>
      <c r="B1858" t="s">
        <v>52</v>
      </c>
      <c r="C1858" t="s">
        <v>109</v>
      </c>
      <c r="D1858" t="s">
        <v>112</v>
      </c>
      <c r="E1858" s="4">
        <v>45323</v>
      </c>
      <c r="G1858" t="s">
        <v>14</v>
      </c>
      <c r="H1858" t="s">
        <v>14</v>
      </c>
      <c r="I1858" t="s">
        <v>15</v>
      </c>
      <c r="J1858" s="11">
        <v>1760</v>
      </c>
    </row>
    <row r="1859" spans="1:10" ht="16" thickBot="1" x14ac:dyDescent="0.4">
      <c r="A1859" t="s">
        <v>22</v>
      </c>
      <c r="B1859" t="s">
        <v>53</v>
      </c>
      <c r="C1859" t="s">
        <v>109</v>
      </c>
      <c r="D1859" t="s">
        <v>112</v>
      </c>
      <c r="E1859" s="4">
        <v>45323</v>
      </c>
      <c r="G1859" t="s">
        <v>14</v>
      </c>
      <c r="H1859" t="s">
        <v>14</v>
      </c>
      <c r="I1859" t="s">
        <v>15</v>
      </c>
      <c r="J1859" s="11">
        <v>1204</v>
      </c>
    </row>
    <row r="1860" spans="1:10" ht="16" thickBot="1" x14ac:dyDescent="0.4">
      <c r="A1860" t="s">
        <v>22</v>
      </c>
      <c r="B1860" t="s">
        <v>54</v>
      </c>
      <c r="C1860" t="s">
        <v>109</v>
      </c>
      <c r="D1860" t="s">
        <v>112</v>
      </c>
      <c r="E1860" s="4">
        <v>45323</v>
      </c>
      <c r="G1860" t="s">
        <v>14</v>
      </c>
      <c r="H1860" t="s">
        <v>14</v>
      </c>
      <c r="I1860" t="s">
        <v>15</v>
      </c>
      <c r="J1860" s="11">
        <v>1340</v>
      </c>
    </row>
    <row r="1861" spans="1:10" ht="16" thickBot="1" x14ac:dyDescent="0.4">
      <c r="A1861" t="s">
        <v>22</v>
      </c>
      <c r="B1861" t="s">
        <v>55</v>
      </c>
      <c r="C1861" t="s">
        <v>109</v>
      </c>
      <c r="D1861" t="s">
        <v>112</v>
      </c>
      <c r="E1861" s="4">
        <v>45323</v>
      </c>
      <c r="G1861" t="s">
        <v>14</v>
      </c>
      <c r="H1861" t="s">
        <v>14</v>
      </c>
      <c r="I1861" t="s">
        <v>15</v>
      </c>
      <c r="J1861" s="11">
        <v>1089</v>
      </c>
    </row>
    <row r="1862" spans="1:10" ht="16" thickBot="1" x14ac:dyDescent="0.4">
      <c r="A1862" t="s">
        <v>22</v>
      </c>
      <c r="B1862" t="s">
        <v>56</v>
      </c>
      <c r="C1862" t="s">
        <v>109</v>
      </c>
      <c r="D1862" t="s">
        <v>112</v>
      </c>
      <c r="E1862" s="4">
        <v>45323</v>
      </c>
      <c r="G1862" t="s">
        <v>14</v>
      </c>
      <c r="H1862" t="s">
        <v>14</v>
      </c>
      <c r="I1862" t="s">
        <v>15</v>
      </c>
      <c r="J1862" s="11">
        <v>1666</v>
      </c>
    </row>
    <row r="1863" spans="1:10" ht="16" thickBot="1" x14ac:dyDescent="0.4">
      <c r="A1863" t="s">
        <v>28</v>
      </c>
      <c r="B1863" t="s">
        <v>58</v>
      </c>
      <c r="C1863" t="s">
        <v>109</v>
      </c>
      <c r="D1863" t="s">
        <v>112</v>
      </c>
      <c r="E1863" s="4">
        <v>45323</v>
      </c>
      <c r="G1863" t="s">
        <v>14</v>
      </c>
      <c r="H1863" t="s">
        <v>14</v>
      </c>
      <c r="I1863" t="s">
        <v>15</v>
      </c>
      <c r="J1863" s="11">
        <v>1856</v>
      </c>
    </row>
    <row r="1864" spans="1:10" ht="16" thickBot="1" x14ac:dyDescent="0.4">
      <c r="A1864" t="s">
        <v>20</v>
      </c>
      <c r="B1864" t="s">
        <v>59</v>
      </c>
      <c r="C1864" t="s">
        <v>109</v>
      </c>
      <c r="D1864" t="s">
        <v>112</v>
      </c>
      <c r="E1864" s="4">
        <v>45323</v>
      </c>
      <c r="G1864" t="s">
        <v>14</v>
      </c>
      <c r="H1864" t="s">
        <v>14</v>
      </c>
      <c r="I1864" t="s">
        <v>15</v>
      </c>
      <c r="J1864" s="11">
        <v>1857</v>
      </c>
    </row>
    <row r="1865" spans="1:10" ht="16" thickBot="1" x14ac:dyDescent="0.4">
      <c r="A1865" t="s">
        <v>20</v>
      </c>
      <c r="B1865" t="s">
        <v>60</v>
      </c>
      <c r="C1865" t="s">
        <v>109</v>
      </c>
      <c r="D1865" t="s">
        <v>112</v>
      </c>
      <c r="E1865" s="4">
        <v>45323</v>
      </c>
      <c r="G1865" t="s">
        <v>14</v>
      </c>
      <c r="H1865" t="s">
        <v>14</v>
      </c>
      <c r="I1865" t="s">
        <v>15</v>
      </c>
      <c r="J1865" s="11">
        <v>2069</v>
      </c>
    </row>
    <row r="1866" spans="1:10" ht="16" thickBot="1" x14ac:dyDescent="0.4">
      <c r="A1866" t="s">
        <v>28</v>
      </c>
      <c r="B1866" t="s">
        <v>61</v>
      </c>
      <c r="C1866" t="s">
        <v>109</v>
      </c>
      <c r="D1866" t="s">
        <v>112</v>
      </c>
      <c r="E1866" s="4">
        <v>45323</v>
      </c>
      <c r="G1866" t="s">
        <v>14</v>
      </c>
      <c r="H1866" t="s">
        <v>14</v>
      </c>
      <c r="I1866" t="s">
        <v>15</v>
      </c>
      <c r="J1866" s="11">
        <v>2749</v>
      </c>
    </row>
    <row r="1867" spans="1:10" ht="16" thickBot="1" x14ac:dyDescent="0.4">
      <c r="A1867" t="s">
        <v>62</v>
      </c>
      <c r="B1867" t="s">
        <v>63</v>
      </c>
      <c r="C1867" t="s">
        <v>109</v>
      </c>
      <c r="D1867" t="s">
        <v>112</v>
      </c>
      <c r="E1867" s="4">
        <v>45323</v>
      </c>
      <c r="G1867" t="s">
        <v>14</v>
      </c>
      <c r="H1867" t="s">
        <v>14</v>
      </c>
      <c r="I1867" t="s">
        <v>15</v>
      </c>
      <c r="J1867" s="11">
        <v>2004</v>
      </c>
    </row>
    <row r="1868" spans="1:10" ht="16" thickBot="1" x14ac:dyDescent="0.4">
      <c r="A1868" t="s">
        <v>62</v>
      </c>
      <c r="B1868" t="s">
        <v>64</v>
      </c>
      <c r="C1868" t="s">
        <v>109</v>
      </c>
      <c r="D1868" t="s">
        <v>112</v>
      </c>
      <c r="E1868" s="4">
        <v>45323</v>
      </c>
      <c r="G1868" t="s">
        <v>14</v>
      </c>
      <c r="H1868" t="s">
        <v>14</v>
      </c>
      <c r="I1868" t="s">
        <v>15</v>
      </c>
      <c r="J1868" s="11">
        <v>2364</v>
      </c>
    </row>
    <row r="1869" spans="1:10" ht="16" thickBot="1" x14ac:dyDescent="0.4">
      <c r="A1869" t="s">
        <v>62</v>
      </c>
      <c r="B1869" t="s">
        <v>65</v>
      </c>
      <c r="C1869" t="s">
        <v>109</v>
      </c>
      <c r="D1869" t="s">
        <v>112</v>
      </c>
      <c r="E1869" s="4">
        <v>45323</v>
      </c>
      <c r="G1869" t="s">
        <v>14</v>
      </c>
      <c r="H1869" t="s">
        <v>14</v>
      </c>
      <c r="I1869" t="s">
        <v>15</v>
      </c>
      <c r="J1869" s="11">
        <v>1176</v>
      </c>
    </row>
    <row r="1870" spans="1:10" ht="16" thickBot="1" x14ac:dyDescent="0.4">
      <c r="A1870" t="s">
        <v>62</v>
      </c>
      <c r="B1870" t="s">
        <v>66</v>
      </c>
      <c r="C1870" t="s">
        <v>109</v>
      </c>
      <c r="D1870" t="s">
        <v>112</v>
      </c>
      <c r="E1870" s="4">
        <v>45323</v>
      </c>
      <c r="G1870" t="s">
        <v>14</v>
      </c>
      <c r="H1870" t="s">
        <v>14</v>
      </c>
      <c r="I1870" t="s">
        <v>15</v>
      </c>
      <c r="J1870" s="11">
        <v>2149</v>
      </c>
    </row>
    <row r="1871" spans="1:10" ht="16" thickBot="1" x14ac:dyDescent="0.4">
      <c r="A1871" t="s">
        <v>62</v>
      </c>
      <c r="B1871" t="s">
        <v>67</v>
      </c>
      <c r="C1871" t="s">
        <v>109</v>
      </c>
      <c r="D1871" t="s">
        <v>112</v>
      </c>
      <c r="E1871" s="4">
        <v>45323</v>
      </c>
      <c r="G1871" t="s">
        <v>14</v>
      </c>
      <c r="H1871" t="s">
        <v>14</v>
      </c>
      <c r="I1871" t="s">
        <v>15</v>
      </c>
      <c r="J1871" s="11">
        <v>2700</v>
      </c>
    </row>
    <row r="1872" spans="1:10" ht="16" thickBot="1" x14ac:dyDescent="0.4">
      <c r="A1872" t="s">
        <v>62</v>
      </c>
      <c r="B1872" t="s">
        <v>68</v>
      </c>
      <c r="C1872" t="s">
        <v>109</v>
      </c>
      <c r="D1872" t="s">
        <v>112</v>
      </c>
      <c r="E1872" s="4">
        <v>45323</v>
      </c>
      <c r="G1872" t="s">
        <v>14</v>
      </c>
      <c r="H1872" t="s">
        <v>14</v>
      </c>
      <c r="I1872" t="s">
        <v>15</v>
      </c>
      <c r="J1872" s="11">
        <v>2558</v>
      </c>
    </row>
    <row r="1873" spans="1:10" ht="16" thickBot="1" x14ac:dyDescent="0.4">
      <c r="A1873" t="s">
        <v>62</v>
      </c>
      <c r="B1873" t="s">
        <v>69</v>
      </c>
      <c r="C1873" t="s">
        <v>109</v>
      </c>
      <c r="D1873" t="s">
        <v>112</v>
      </c>
      <c r="E1873" s="4">
        <v>45323</v>
      </c>
      <c r="G1873" t="s">
        <v>14</v>
      </c>
      <c r="H1873" t="s">
        <v>14</v>
      </c>
      <c r="I1873" t="s">
        <v>15</v>
      </c>
      <c r="J1873" s="11">
        <v>2546</v>
      </c>
    </row>
    <row r="1874" spans="1:10" ht="16" thickBot="1" x14ac:dyDescent="0.4">
      <c r="A1874" t="s">
        <v>62</v>
      </c>
      <c r="B1874" t="s">
        <v>70</v>
      </c>
      <c r="C1874" t="s">
        <v>109</v>
      </c>
      <c r="D1874" t="s">
        <v>112</v>
      </c>
      <c r="E1874" s="4">
        <v>45323</v>
      </c>
      <c r="G1874" t="s">
        <v>14</v>
      </c>
      <c r="H1874" t="s">
        <v>14</v>
      </c>
      <c r="I1874" t="s">
        <v>15</v>
      </c>
      <c r="J1874" s="11">
        <v>1527</v>
      </c>
    </row>
    <row r="1875" spans="1:10" ht="16" thickBot="1" x14ac:dyDescent="0.4">
      <c r="A1875" t="s">
        <v>35</v>
      </c>
      <c r="B1875" t="s">
        <v>71</v>
      </c>
      <c r="C1875" t="s">
        <v>109</v>
      </c>
      <c r="D1875" t="s">
        <v>112</v>
      </c>
      <c r="E1875" s="4">
        <v>45323</v>
      </c>
      <c r="G1875" t="s">
        <v>14</v>
      </c>
      <c r="H1875" t="s">
        <v>14</v>
      </c>
      <c r="I1875" t="s">
        <v>15</v>
      </c>
      <c r="J1875" s="11">
        <v>2951</v>
      </c>
    </row>
    <row r="1876" spans="1:10" ht="16" thickBot="1" x14ac:dyDescent="0.4">
      <c r="A1876" t="s">
        <v>20</v>
      </c>
      <c r="B1876" t="s">
        <v>72</v>
      </c>
      <c r="C1876" t="s">
        <v>109</v>
      </c>
      <c r="D1876" t="s">
        <v>112</v>
      </c>
      <c r="E1876" s="4">
        <v>45323</v>
      </c>
      <c r="G1876" t="s">
        <v>14</v>
      </c>
      <c r="H1876" t="s">
        <v>14</v>
      </c>
      <c r="I1876" t="s">
        <v>15</v>
      </c>
      <c r="J1876" s="11">
        <v>2438</v>
      </c>
    </row>
    <row r="1877" spans="1:10" ht="16" thickBot="1" x14ac:dyDescent="0.4">
      <c r="A1877" t="s">
        <v>26</v>
      </c>
      <c r="B1877" t="s">
        <v>73</v>
      </c>
      <c r="C1877" t="s">
        <v>109</v>
      </c>
      <c r="D1877" t="s">
        <v>112</v>
      </c>
      <c r="E1877" s="4">
        <v>45323</v>
      </c>
      <c r="G1877" t="s">
        <v>14</v>
      </c>
      <c r="H1877" t="s">
        <v>14</v>
      </c>
      <c r="I1877" t="s">
        <v>15</v>
      </c>
      <c r="J1877" s="11">
        <v>1906</v>
      </c>
    </row>
    <row r="1878" spans="1:10" ht="16" thickBot="1" x14ac:dyDescent="0.4">
      <c r="A1878" t="s">
        <v>28</v>
      </c>
      <c r="B1878" t="s">
        <v>74</v>
      </c>
      <c r="C1878" t="s">
        <v>109</v>
      </c>
      <c r="D1878" t="s">
        <v>112</v>
      </c>
      <c r="E1878" s="4">
        <v>45323</v>
      </c>
      <c r="G1878" t="s">
        <v>14</v>
      </c>
      <c r="H1878" t="s">
        <v>14</v>
      </c>
      <c r="I1878" t="s">
        <v>15</v>
      </c>
      <c r="J1878" s="11">
        <v>2816</v>
      </c>
    </row>
    <row r="1879" spans="1:10" ht="16" thickBot="1" x14ac:dyDescent="0.4">
      <c r="A1879" t="s">
        <v>33</v>
      </c>
      <c r="B1879" t="s">
        <v>75</v>
      </c>
      <c r="C1879" t="s">
        <v>109</v>
      </c>
      <c r="D1879" t="s">
        <v>112</v>
      </c>
      <c r="E1879" s="4">
        <v>45323</v>
      </c>
      <c r="G1879" t="s">
        <v>14</v>
      </c>
      <c r="H1879" t="s">
        <v>14</v>
      </c>
      <c r="I1879" t="s">
        <v>15</v>
      </c>
      <c r="J1879" s="11">
        <v>2257</v>
      </c>
    </row>
    <row r="1880" spans="1:10" ht="16" thickBot="1" x14ac:dyDescent="0.4">
      <c r="A1880" t="s">
        <v>22</v>
      </c>
      <c r="B1880" t="s">
        <v>76</v>
      </c>
      <c r="C1880" t="s">
        <v>109</v>
      </c>
      <c r="D1880" t="s">
        <v>112</v>
      </c>
      <c r="E1880" s="4">
        <v>45323</v>
      </c>
      <c r="G1880" t="s">
        <v>14</v>
      </c>
      <c r="H1880" t="s">
        <v>14</v>
      </c>
      <c r="I1880" t="s">
        <v>15</v>
      </c>
      <c r="J1880" s="11">
        <v>2317</v>
      </c>
    </row>
    <row r="1881" spans="1:10" ht="16" thickBot="1" x14ac:dyDescent="0.4">
      <c r="A1881" t="s">
        <v>33</v>
      </c>
      <c r="B1881" t="s">
        <v>77</v>
      </c>
      <c r="C1881" t="s">
        <v>109</v>
      </c>
      <c r="D1881" t="s">
        <v>112</v>
      </c>
      <c r="E1881" s="4">
        <v>45323</v>
      </c>
      <c r="G1881" t="s">
        <v>14</v>
      </c>
      <c r="H1881" t="s">
        <v>14</v>
      </c>
      <c r="I1881" t="s">
        <v>15</v>
      </c>
      <c r="J1881" s="11">
        <v>1902</v>
      </c>
    </row>
    <row r="1882" spans="1:10" ht="16" thickBot="1" x14ac:dyDescent="0.4">
      <c r="A1882" t="s">
        <v>22</v>
      </c>
      <c r="B1882" t="s">
        <v>78</v>
      </c>
      <c r="C1882" t="s">
        <v>109</v>
      </c>
      <c r="D1882" t="s">
        <v>112</v>
      </c>
      <c r="E1882" s="4">
        <v>45323</v>
      </c>
      <c r="G1882" t="s">
        <v>14</v>
      </c>
      <c r="H1882" t="s">
        <v>14</v>
      </c>
      <c r="I1882" t="s">
        <v>15</v>
      </c>
      <c r="J1882" s="11">
        <v>2098</v>
      </c>
    </row>
    <row r="1883" spans="1:10" ht="16" thickBot="1" x14ac:dyDescent="0.4">
      <c r="A1883" t="s">
        <v>28</v>
      </c>
      <c r="B1883" t="s">
        <v>79</v>
      </c>
      <c r="C1883" t="s">
        <v>109</v>
      </c>
      <c r="D1883" t="s">
        <v>112</v>
      </c>
      <c r="E1883" s="4">
        <v>45323</v>
      </c>
      <c r="G1883" t="s">
        <v>14</v>
      </c>
      <c r="H1883" t="s">
        <v>14</v>
      </c>
      <c r="I1883" t="s">
        <v>15</v>
      </c>
      <c r="J1883" s="11">
        <v>1768</v>
      </c>
    </row>
    <row r="1884" spans="1:10" ht="16" thickBot="1" x14ac:dyDescent="0.4">
      <c r="A1884" t="s">
        <v>26</v>
      </c>
      <c r="B1884" t="s">
        <v>80</v>
      </c>
      <c r="C1884" t="s">
        <v>109</v>
      </c>
      <c r="D1884" t="s">
        <v>112</v>
      </c>
      <c r="E1884" s="4">
        <v>45323</v>
      </c>
      <c r="G1884" t="s">
        <v>14</v>
      </c>
      <c r="H1884" t="s">
        <v>14</v>
      </c>
      <c r="I1884" t="s">
        <v>15</v>
      </c>
      <c r="J1884" s="11">
        <v>1613</v>
      </c>
    </row>
    <row r="1885" spans="1:10" ht="16" thickBot="1" x14ac:dyDescent="0.4">
      <c r="A1885" t="s">
        <v>20</v>
      </c>
      <c r="B1885" t="s">
        <v>81</v>
      </c>
      <c r="C1885" t="s">
        <v>109</v>
      </c>
      <c r="D1885" t="s">
        <v>112</v>
      </c>
      <c r="E1885" s="4">
        <v>45323</v>
      </c>
      <c r="G1885" t="s">
        <v>14</v>
      </c>
      <c r="H1885" t="s">
        <v>14</v>
      </c>
      <c r="I1885" t="s">
        <v>15</v>
      </c>
      <c r="J1885" s="11">
        <v>2701</v>
      </c>
    </row>
    <row r="1886" spans="1:10" ht="16" thickBot="1" x14ac:dyDescent="0.4">
      <c r="A1886" t="s">
        <v>26</v>
      </c>
      <c r="B1886" t="s">
        <v>57</v>
      </c>
      <c r="C1886" t="s">
        <v>109</v>
      </c>
      <c r="D1886" t="s">
        <v>112</v>
      </c>
      <c r="E1886" s="4">
        <v>45323</v>
      </c>
      <c r="G1886" t="s">
        <v>14</v>
      </c>
      <c r="H1886" t="s">
        <v>14</v>
      </c>
      <c r="I1886" t="s">
        <v>15</v>
      </c>
      <c r="J1886" s="11">
        <v>1012</v>
      </c>
    </row>
    <row r="1887" spans="1:10" ht="16" thickBot="1" x14ac:dyDescent="0.4">
      <c r="A1887" t="s">
        <v>33</v>
      </c>
      <c r="B1887" t="s">
        <v>82</v>
      </c>
      <c r="C1887" t="s">
        <v>109</v>
      </c>
      <c r="D1887" t="s">
        <v>112</v>
      </c>
      <c r="E1887" s="4">
        <v>45323</v>
      </c>
      <c r="G1887" t="s">
        <v>14</v>
      </c>
      <c r="H1887" t="s">
        <v>14</v>
      </c>
      <c r="I1887" t="s">
        <v>15</v>
      </c>
      <c r="J1887" s="11">
        <v>1731</v>
      </c>
    </row>
    <row r="1888" spans="1:10" ht="16" thickBot="1" x14ac:dyDescent="0.4">
      <c r="A1888" t="s">
        <v>26</v>
      </c>
      <c r="B1888" t="s">
        <v>83</v>
      </c>
      <c r="C1888" t="s">
        <v>109</v>
      </c>
      <c r="D1888" t="s">
        <v>112</v>
      </c>
      <c r="E1888" s="4">
        <v>45323</v>
      </c>
      <c r="G1888" t="s">
        <v>14</v>
      </c>
      <c r="H1888" t="s">
        <v>14</v>
      </c>
      <c r="I1888" t="s">
        <v>15</v>
      </c>
      <c r="J1888" s="11">
        <v>623</v>
      </c>
    </row>
    <row r="1889" spans="1:10" ht="16" thickBot="1" x14ac:dyDescent="0.4">
      <c r="A1889" t="s">
        <v>35</v>
      </c>
      <c r="B1889" t="s">
        <v>84</v>
      </c>
      <c r="C1889" t="s">
        <v>109</v>
      </c>
      <c r="D1889" t="s">
        <v>112</v>
      </c>
      <c r="E1889" s="4">
        <v>45323</v>
      </c>
      <c r="G1889" t="s">
        <v>14</v>
      </c>
      <c r="H1889" t="s">
        <v>14</v>
      </c>
      <c r="I1889" t="s">
        <v>15</v>
      </c>
      <c r="J1889" s="11">
        <v>2182</v>
      </c>
    </row>
    <row r="1890" spans="1:10" ht="16" thickBot="1" x14ac:dyDescent="0.4">
      <c r="A1890" t="s">
        <v>33</v>
      </c>
      <c r="B1890" t="s">
        <v>85</v>
      </c>
      <c r="C1890" t="s">
        <v>109</v>
      </c>
      <c r="D1890" t="s">
        <v>112</v>
      </c>
      <c r="E1890" s="4">
        <v>45323</v>
      </c>
      <c r="G1890" t="s">
        <v>14</v>
      </c>
      <c r="H1890" t="s">
        <v>14</v>
      </c>
      <c r="I1890" t="s">
        <v>15</v>
      </c>
      <c r="J1890" s="11">
        <v>1904</v>
      </c>
    </row>
    <row r="1891" spans="1:10" ht="16" thickBot="1" x14ac:dyDescent="0.4">
      <c r="A1891" t="s">
        <v>33</v>
      </c>
      <c r="B1891" t="s">
        <v>86</v>
      </c>
      <c r="C1891" t="s">
        <v>109</v>
      </c>
      <c r="D1891" t="s">
        <v>112</v>
      </c>
      <c r="E1891" s="4">
        <v>45323</v>
      </c>
      <c r="G1891" t="s">
        <v>14</v>
      </c>
      <c r="H1891" t="s">
        <v>14</v>
      </c>
      <c r="I1891" t="s">
        <v>15</v>
      </c>
      <c r="J1891" s="11">
        <v>1752</v>
      </c>
    </row>
    <row r="1892" spans="1:10" ht="16" thickBot="1" x14ac:dyDescent="0.4">
      <c r="A1892" t="s">
        <v>35</v>
      </c>
      <c r="B1892" t="s">
        <v>87</v>
      </c>
      <c r="C1892" t="s">
        <v>109</v>
      </c>
      <c r="D1892" t="s">
        <v>112</v>
      </c>
      <c r="E1892" s="4">
        <v>45323</v>
      </c>
      <c r="G1892" t="s">
        <v>14</v>
      </c>
      <c r="H1892" t="s">
        <v>14</v>
      </c>
      <c r="I1892" t="s">
        <v>15</v>
      </c>
      <c r="J1892" s="11">
        <v>1970</v>
      </c>
    </row>
    <row r="1893" spans="1:10" ht="16" thickBot="1" x14ac:dyDescent="0.4">
      <c r="A1893" t="s">
        <v>35</v>
      </c>
      <c r="B1893" t="s">
        <v>88</v>
      </c>
      <c r="C1893" t="s">
        <v>109</v>
      </c>
      <c r="D1893" t="s">
        <v>112</v>
      </c>
      <c r="E1893" s="4">
        <v>45323</v>
      </c>
      <c r="G1893" t="s">
        <v>14</v>
      </c>
      <c r="H1893" t="s">
        <v>14</v>
      </c>
      <c r="I1893" t="s">
        <v>15</v>
      </c>
      <c r="J1893" s="11">
        <v>2201</v>
      </c>
    </row>
    <row r="1894" spans="1:10" ht="16" thickBot="1" x14ac:dyDescent="0.4">
      <c r="A1894" t="s">
        <v>62</v>
      </c>
      <c r="B1894" t="s">
        <v>89</v>
      </c>
      <c r="C1894" t="s">
        <v>109</v>
      </c>
      <c r="D1894" t="s">
        <v>112</v>
      </c>
      <c r="E1894" s="4">
        <v>45323</v>
      </c>
      <c r="G1894" t="s">
        <v>14</v>
      </c>
      <c r="H1894" t="s">
        <v>14</v>
      </c>
      <c r="I1894" t="s">
        <v>15</v>
      </c>
      <c r="J1894" s="11">
        <v>2438</v>
      </c>
    </row>
    <row r="1895" spans="1:10" ht="16" thickBot="1" x14ac:dyDescent="0.4">
      <c r="A1895" t="s">
        <v>26</v>
      </c>
      <c r="B1895" t="s">
        <v>90</v>
      </c>
      <c r="C1895" t="s">
        <v>109</v>
      </c>
      <c r="D1895" t="s">
        <v>112</v>
      </c>
      <c r="E1895" s="4">
        <v>45323</v>
      </c>
      <c r="G1895" t="s">
        <v>14</v>
      </c>
      <c r="H1895" t="s">
        <v>14</v>
      </c>
      <c r="I1895" t="s">
        <v>15</v>
      </c>
      <c r="J1895" s="11">
        <v>645</v>
      </c>
    </row>
    <row r="1896" spans="1:10" ht="16" thickBot="1" x14ac:dyDescent="0.4">
      <c r="A1896" t="s">
        <v>26</v>
      </c>
      <c r="B1896" t="s">
        <v>91</v>
      </c>
      <c r="C1896" t="s">
        <v>109</v>
      </c>
      <c r="D1896" t="s">
        <v>112</v>
      </c>
      <c r="E1896" s="4">
        <v>45323</v>
      </c>
      <c r="G1896" t="s">
        <v>14</v>
      </c>
      <c r="H1896" t="s">
        <v>14</v>
      </c>
      <c r="I1896" t="s">
        <v>15</v>
      </c>
      <c r="J1896" s="11">
        <v>1860</v>
      </c>
    </row>
    <row r="1897" spans="1:10" ht="16" thickBot="1" x14ac:dyDescent="0.4">
      <c r="A1897" t="s">
        <v>33</v>
      </c>
      <c r="B1897" t="s">
        <v>92</v>
      </c>
      <c r="C1897" t="s">
        <v>109</v>
      </c>
      <c r="D1897" t="s">
        <v>112</v>
      </c>
      <c r="E1897" s="4">
        <v>45323</v>
      </c>
      <c r="G1897" t="s">
        <v>14</v>
      </c>
      <c r="H1897" t="s">
        <v>14</v>
      </c>
      <c r="I1897" t="s">
        <v>15</v>
      </c>
      <c r="J1897" s="11">
        <v>1842</v>
      </c>
    </row>
    <row r="1898" spans="1:10" ht="16" thickBot="1" x14ac:dyDescent="0.4">
      <c r="A1898" t="s">
        <v>35</v>
      </c>
      <c r="B1898" t="s">
        <v>93</v>
      </c>
      <c r="C1898" t="s">
        <v>109</v>
      </c>
      <c r="D1898" t="s">
        <v>112</v>
      </c>
      <c r="E1898" s="4">
        <v>45323</v>
      </c>
      <c r="G1898" t="s">
        <v>14</v>
      </c>
      <c r="H1898" t="s">
        <v>14</v>
      </c>
      <c r="I1898" t="s">
        <v>15</v>
      </c>
      <c r="J1898" s="11">
        <v>2805</v>
      </c>
    </row>
    <row r="1899" spans="1:10" ht="16" thickBot="1" x14ac:dyDescent="0.4">
      <c r="A1899" t="s">
        <v>20</v>
      </c>
      <c r="B1899" t="s">
        <v>94</v>
      </c>
      <c r="C1899" t="s">
        <v>109</v>
      </c>
      <c r="D1899" t="s">
        <v>112</v>
      </c>
      <c r="E1899" s="4">
        <v>45323</v>
      </c>
      <c r="G1899" t="s">
        <v>14</v>
      </c>
      <c r="H1899" t="s">
        <v>14</v>
      </c>
      <c r="I1899" t="s">
        <v>15</v>
      </c>
      <c r="J1899" s="11">
        <v>2529</v>
      </c>
    </row>
    <row r="1900" spans="1:10" x14ac:dyDescent="0.35">
      <c r="A1900" t="s">
        <v>33</v>
      </c>
      <c r="B1900" t="s">
        <v>39</v>
      </c>
      <c r="C1900" t="s">
        <v>114</v>
      </c>
      <c r="D1900" t="s">
        <v>115</v>
      </c>
      <c r="E1900" s="6" t="s">
        <v>128</v>
      </c>
      <c r="F1900" s="3">
        <v>2016</v>
      </c>
      <c r="G1900" s="3" t="s">
        <v>97</v>
      </c>
      <c r="H1900" t="s">
        <v>116</v>
      </c>
      <c r="I1900" t="s">
        <v>15</v>
      </c>
      <c r="J1900" s="10">
        <v>78.16</v>
      </c>
    </row>
    <row r="1901" spans="1:10" x14ac:dyDescent="0.35">
      <c r="A1901" t="s">
        <v>35</v>
      </c>
      <c r="B1901" t="s">
        <v>41</v>
      </c>
      <c r="C1901" t="s">
        <v>114</v>
      </c>
      <c r="D1901" t="s">
        <v>115</v>
      </c>
      <c r="E1901" s="6" t="s">
        <v>128</v>
      </c>
      <c r="F1901" s="3">
        <v>2016</v>
      </c>
      <c r="G1901" s="3" t="s">
        <v>97</v>
      </c>
      <c r="H1901" t="s">
        <v>116</v>
      </c>
      <c r="I1901" t="s">
        <v>15</v>
      </c>
      <c r="J1901" s="10">
        <v>76.84</v>
      </c>
    </row>
    <row r="1902" spans="1:10" x14ac:dyDescent="0.35">
      <c r="A1902" t="s">
        <v>22</v>
      </c>
      <c r="B1902" t="s">
        <v>51</v>
      </c>
      <c r="C1902" t="s">
        <v>114</v>
      </c>
      <c r="D1902" t="s">
        <v>115</v>
      </c>
      <c r="E1902" s="6" t="s">
        <v>128</v>
      </c>
      <c r="F1902" s="3">
        <v>2016</v>
      </c>
      <c r="G1902" s="3" t="s">
        <v>97</v>
      </c>
      <c r="H1902" t="s">
        <v>116</v>
      </c>
      <c r="I1902" t="s">
        <v>15</v>
      </c>
      <c r="J1902" s="10">
        <v>78.650000000000006</v>
      </c>
    </row>
    <row r="1903" spans="1:10" x14ac:dyDescent="0.35">
      <c r="A1903" t="s">
        <v>28</v>
      </c>
      <c r="B1903" t="s">
        <v>44</v>
      </c>
      <c r="C1903" t="s">
        <v>114</v>
      </c>
      <c r="D1903" t="s">
        <v>115</v>
      </c>
      <c r="E1903" s="6" t="s">
        <v>128</v>
      </c>
      <c r="F1903" s="3">
        <v>2016</v>
      </c>
      <c r="G1903" s="3" t="s">
        <v>97</v>
      </c>
      <c r="H1903" t="s">
        <v>116</v>
      </c>
      <c r="I1903" t="s">
        <v>15</v>
      </c>
      <c r="J1903" s="10">
        <v>78.239999999999995</v>
      </c>
    </row>
    <row r="1904" spans="1:10" x14ac:dyDescent="0.35">
      <c r="A1904" t="s">
        <v>20</v>
      </c>
      <c r="B1904" t="s">
        <v>38</v>
      </c>
      <c r="C1904" t="s">
        <v>114</v>
      </c>
      <c r="D1904" t="s">
        <v>115</v>
      </c>
      <c r="E1904" s="6" t="s">
        <v>128</v>
      </c>
      <c r="F1904" s="3">
        <v>2016</v>
      </c>
      <c r="G1904" s="3" t="s">
        <v>97</v>
      </c>
      <c r="H1904" t="s">
        <v>116</v>
      </c>
      <c r="I1904" t="s">
        <v>15</v>
      </c>
      <c r="J1904" s="10">
        <v>76.11</v>
      </c>
    </row>
    <row r="1905" spans="1:10" x14ac:dyDescent="0.35">
      <c r="A1905" t="s">
        <v>28</v>
      </c>
      <c r="B1905" t="s">
        <v>37</v>
      </c>
      <c r="C1905" t="s">
        <v>114</v>
      </c>
      <c r="D1905" t="s">
        <v>115</v>
      </c>
      <c r="E1905" s="6" t="s">
        <v>128</v>
      </c>
      <c r="F1905" s="3">
        <v>2016</v>
      </c>
      <c r="G1905" s="3" t="s">
        <v>97</v>
      </c>
      <c r="H1905" t="s">
        <v>116</v>
      </c>
      <c r="I1905" t="s">
        <v>15</v>
      </c>
      <c r="J1905" s="10">
        <v>78.38</v>
      </c>
    </row>
    <row r="1906" spans="1:10" x14ac:dyDescent="0.35">
      <c r="A1906" t="s">
        <v>35</v>
      </c>
      <c r="B1906" t="s">
        <v>43</v>
      </c>
      <c r="C1906" t="s">
        <v>114</v>
      </c>
      <c r="D1906" t="s">
        <v>115</v>
      </c>
      <c r="E1906" s="6" t="s">
        <v>128</v>
      </c>
      <c r="F1906" s="3">
        <v>2016</v>
      </c>
      <c r="G1906" s="3" t="s">
        <v>97</v>
      </c>
      <c r="H1906" t="s">
        <v>116</v>
      </c>
      <c r="I1906" t="s">
        <v>15</v>
      </c>
      <c r="J1906" s="10">
        <v>76.52</v>
      </c>
    </row>
    <row r="1907" spans="1:10" x14ac:dyDescent="0.35">
      <c r="A1907" t="s">
        <v>10</v>
      </c>
      <c r="B1907" t="s">
        <v>30</v>
      </c>
      <c r="C1907" t="s">
        <v>114</v>
      </c>
      <c r="D1907" t="s">
        <v>115</v>
      </c>
      <c r="E1907" s="6" t="s">
        <v>128</v>
      </c>
      <c r="F1907" s="3">
        <v>2016</v>
      </c>
      <c r="G1907" s="3" t="s">
        <v>97</v>
      </c>
      <c r="H1907" t="s">
        <v>116</v>
      </c>
      <c r="I1907" t="s">
        <v>15</v>
      </c>
      <c r="J1907" s="10">
        <v>76.599999999999994</v>
      </c>
    </row>
    <row r="1908" spans="1:10" x14ac:dyDescent="0.35">
      <c r="A1908" t="s">
        <v>35</v>
      </c>
      <c r="B1908" t="s">
        <v>42</v>
      </c>
      <c r="C1908" t="s">
        <v>114</v>
      </c>
      <c r="D1908" t="s">
        <v>115</v>
      </c>
      <c r="E1908" s="6" t="s">
        <v>128</v>
      </c>
      <c r="F1908" s="3">
        <v>2016</v>
      </c>
      <c r="G1908" s="3" t="s">
        <v>97</v>
      </c>
      <c r="H1908" t="s">
        <v>116</v>
      </c>
      <c r="I1908" t="s">
        <v>15</v>
      </c>
      <c r="J1908" s="10">
        <v>74.900000000000006</v>
      </c>
    </row>
    <row r="1909" spans="1:10" x14ac:dyDescent="0.35">
      <c r="A1909" t="s">
        <v>10</v>
      </c>
      <c r="B1909" t="s">
        <v>17</v>
      </c>
      <c r="C1909" t="s">
        <v>114</v>
      </c>
      <c r="D1909" t="s">
        <v>115</v>
      </c>
      <c r="E1909" s="6" t="s">
        <v>128</v>
      </c>
      <c r="F1909" s="3">
        <v>2016</v>
      </c>
      <c r="G1909" s="3" t="s">
        <v>97</v>
      </c>
      <c r="H1909" t="s">
        <v>116</v>
      </c>
      <c r="I1909" t="s">
        <v>15</v>
      </c>
      <c r="J1909" s="10">
        <v>78.400000000000006</v>
      </c>
    </row>
    <row r="1910" spans="1:10" x14ac:dyDescent="0.35">
      <c r="A1910" t="s">
        <v>28</v>
      </c>
      <c r="B1910" t="s">
        <v>29</v>
      </c>
      <c r="C1910" t="s">
        <v>114</v>
      </c>
      <c r="D1910" t="s">
        <v>115</v>
      </c>
      <c r="E1910" s="6" t="s">
        <v>128</v>
      </c>
      <c r="F1910" s="3">
        <v>2016</v>
      </c>
      <c r="G1910" s="3" t="s">
        <v>97</v>
      </c>
      <c r="H1910" t="s">
        <v>116</v>
      </c>
      <c r="I1910" t="s">
        <v>15</v>
      </c>
      <c r="J1910" s="10">
        <v>77.19</v>
      </c>
    </row>
    <row r="1911" spans="1:10" x14ac:dyDescent="0.35">
      <c r="A1911" t="s">
        <v>26</v>
      </c>
      <c r="B1911" t="s">
        <v>27</v>
      </c>
      <c r="C1911" t="s">
        <v>114</v>
      </c>
      <c r="D1911" t="s">
        <v>115</v>
      </c>
      <c r="E1911" s="6" t="s">
        <v>128</v>
      </c>
      <c r="F1911" s="3">
        <v>2016</v>
      </c>
      <c r="G1911" s="3" t="s">
        <v>97</v>
      </c>
      <c r="H1911" t="s">
        <v>116</v>
      </c>
      <c r="I1911" t="s">
        <v>15</v>
      </c>
      <c r="J1911" s="10">
        <v>76.87</v>
      </c>
    </row>
    <row r="1912" spans="1:10" x14ac:dyDescent="0.35">
      <c r="A1912" t="s">
        <v>10</v>
      </c>
      <c r="B1912" t="s">
        <v>25</v>
      </c>
      <c r="C1912" t="s">
        <v>114</v>
      </c>
      <c r="D1912" t="s">
        <v>115</v>
      </c>
      <c r="E1912" s="6" t="s">
        <v>128</v>
      </c>
      <c r="F1912" s="3">
        <v>2016</v>
      </c>
      <c r="G1912" s="3" t="s">
        <v>97</v>
      </c>
      <c r="H1912" t="s">
        <v>116</v>
      </c>
      <c r="I1912" t="s">
        <v>15</v>
      </c>
      <c r="J1912" s="10">
        <v>79.209999999999994</v>
      </c>
    </row>
    <row r="1913" spans="1:10" x14ac:dyDescent="0.35">
      <c r="A1913" t="s">
        <v>20</v>
      </c>
      <c r="B1913" t="s">
        <v>40</v>
      </c>
      <c r="C1913" t="s">
        <v>114</v>
      </c>
      <c r="D1913" t="s">
        <v>115</v>
      </c>
      <c r="E1913" s="6" t="s">
        <v>128</v>
      </c>
      <c r="F1913" s="3">
        <v>2016</v>
      </c>
      <c r="G1913" s="3" t="s">
        <v>97</v>
      </c>
      <c r="H1913" t="s">
        <v>116</v>
      </c>
      <c r="I1913" t="s">
        <v>15</v>
      </c>
      <c r="J1913" s="10">
        <v>76.099999999999994</v>
      </c>
    </row>
    <row r="1914" spans="1:10" x14ac:dyDescent="0.35">
      <c r="A1914" t="s">
        <v>33</v>
      </c>
      <c r="B1914" t="s">
        <v>34</v>
      </c>
      <c r="C1914" t="s">
        <v>114</v>
      </c>
      <c r="D1914" t="s">
        <v>115</v>
      </c>
      <c r="E1914" s="6" t="s">
        <v>128</v>
      </c>
      <c r="F1914" s="3">
        <v>2016</v>
      </c>
      <c r="G1914" s="3" t="s">
        <v>97</v>
      </c>
      <c r="H1914" t="s">
        <v>116</v>
      </c>
      <c r="I1914" t="s">
        <v>15</v>
      </c>
      <c r="J1914" s="10">
        <v>77.56</v>
      </c>
    </row>
    <row r="1915" spans="1:10" x14ac:dyDescent="0.35">
      <c r="A1915" t="s">
        <v>35</v>
      </c>
      <c r="B1915" t="s">
        <v>36</v>
      </c>
      <c r="C1915" t="s">
        <v>114</v>
      </c>
      <c r="D1915" t="s">
        <v>115</v>
      </c>
      <c r="E1915" s="6" t="s">
        <v>128</v>
      </c>
      <c r="F1915" s="3">
        <v>2016</v>
      </c>
      <c r="G1915" s="3" t="s">
        <v>97</v>
      </c>
      <c r="H1915" t="s">
        <v>116</v>
      </c>
      <c r="I1915" t="s">
        <v>15</v>
      </c>
      <c r="J1915" s="10">
        <v>77.400000000000006</v>
      </c>
    </row>
    <row r="1916" spans="1:10" x14ac:dyDescent="0.35">
      <c r="A1916" t="s">
        <v>62</v>
      </c>
      <c r="B1916" t="s">
        <v>67</v>
      </c>
      <c r="C1916" t="s">
        <v>114</v>
      </c>
      <c r="D1916" t="s">
        <v>115</v>
      </c>
      <c r="E1916" s="6" t="s">
        <v>128</v>
      </c>
      <c r="F1916" s="3">
        <v>2016</v>
      </c>
      <c r="G1916" s="3" t="s">
        <v>97</v>
      </c>
      <c r="H1916" t="s">
        <v>116</v>
      </c>
      <c r="I1916" t="s">
        <v>15</v>
      </c>
      <c r="J1916" s="10">
        <v>73.08</v>
      </c>
    </row>
    <row r="1917" spans="1:10" x14ac:dyDescent="0.35">
      <c r="A1917" t="s">
        <v>62</v>
      </c>
      <c r="B1917" t="s">
        <v>69</v>
      </c>
      <c r="C1917" t="s">
        <v>114</v>
      </c>
      <c r="D1917" t="s">
        <v>115</v>
      </c>
      <c r="E1917" s="6" t="s">
        <v>128</v>
      </c>
      <c r="F1917" s="3">
        <v>2016</v>
      </c>
      <c r="G1917" s="3" t="s">
        <v>97</v>
      </c>
      <c r="H1917" t="s">
        <v>116</v>
      </c>
      <c r="I1917" t="s">
        <v>15</v>
      </c>
      <c r="J1917" s="10">
        <v>72.739999999999995</v>
      </c>
    </row>
    <row r="1918" spans="1:10" x14ac:dyDescent="0.35">
      <c r="A1918" t="s">
        <v>62</v>
      </c>
      <c r="B1918" t="s">
        <v>65</v>
      </c>
      <c r="C1918" t="s">
        <v>114</v>
      </c>
      <c r="D1918" t="s">
        <v>115</v>
      </c>
      <c r="E1918" s="6" t="s">
        <v>128</v>
      </c>
      <c r="F1918" s="3">
        <v>2016</v>
      </c>
      <c r="G1918" s="3" t="s">
        <v>97</v>
      </c>
      <c r="H1918" t="s">
        <v>116</v>
      </c>
      <c r="I1918" t="s">
        <v>15</v>
      </c>
      <c r="J1918" s="10">
        <v>74.37</v>
      </c>
    </row>
    <row r="1919" spans="1:10" x14ac:dyDescent="0.35">
      <c r="A1919" t="s">
        <v>62</v>
      </c>
      <c r="B1919" t="s">
        <v>66</v>
      </c>
      <c r="C1919" t="s">
        <v>114</v>
      </c>
      <c r="D1919" t="s">
        <v>115</v>
      </c>
      <c r="E1919" s="6" t="s">
        <v>128</v>
      </c>
      <c r="F1919" s="3">
        <v>2016</v>
      </c>
      <c r="G1919" s="3" t="s">
        <v>97</v>
      </c>
      <c r="H1919" t="s">
        <v>116</v>
      </c>
      <c r="I1919" t="s">
        <v>15</v>
      </c>
      <c r="J1919" s="10">
        <v>72.11</v>
      </c>
    </row>
    <row r="1920" spans="1:10" x14ac:dyDescent="0.35">
      <c r="A1920" t="s">
        <v>22</v>
      </c>
      <c r="B1920" t="s">
        <v>76</v>
      </c>
      <c r="C1920" t="s">
        <v>114</v>
      </c>
      <c r="D1920" t="s">
        <v>115</v>
      </c>
      <c r="E1920" s="6" t="s">
        <v>128</v>
      </c>
      <c r="F1920" s="3">
        <v>2016</v>
      </c>
      <c r="G1920" s="3" t="s">
        <v>97</v>
      </c>
      <c r="H1920" t="s">
        <v>116</v>
      </c>
      <c r="I1920" t="s">
        <v>15</v>
      </c>
      <c r="J1920" s="10">
        <v>78.45</v>
      </c>
    </row>
    <row r="1921" spans="1:10" x14ac:dyDescent="0.35">
      <c r="A1921" t="s">
        <v>26</v>
      </c>
      <c r="B1921" t="s">
        <v>73</v>
      </c>
      <c r="C1921" t="s">
        <v>114</v>
      </c>
      <c r="D1921" t="s">
        <v>115</v>
      </c>
      <c r="E1921" s="6" t="s">
        <v>128</v>
      </c>
      <c r="F1921" s="3">
        <v>2016</v>
      </c>
      <c r="G1921" s="3" t="s">
        <v>97</v>
      </c>
      <c r="H1921" t="s">
        <v>116</v>
      </c>
      <c r="I1921" t="s">
        <v>15</v>
      </c>
      <c r="J1921" s="10">
        <v>77.69</v>
      </c>
    </row>
    <row r="1922" spans="1:10" x14ac:dyDescent="0.35">
      <c r="A1922" t="s">
        <v>28</v>
      </c>
      <c r="B1922" t="s">
        <v>49</v>
      </c>
      <c r="C1922" t="s">
        <v>114</v>
      </c>
      <c r="D1922" t="s">
        <v>115</v>
      </c>
      <c r="E1922" s="6" t="s">
        <v>128</v>
      </c>
      <c r="F1922" s="3">
        <v>2016</v>
      </c>
      <c r="G1922" s="3" t="s">
        <v>97</v>
      </c>
      <c r="H1922" t="s">
        <v>116</v>
      </c>
      <c r="I1922" t="s">
        <v>15</v>
      </c>
      <c r="J1922" s="10">
        <v>78.42</v>
      </c>
    </row>
    <row r="1923" spans="1:10" x14ac:dyDescent="0.35">
      <c r="A1923" t="s">
        <v>20</v>
      </c>
      <c r="B1923" t="s">
        <v>72</v>
      </c>
      <c r="C1923" t="s">
        <v>114</v>
      </c>
      <c r="D1923" t="s">
        <v>115</v>
      </c>
      <c r="E1923" s="6" t="s">
        <v>128</v>
      </c>
      <c r="F1923" s="3">
        <v>2016</v>
      </c>
      <c r="G1923" s="3" t="s">
        <v>97</v>
      </c>
      <c r="H1923" t="s">
        <v>116</v>
      </c>
      <c r="I1923" t="s">
        <v>15</v>
      </c>
      <c r="J1923" s="10">
        <v>75.56</v>
      </c>
    </row>
    <row r="1924" spans="1:10" x14ac:dyDescent="0.35">
      <c r="A1924" t="s">
        <v>20</v>
      </c>
      <c r="B1924" t="s">
        <v>59</v>
      </c>
      <c r="C1924" t="s">
        <v>114</v>
      </c>
      <c r="D1924" t="s">
        <v>115</v>
      </c>
      <c r="E1924" s="6" t="s">
        <v>128</v>
      </c>
      <c r="F1924" s="3">
        <v>2016</v>
      </c>
      <c r="G1924" s="3" t="s">
        <v>97</v>
      </c>
      <c r="H1924" t="s">
        <v>116</v>
      </c>
      <c r="I1924" t="s">
        <v>15</v>
      </c>
      <c r="J1924" s="10">
        <v>78.5</v>
      </c>
    </row>
    <row r="1925" spans="1:10" x14ac:dyDescent="0.35">
      <c r="A1925" t="s">
        <v>22</v>
      </c>
      <c r="B1925" t="s">
        <v>56</v>
      </c>
      <c r="C1925" t="s">
        <v>114</v>
      </c>
      <c r="D1925" t="s">
        <v>115</v>
      </c>
      <c r="E1925" s="6" t="s">
        <v>128</v>
      </c>
      <c r="F1925" s="3">
        <v>2016</v>
      </c>
      <c r="G1925" s="3" t="s">
        <v>97</v>
      </c>
      <c r="H1925" t="s">
        <v>116</v>
      </c>
      <c r="I1925" t="s">
        <v>15</v>
      </c>
      <c r="J1925" s="10">
        <v>79.42</v>
      </c>
    </row>
    <row r="1926" spans="1:10" x14ac:dyDescent="0.35">
      <c r="A1926" t="s">
        <v>35</v>
      </c>
      <c r="B1926" t="s">
        <v>50</v>
      </c>
      <c r="C1926" t="s">
        <v>114</v>
      </c>
      <c r="D1926" t="s">
        <v>115</v>
      </c>
      <c r="E1926" s="6" t="s">
        <v>128</v>
      </c>
      <c r="F1926" s="3">
        <v>2016</v>
      </c>
      <c r="G1926" s="3" t="s">
        <v>97</v>
      </c>
      <c r="H1926" t="s">
        <v>116</v>
      </c>
      <c r="I1926" t="s">
        <v>15</v>
      </c>
      <c r="J1926" s="10">
        <v>81.459999999999994</v>
      </c>
    </row>
    <row r="1927" spans="1:10" x14ac:dyDescent="0.35">
      <c r="A1927" t="s">
        <v>10</v>
      </c>
      <c r="B1927" t="s">
        <v>46</v>
      </c>
      <c r="C1927" t="s">
        <v>114</v>
      </c>
      <c r="D1927" t="s">
        <v>115</v>
      </c>
      <c r="E1927" s="6" t="s">
        <v>128</v>
      </c>
      <c r="F1927" s="3">
        <v>2016</v>
      </c>
      <c r="G1927" s="3" t="s">
        <v>97</v>
      </c>
      <c r="H1927" t="s">
        <v>116</v>
      </c>
      <c r="I1927" t="s">
        <v>15</v>
      </c>
      <c r="J1927" s="10">
        <v>73.77</v>
      </c>
    </row>
    <row r="1928" spans="1:10" x14ac:dyDescent="0.35">
      <c r="A1928" t="s">
        <v>62</v>
      </c>
      <c r="B1928" t="s">
        <v>70</v>
      </c>
      <c r="C1928" t="s">
        <v>114</v>
      </c>
      <c r="D1928" t="s">
        <v>115</v>
      </c>
      <c r="E1928" s="6" t="s">
        <v>128</v>
      </c>
      <c r="F1928" s="3">
        <v>2016</v>
      </c>
      <c r="G1928" s="3" t="s">
        <v>97</v>
      </c>
      <c r="H1928" t="s">
        <v>116</v>
      </c>
      <c r="I1928" t="s">
        <v>15</v>
      </c>
      <c r="J1928" s="10">
        <v>73.62</v>
      </c>
    </row>
    <row r="1929" spans="1:10" x14ac:dyDescent="0.35">
      <c r="A1929" t="s">
        <v>35</v>
      </c>
      <c r="B1929" t="s">
        <v>71</v>
      </c>
      <c r="C1929" t="s">
        <v>114</v>
      </c>
      <c r="D1929" t="s">
        <v>115</v>
      </c>
      <c r="E1929" s="6" t="s">
        <v>128</v>
      </c>
      <c r="F1929" s="3">
        <v>2016</v>
      </c>
      <c r="G1929" s="3" t="s">
        <v>97</v>
      </c>
      <c r="H1929" t="s">
        <v>116</v>
      </c>
      <c r="I1929" t="s">
        <v>15</v>
      </c>
      <c r="J1929" s="10">
        <v>75.260000000000005</v>
      </c>
    </row>
    <row r="1930" spans="1:10" x14ac:dyDescent="0.35">
      <c r="A1930" t="s">
        <v>10</v>
      </c>
      <c r="B1930" t="s">
        <v>45</v>
      </c>
      <c r="C1930" t="s">
        <v>114</v>
      </c>
      <c r="D1930" t="s">
        <v>115</v>
      </c>
      <c r="E1930" s="6" t="s">
        <v>128</v>
      </c>
      <c r="F1930" s="3">
        <v>2016</v>
      </c>
      <c r="G1930" s="3" t="s">
        <v>97</v>
      </c>
      <c r="H1930" t="s">
        <v>116</v>
      </c>
      <c r="I1930" t="s">
        <v>15</v>
      </c>
      <c r="J1930" s="10">
        <v>75.25</v>
      </c>
    </row>
    <row r="1931" spans="1:10" x14ac:dyDescent="0.35">
      <c r="A1931" t="s">
        <v>26</v>
      </c>
      <c r="B1931" t="s">
        <v>57</v>
      </c>
      <c r="C1931" t="s">
        <v>114</v>
      </c>
      <c r="D1931" t="s">
        <v>115</v>
      </c>
      <c r="E1931" s="6" t="s">
        <v>128</v>
      </c>
      <c r="F1931" s="3">
        <v>2016</v>
      </c>
      <c r="G1931" s="3" t="s">
        <v>97</v>
      </c>
      <c r="H1931" t="s">
        <v>116</v>
      </c>
      <c r="I1931" t="s">
        <v>15</v>
      </c>
      <c r="J1931" s="10">
        <v>76.64</v>
      </c>
    </row>
    <row r="1932" spans="1:10" x14ac:dyDescent="0.35">
      <c r="A1932" t="s">
        <v>20</v>
      </c>
      <c r="B1932" t="s">
        <v>48</v>
      </c>
      <c r="C1932" t="s">
        <v>114</v>
      </c>
      <c r="D1932" t="s">
        <v>115</v>
      </c>
      <c r="E1932" s="6" t="s">
        <v>128</v>
      </c>
      <c r="F1932" s="3">
        <v>2016</v>
      </c>
      <c r="G1932" s="3" t="s">
        <v>97</v>
      </c>
      <c r="H1932" t="s">
        <v>116</v>
      </c>
      <c r="I1932" t="s">
        <v>15</v>
      </c>
      <c r="J1932" s="10">
        <v>77.599999999999994</v>
      </c>
    </row>
    <row r="1933" spans="1:10" x14ac:dyDescent="0.35">
      <c r="A1933" t="s">
        <v>33</v>
      </c>
      <c r="B1933" t="s">
        <v>47</v>
      </c>
      <c r="C1933" t="s">
        <v>114</v>
      </c>
      <c r="D1933" t="s">
        <v>115</v>
      </c>
      <c r="E1933" s="6" t="s">
        <v>128</v>
      </c>
      <c r="F1933" s="3">
        <v>2016</v>
      </c>
      <c r="G1933" s="3" t="s">
        <v>97</v>
      </c>
      <c r="H1933" t="s">
        <v>116</v>
      </c>
      <c r="I1933" t="s">
        <v>15</v>
      </c>
      <c r="J1933" s="10">
        <v>78.03</v>
      </c>
    </row>
    <row r="1934" spans="1:10" x14ac:dyDescent="0.35">
      <c r="A1934" t="s">
        <v>22</v>
      </c>
      <c r="B1934" t="s">
        <v>53</v>
      </c>
      <c r="C1934" t="s">
        <v>114</v>
      </c>
      <c r="D1934" t="s">
        <v>115</v>
      </c>
      <c r="E1934" s="6" t="s">
        <v>128</v>
      </c>
      <c r="F1934" s="3">
        <v>2016</v>
      </c>
      <c r="G1934" s="3" t="s">
        <v>97</v>
      </c>
      <c r="H1934" t="s">
        <v>116</v>
      </c>
      <c r="I1934" t="s">
        <v>15</v>
      </c>
      <c r="J1934" s="10">
        <v>76.27</v>
      </c>
    </row>
    <row r="1935" spans="1:10" x14ac:dyDescent="0.35">
      <c r="A1935" t="s">
        <v>28</v>
      </c>
      <c r="B1935" t="s">
        <v>58</v>
      </c>
      <c r="C1935" t="s">
        <v>114</v>
      </c>
      <c r="D1935" t="s">
        <v>115</v>
      </c>
      <c r="E1935" s="6" t="s">
        <v>128</v>
      </c>
      <c r="F1935" s="3">
        <v>2016</v>
      </c>
      <c r="G1935" s="3" t="s">
        <v>97</v>
      </c>
      <c r="H1935" t="s">
        <v>116</v>
      </c>
      <c r="I1935" t="s">
        <v>15</v>
      </c>
      <c r="J1935" s="10">
        <v>78.38</v>
      </c>
    </row>
    <row r="1936" spans="1:10" x14ac:dyDescent="0.35">
      <c r="A1936" t="s">
        <v>28</v>
      </c>
      <c r="B1936" t="s">
        <v>32</v>
      </c>
      <c r="C1936" t="s">
        <v>114</v>
      </c>
      <c r="D1936" t="s">
        <v>115</v>
      </c>
      <c r="E1936" s="6" t="s">
        <v>128</v>
      </c>
      <c r="F1936" s="3">
        <v>2016</v>
      </c>
      <c r="G1936" s="3" t="s">
        <v>97</v>
      </c>
      <c r="H1936" t="s">
        <v>116</v>
      </c>
      <c r="I1936" t="s">
        <v>15</v>
      </c>
      <c r="J1936" s="10">
        <v>77.23</v>
      </c>
    </row>
    <row r="1937" spans="1:10" x14ac:dyDescent="0.35">
      <c r="A1937" t="s">
        <v>26</v>
      </c>
      <c r="B1937" t="s">
        <v>31</v>
      </c>
      <c r="C1937" t="s">
        <v>114</v>
      </c>
      <c r="D1937" t="s">
        <v>115</v>
      </c>
      <c r="E1937" s="6" t="s">
        <v>128</v>
      </c>
      <c r="F1937" s="3">
        <v>2016</v>
      </c>
      <c r="G1937" s="3" t="s">
        <v>97</v>
      </c>
      <c r="H1937" t="s">
        <v>116</v>
      </c>
      <c r="I1937" t="s">
        <v>15</v>
      </c>
      <c r="J1937" s="10">
        <v>77.709999999999994</v>
      </c>
    </row>
    <row r="1938" spans="1:10" x14ac:dyDescent="0.35">
      <c r="A1938" t="s">
        <v>10</v>
      </c>
      <c r="B1938" t="s">
        <v>11</v>
      </c>
      <c r="C1938" t="s">
        <v>114</v>
      </c>
      <c r="D1938" t="s">
        <v>115</v>
      </c>
      <c r="E1938" s="6" t="s">
        <v>128</v>
      </c>
      <c r="F1938" s="3">
        <v>2016</v>
      </c>
      <c r="G1938" s="3" t="s">
        <v>97</v>
      </c>
      <c r="H1938" t="s">
        <v>116</v>
      </c>
      <c r="I1938" t="s">
        <v>15</v>
      </c>
      <c r="J1938" s="10">
        <v>74.7</v>
      </c>
    </row>
    <row r="1939" spans="1:10" x14ac:dyDescent="0.35">
      <c r="A1939" t="s">
        <v>22</v>
      </c>
      <c r="B1939" t="s">
        <v>23</v>
      </c>
      <c r="C1939" t="s">
        <v>114</v>
      </c>
      <c r="D1939" t="s">
        <v>115</v>
      </c>
      <c r="E1939" s="6" t="s">
        <v>128</v>
      </c>
      <c r="F1939" s="3">
        <v>2016</v>
      </c>
      <c r="G1939" s="3" t="s">
        <v>97</v>
      </c>
      <c r="H1939" t="s">
        <v>116</v>
      </c>
      <c r="I1939" t="s">
        <v>15</v>
      </c>
      <c r="J1939" s="10">
        <v>78.010000000000005</v>
      </c>
    </row>
    <row r="1940" spans="1:10" x14ac:dyDescent="0.35">
      <c r="A1940" t="s">
        <v>10</v>
      </c>
      <c r="B1940" t="s">
        <v>18</v>
      </c>
      <c r="C1940" t="s">
        <v>114</v>
      </c>
      <c r="D1940" t="s">
        <v>115</v>
      </c>
      <c r="E1940" s="6" t="s">
        <v>128</v>
      </c>
      <c r="F1940" s="3">
        <v>2016</v>
      </c>
      <c r="G1940" s="3" t="s">
        <v>97</v>
      </c>
      <c r="H1940" t="s">
        <v>116</v>
      </c>
      <c r="I1940" t="s">
        <v>15</v>
      </c>
      <c r="J1940" s="10">
        <v>79.77</v>
      </c>
    </row>
    <row r="1941" spans="1:10" x14ac:dyDescent="0.35">
      <c r="A1941" t="s">
        <v>20</v>
      </c>
      <c r="B1941" t="s">
        <v>21</v>
      </c>
      <c r="C1941" t="s">
        <v>114</v>
      </c>
      <c r="D1941" t="s">
        <v>115</v>
      </c>
      <c r="E1941" s="6" t="s">
        <v>128</v>
      </c>
      <c r="F1941" s="3">
        <v>2016</v>
      </c>
      <c r="G1941" s="3" t="s">
        <v>97</v>
      </c>
      <c r="H1941" t="s">
        <v>116</v>
      </c>
      <c r="I1941" t="s">
        <v>15</v>
      </c>
      <c r="J1941" s="10">
        <v>74.89</v>
      </c>
    </row>
    <row r="1942" spans="1:10" x14ac:dyDescent="0.35">
      <c r="A1942" t="s">
        <v>10</v>
      </c>
      <c r="B1942" t="s">
        <v>24</v>
      </c>
      <c r="C1942" t="s">
        <v>114</v>
      </c>
      <c r="D1942" t="s">
        <v>115</v>
      </c>
      <c r="E1942" s="6" t="s">
        <v>128</v>
      </c>
      <c r="F1942" s="3">
        <v>2016</v>
      </c>
      <c r="G1942" s="3" t="s">
        <v>97</v>
      </c>
      <c r="H1942" t="s">
        <v>116</v>
      </c>
      <c r="I1942" t="s">
        <v>15</v>
      </c>
      <c r="J1942" s="10">
        <v>77.88</v>
      </c>
    </row>
    <row r="1943" spans="1:10" x14ac:dyDescent="0.35">
      <c r="A1943" t="s">
        <v>10</v>
      </c>
      <c r="B1943" t="s">
        <v>19</v>
      </c>
      <c r="C1943" t="s">
        <v>114</v>
      </c>
      <c r="D1943" t="s">
        <v>115</v>
      </c>
      <c r="E1943" s="6" t="s">
        <v>128</v>
      </c>
      <c r="F1943" s="3">
        <v>2016</v>
      </c>
      <c r="G1943" s="3" t="s">
        <v>97</v>
      </c>
      <c r="H1943" t="s">
        <v>116</v>
      </c>
      <c r="I1943" t="s">
        <v>15</v>
      </c>
      <c r="J1943" s="10">
        <v>81.040000000000006</v>
      </c>
    </row>
    <row r="1944" spans="1:10" x14ac:dyDescent="0.35">
      <c r="A1944" t="s">
        <v>10</v>
      </c>
      <c r="B1944" t="s">
        <v>16</v>
      </c>
      <c r="C1944" t="s">
        <v>114</v>
      </c>
      <c r="D1944" t="s">
        <v>115</v>
      </c>
      <c r="E1944" s="6" t="s">
        <v>128</v>
      </c>
      <c r="F1944" s="3">
        <v>2016</v>
      </c>
      <c r="G1944" s="3" t="s">
        <v>97</v>
      </c>
      <c r="H1944" t="s">
        <v>116</v>
      </c>
      <c r="I1944" t="s">
        <v>15</v>
      </c>
      <c r="J1944" s="10">
        <v>76.459999999999994</v>
      </c>
    </row>
    <row r="1945" spans="1:10" x14ac:dyDescent="0.35">
      <c r="A1945" t="s">
        <v>35</v>
      </c>
      <c r="B1945" t="s">
        <v>87</v>
      </c>
      <c r="C1945" t="s">
        <v>114</v>
      </c>
      <c r="D1945" t="s">
        <v>115</v>
      </c>
      <c r="E1945" s="6" t="s">
        <v>128</v>
      </c>
      <c r="F1945" s="3">
        <v>2016</v>
      </c>
      <c r="G1945" s="3" t="s">
        <v>97</v>
      </c>
      <c r="H1945" t="s">
        <v>116</v>
      </c>
      <c r="I1945" t="s">
        <v>15</v>
      </c>
      <c r="J1945" s="10">
        <v>77.34</v>
      </c>
    </row>
    <row r="1946" spans="1:10" x14ac:dyDescent="0.35">
      <c r="A1946" t="s">
        <v>33</v>
      </c>
      <c r="B1946" t="s">
        <v>77</v>
      </c>
      <c r="C1946" t="s">
        <v>114</v>
      </c>
      <c r="D1946" t="s">
        <v>115</v>
      </c>
      <c r="E1946" s="6" t="s">
        <v>128</v>
      </c>
      <c r="F1946" s="3">
        <v>2016</v>
      </c>
      <c r="G1946" s="3" t="s">
        <v>97</v>
      </c>
      <c r="H1946" t="s">
        <v>116</v>
      </c>
      <c r="I1946" t="s">
        <v>15</v>
      </c>
      <c r="J1946" s="10">
        <v>77.27</v>
      </c>
    </row>
    <row r="1947" spans="1:10" x14ac:dyDescent="0.35">
      <c r="A1947" t="s">
        <v>35</v>
      </c>
      <c r="B1947" t="s">
        <v>88</v>
      </c>
      <c r="C1947" t="s">
        <v>114</v>
      </c>
      <c r="D1947" t="s">
        <v>115</v>
      </c>
      <c r="E1947" s="6" t="s">
        <v>128</v>
      </c>
      <c r="F1947" s="3">
        <v>2016</v>
      </c>
      <c r="G1947" s="3" t="s">
        <v>97</v>
      </c>
      <c r="H1947" t="s">
        <v>116</v>
      </c>
      <c r="I1947" t="s">
        <v>15</v>
      </c>
      <c r="J1947" s="10">
        <v>76.989999999999995</v>
      </c>
    </row>
    <row r="1948" spans="1:10" x14ac:dyDescent="0.35">
      <c r="A1948" t="s">
        <v>22</v>
      </c>
      <c r="B1948" t="s">
        <v>78</v>
      </c>
      <c r="C1948" t="s">
        <v>114</v>
      </c>
      <c r="D1948" t="s">
        <v>115</v>
      </c>
      <c r="E1948" s="6" t="s">
        <v>128</v>
      </c>
      <c r="F1948" s="3">
        <v>2016</v>
      </c>
      <c r="G1948" s="3" t="s">
        <v>97</v>
      </c>
      <c r="H1948" t="s">
        <v>116</v>
      </c>
      <c r="I1948" t="s">
        <v>15</v>
      </c>
      <c r="J1948" s="10">
        <v>77.569999999999993</v>
      </c>
    </row>
    <row r="1949" spans="1:10" x14ac:dyDescent="0.35">
      <c r="A1949" t="s">
        <v>33</v>
      </c>
      <c r="B1949" t="s">
        <v>86</v>
      </c>
      <c r="C1949" t="s">
        <v>114</v>
      </c>
      <c r="D1949" t="s">
        <v>115</v>
      </c>
      <c r="E1949" s="6" t="s">
        <v>128</v>
      </c>
      <c r="F1949" s="3">
        <v>2016</v>
      </c>
      <c r="G1949" s="3" t="s">
        <v>97</v>
      </c>
      <c r="H1949" t="s">
        <v>116</v>
      </c>
      <c r="I1949" t="s">
        <v>15</v>
      </c>
      <c r="J1949" s="10">
        <v>80.459999999999994</v>
      </c>
    </row>
    <row r="1950" spans="1:10" x14ac:dyDescent="0.35">
      <c r="A1950" t="s">
        <v>62</v>
      </c>
      <c r="B1950" t="s">
        <v>68</v>
      </c>
      <c r="C1950" t="s">
        <v>114</v>
      </c>
      <c r="D1950" t="s">
        <v>115</v>
      </c>
      <c r="E1950" s="6" t="s">
        <v>128</v>
      </c>
      <c r="F1950" s="3">
        <v>2016</v>
      </c>
      <c r="G1950" s="3" t="s">
        <v>97</v>
      </c>
      <c r="H1950" t="s">
        <v>116</v>
      </c>
      <c r="I1950" t="s">
        <v>15</v>
      </c>
      <c r="J1950" s="10">
        <v>72.260000000000005</v>
      </c>
    </row>
    <row r="1951" spans="1:10" x14ac:dyDescent="0.35">
      <c r="A1951" t="s">
        <v>26</v>
      </c>
      <c r="B1951" t="s">
        <v>91</v>
      </c>
      <c r="C1951" t="s">
        <v>114</v>
      </c>
      <c r="D1951" t="s">
        <v>115</v>
      </c>
      <c r="E1951" s="6" t="s">
        <v>128</v>
      </c>
      <c r="F1951" s="3">
        <v>2016</v>
      </c>
      <c r="G1951" s="3" t="s">
        <v>97</v>
      </c>
      <c r="H1951" t="s">
        <v>116</v>
      </c>
      <c r="I1951" t="s">
        <v>15</v>
      </c>
      <c r="J1951" s="10">
        <v>78.5</v>
      </c>
    </row>
    <row r="1952" spans="1:10" x14ac:dyDescent="0.35">
      <c r="A1952" t="s">
        <v>33</v>
      </c>
      <c r="B1952" t="s">
        <v>85</v>
      </c>
      <c r="C1952" t="s">
        <v>114</v>
      </c>
      <c r="D1952" t="s">
        <v>115</v>
      </c>
      <c r="E1952" s="6" t="s">
        <v>128</v>
      </c>
      <c r="F1952" s="3">
        <v>2016</v>
      </c>
      <c r="G1952" s="3" t="s">
        <v>97</v>
      </c>
      <c r="H1952" t="s">
        <v>116</v>
      </c>
      <c r="I1952" t="s">
        <v>15</v>
      </c>
      <c r="J1952" s="10">
        <v>79.349999999999994</v>
      </c>
    </row>
    <row r="1953" spans="1:10" x14ac:dyDescent="0.35">
      <c r="A1953" t="s">
        <v>33</v>
      </c>
      <c r="B1953" t="s">
        <v>92</v>
      </c>
      <c r="C1953" t="s">
        <v>114</v>
      </c>
      <c r="D1953" t="s">
        <v>115</v>
      </c>
      <c r="E1953" s="6" t="s">
        <v>128</v>
      </c>
      <c r="F1953" s="3">
        <v>2016</v>
      </c>
      <c r="G1953" s="3" t="s">
        <v>97</v>
      </c>
      <c r="H1953" t="s">
        <v>116</v>
      </c>
      <c r="I1953" t="s">
        <v>15</v>
      </c>
      <c r="J1953" s="10">
        <v>78.239999999999995</v>
      </c>
    </row>
    <row r="1954" spans="1:10" x14ac:dyDescent="0.35">
      <c r="A1954" t="s">
        <v>62</v>
      </c>
      <c r="B1954" t="s">
        <v>64</v>
      </c>
      <c r="C1954" t="s">
        <v>114</v>
      </c>
      <c r="D1954" t="s">
        <v>115</v>
      </c>
      <c r="E1954" s="6" t="s">
        <v>128</v>
      </c>
      <c r="F1954" s="3">
        <v>2016</v>
      </c>
      <c r="G1954" s="3" t="s">
        <v>97</v>
      </c>
      <c r="H1954" t="s">
        <v>116</v>
      </c>
      <c r="I1954" t="s">
        <v>15</v>
      </c>
      <c r="J1954" s="10">
        <v>74.97</v>
      </c>
    </row>
    <row r="1955" spans="1:10" x14ac:dyDescent="0.35">
      <c r="A1955" t="s">
        <v>62</v>
      </c>
      <c r="B1955" t="s">
        <v>63</v>
      </c>
      <c r="C1955" t="s">
        <v>114</v>
      </c>
      <c r="D1955" t="s">
        <v>115</v>
      </c>
      <c r="E1955" s="6" t="s">
        <v>128</v>
      </c>
      <c r="F1955" s="3">
        <v>2016</v>
      </c>
      <c r="G1955" s="3" t="s">
        <v>97</v>
      </c>
      <c r="H1955" t="s">
        <v>116</v>
      </c>
      <c r="I1955" t="s">
        <v>15</v>
      </c>
      <c r="J1955" s="10">
        <v>73.849999999999994</v>
      </c>
    </row>
    <row r="1956" spans="1:10" x14ac:dyDescent="0.35">
      <c r="A1956" t="s">
        <v>28</v>
      </c>
      <c r="B1956" t="s">
        <v>74</v>
      </c>
      <c r="C1956" t="s">
        <v>114</v>
      </c>
      <c r="D1956" t="s">
        <v>115</v>
      </c>
      <c r="E1956" s="6" t="s">
        <v>128</v>
      </c>
      <c r="F1956" s="3">
        <v>2016</v>
      </c>
      <c r="G1956" s="3" t="s">
        <v>97</v>
      </c>
      <c r="H1956" t="s">
        <v>116</v>
      </c>
      <c r="I1956" t="s">
        <v>15</v>
      </c>
      <c r="J1956" s="10">
        <v>76.569999999999993</v>
      </c>
    </row>
    <row r="1957" spans="1:10" x14ac:dyDescent="0.35">
      <c r="A1957" t="s">
        <v>28</v>
      </c>
      <c r="B1957" t="s">
        <v>79</v>
      </c>
      <c r="C1957" t="s">
        <v>114</v>
      </c>
      <c r="D1957" t="s">
        <v>115</v>
      </c>
      <c r="E1957" s="6" t="s">
        <v>128</v>
      </c>
      <c r="F1957" s="3">
        <v>2016</v>
      </c>
      <c r="G1957" s="3" t="s">
        <v>97</v>
      </c>
      <c r="H1957" t="s">
        <v>116</v>
      </c>
      <c r="I1957" t="s">
        <v>15</v>
      </c>
      <c r="J1957" s="10">
        <v>78.88</v>
      </c>
    </row>
    <row r="1958" spans="1:10" x14ac:dyDescent="0.35">
      <c r="A1958" t="s">
        <v>33</v>
      </c>
      <c r="B1958" t="s">
        <v>75</v>
      </c>
      <c r="C1958" t="s">
        <v>114</v>
      </c>
      <c r="D1958" t="s">
        <v>115</v>
      </c>
      <c r="E1958" s="6" t="s">
        <v>128</v>
      </c>
      <c r="F1958" s="3">
        <v>2016</v>
      </c>
      <c r="G1958" s="3" t="s">
        <v>97</v>
      </c>
      <c r="H1958" t="s">
        <v>116</v>
      </c>
      <c r="I1958" t="s">
        <v>15</v>
      </c>
      <c r="J1958" s="10">
        <v>75.12</v>
      </c>
    </row>
    <row r="1959" spans="1:10" x14ac:dyDescent="0.35">
      <c r="A1959" t="s">
        <v>20</v>
      </c>
      <c r="B1959" t="s">
        <v>60</v>
      </c>
      <c r="C1959" t="s">
        <v>114</v>
      </c>
      <c r="D1959" t="s">
        <v>115</v>
      </c>
      <c r="E1959" s="6" t="s">
        <v>128</v>
      </c>
      <c r="F1959" s="3">
        <v>2016</v>
      </c>
      <c r="G1959" s="3" t="s">
        <v>97</v>
      </c>
      <c r="H1959" t="s">
        <v>116</v>
      </c>
      <c r="I1959" t="s">
        <v>15</v>
      </c>
      <c r="J1959" s="10">
        <v>76.12</v>
      </c>
    </row>
    <row r="1960" spans="1:10" x14ac:dyDescent="0.35">
      <c r="A1960" t="s">
        <v>28</v>
      </c>
      <c r="B1960" t="s">
        <v>61</v>
      </c>
      <c r="C1960" t="s">
        <v>114</v>
      </c>
      <c r="D1960" t="s">
        <v>115</v>
      </c>
      <c r="E1960" s="6" t="s">
        <v>128</v>
      </c>
      <c r="F1960" s="3">
        <v>2016</v>
      </c>
      <c r="G1960" s="3" t="s">
        <v>97</v>
      </c>
      <c r="H1960" t="s">
        <v>116</v>
      </c>
      <c r="I1960" t="s">
        <v>15</v>
      </c>
      <c r="J1960" s="10">
        <v>77.42</v>
      </c>
    </row>
    <row r="1961" spans="1:10" x14ac:dyDescent="0.35">
      <c r="A1961" t="s">
        <v>26</v>
      </c>
      <c r="B1961" t="s">
        <v>83</v>
      </c>
      <c r="C1961" t="s">
        <v>114</v>
      </c>
      <c r="D1961" t="s">
        <v>115</v>
      </c>
      <c r="E1961" s="6" t="s">
        <v>128</v>
      </c>
      <c r="F1961" s="3">
        <v>2016</v>
      </c>
      <c r="G1961" s="3" t="s">
        <v>97</v>
      </c>
      <c r="H1961" t="s">
        <v>116</v>
      </c>
      <c r="I1961" t="s">
        <v>15</v>
      </c>
      <c r="J1961" s="10">
        <v>80.349999999999994</v>
      </c>
    </row>
    <row r="1962" spans="1:10" x14ac:dyDescent="0.35">
      <c r="A1962" t="s">
        <v>26</v>
      </c>
      <c r="B1962" t="s">
        <v>90</v>
      </c>
      <c r="C1962" t="s">
        <v>114</v>
      </c>
      <c r="D1962" t="s">
        <v>115</v>
      </c>
      <c r="E1962" s="6" t="s">
        <v>128</v>
      </c>
      <c r="F1962" s="3">
        <v>2016</v>
      </c>
      <c r="G1962" s="3" t="s">
        <v>97</v>
      </c>
      <c r="H1962" t="s">
        <v>116</v>
      </c>
      <c r="I1962" t="s">
        <v>15</v>
      </c>
      <c r="J1962" s="10">
        <v>77.599999999999994</v>
      </c>
    </row>
    <row r="1963" spans="1:10" x14ac:dyDescent="0.35">
      <c r="A1963" t="s">
        <v>35</v>
      </c>
      <c r="B1963" t="s">
        <v>84</v>
      </c>
      <c r="C1963" t="s">
        <v>114</v>
      </c>
      <c r="D1963" t="s">
        <v>115</v>
      </c>
      <c r="E1963" s="6" t="s">
        <v>128</v>
      </c>
      <c r="F1963" s="3">
        <v>2016</v>
      </c>
      <c r="G1963" s="3" t="s">
        <v>97</v>
      </c>
      <c r="H1963" t="s">
        <v>116</v>
      </c>
      <c r="I1963" t="s">
        <v>15</v>
      </c>
      <c r="J1963" s="10">
        <v>75.44</v>
      </c>
    </row>
    <row r="1964" spans="1:10" x14ac:dyDescent="0.35">
      <c r="A1964" t="s">
        <v>26</v>
      </c>
      <c r="B1964" t="s">
        <v>80</v>
      </c>
      <c r="C1964" t="s">
        <v>114</v>
      </c>
      <c r="D1964" t="s">
        <v>115</v>
      </c>
      <c r="E1964" s="6" t="s">
        <v>128</v>
      </c>
      <c r="F1964" s="3">
        <v>2016</v>
      </c>
      <c r="G1964" s="3" t="s">
        <v>97</v>
      </c>
      <c r="H1964" t="s">
        <v>116</v>
      </c>
      <c r="I1964" t="s">
        <v>15</v>
      </c>
      <c r="J1964" s="10">
        <v>79</v>
      </c>
    </row>
    <row r="1965" spans="1:10" x14ac:dyDescent="0.35">
      <c r="A1965" t="s">
        <v>62</v>
      </c>
      <c r="B1965" t="s">
        <v>89</v>
      </c>
      <c r="C1965" t="s">
        <v>114</v>
      </c>
      <c r="D1965" t="s">
        <v>115</v>
      </c>
      <c r="E1965" s="6" t="s">
        <v>128</v>
      </c>
      <c r="F1965" s="3">
        <v>2016</v>
      </c>
      <c r="G1965" s="3" t="s">
        <v>97</v>
      </c>
      <c r="H1965" t="s">
        <v>116</v>
      </c>
      <c r="I1965" t="s">
        <v>15</v>
      </c>
      <c r="J1965" s="10">
        <v>75.25</v>
      </c>
    </row>
    <row r="1966" spans="1:10" x14ac:dyDescent="0.35">
      <c r="A1966" t="s">
        <v>35</v>
      </c>
      <c r="B1966" t="s">
        <v>93</v>
      </c>
      <c r="C1966" t="s">
        <v>114</v>
      </c>
      <c r="D1966" t="s">
        <v>115</v>
      </c>
      <c r="E1966" s="6" t="s">
        <v>128</v>
      </c>
      <c r="F1966" s="3">
        <v>2016</v>
      </c>
      <c r="G1966" s="3" t="s">
        <v>97</v>
      </c>
      <c r="H1966" t="s">
        <v>116</v>
      </c>
      <c r="I1966" t="s">
        <v>15</v>
      </c>
      <c r="J1966" s="10">
        <v>79.23</v>
      </c>
    </row>
    <row r="1967" spans="1:10" x14ac:dyDescent="0.35">
      <c r="A1967" t="s">
        <v>22</v>
      </c>
      <c r="B1967" t="s">
        <v>55</v>
      </c>
      <c r="C1967" t="s">
        <v>114</v>
      </c>
      <c r="D1967" t="s">
        <v>115</v>
      </c>
      <c r="E1967" s="6" t="s">
        <v>128</v>
      </c>
      <c r="F1967" s="3">
        <v>2016</v>
      </c>
      <c r="G1967" s="3" t="s">
        <v>97</v>
      </c>
      <c r="H1967" t="s">
        <v>116</v>
      </c>
      <c r="I1967" t="s">
        <v>15</v>
      </c>
      <c r="J1967" s="10">
        <v>80.2</v>
      </c>
    </row>
    <row r="1968" spans="1:10" x14ac:dyDescent="0.35">
      <c r="A1968" t="s">
        <v>22</v>
      </c>
      <c r="B1968" t="s">
        <v>52</v>
      </c>
      <c r="C1968" t="s">
        <v>114</v>
      </c>
      <c r="D1968" t="s">
        <v>115</v>
      </c>
      <c r="E1968" s="6" t="s">
        <v>128</v>
      </c>
      <c r="F1968" s="3">
        <v>2016</v>
      </c>
      <c r="G1968" s="3" t="s">
        <v>97</v>
      </c>
      <c r="H1968" t="s">
        <v>116</v>
      </c>
      <c r="I1968" t="s">
        <v>15</v>
      </c>
      <c r="J1968" s="10">
        <v>75.06</v>
      </c>
    </row>
    <row r="1969" spans="1:10" x14ac:dyDescent="0.35">
      <c r="A1969" t="s">
        <v>20</v>
      </c>
      <c r="B1969" t="s">
        <v>94</v>
      </c>
      <c r="C1969" t="s">
        <v>114</v>
      </c>
      <c r="D1969" t="s">
        <v>115</v>
      </c>
      <c r="E1969" s="6" t="s">
        <v>128</v>
      </c>
      <c r="F1969" s="3">
        <v>2016</v>
      </c>
      <c r="G1969" s="3" t="s">
        <v>97</v>
      </c>
      <c r="H1969" t="s">
        <v>116</v>
      </c>
      <c r="I1969" t="s">
        <v>15</v>
      </c>
      <c r="J1969" s="10">
        <v>76.069999999999993</v>
      </c>
    </row>
    <row r="1970" spans="1:10" x14ac:dyDescent="0.35">
      <c r="A1970" t="s">
        <v>33</v>
      </c>
      <c r="B1970" t="s">
        <v>82</v>
      </c>
      <c r="C1970" t="s">
        <v>114</v>
      </c>
      <c r="D1970" t="s">
        <v>115</v>
      </c>
      <c r="E1970" s="6" t="s">
        <v>128</v>
      </c>
      <c r="F1970" s="3">
        <v>2016</v>
      </c>
      <c r="G1970" s="3" t="s">
        <v>97</v>
      </c>
      <c r="H1970" t="s">
        <v>116</v>
      </c>
      <c r="I1970" t="s">
        <v>15</v>
      </c>
      <c r="J1970" s="10">
        <v>79.989999999999995</v>
      </c>
    </row>
    <row r="1971" spans="1:10" x14ac:dyDescent="0.35">
      <c r="A1971" t="s">
        <v>20</v>
      </c>
      <c r="B1971" t="s">
        <v>81</v>
      </c>
      <c r="C1971" t="s">
        <v>114</v>
      </c>
      <c r="D1971" t="s">
        <v>115</v>
      </c>
      <c r="E1971" s="6" t="s">
        <v>128</v>
      </c>
      <c r="F1971" s="3">
        <v>2016</v>
      </c>
      <c r="G1971" s="3" t="s">
        <v>97</v>
      </c>
      <c r="H1971" t="s">
        <v>116</v>
      </c>
      <c r="I1971" t="s">
        <v>15</v>
      </c>
      <c r="J1971" s="10">
        <v>74.78</v>
      </c>
    </row>
    <row r="1972" spans="1:10" x14ac:dyDescent="0.35">
      <c r="A1972" t="s">
        <v>22</v>
      </c>
      <c r="B1972" t="s">
        <v>54</v>
      </c>
      <c r="C1972" t="s">
        <v>114</v>
      </c>
      <c r="D1972" t="s">
        <v>115</v>
      </c>
      <c r="E1972" s="6" t="s">
        <v>128</v>
      </c>
      <c r="F1972" s="3">
        <v>2016</v>
      </c>
      <c r="G1972" s="3" t="s">
        <v>97</v>
      </c>
      <c r="H1972" t="s">
        <v>116</v>
      </c>
      <c r="I1972" t="s">
        <v>15</v>
      </c>
      <c r="J1972" s="10">
        <v>78.900000000000006</v>
      </c>
    </row>
    <row r="1973" spans="1:10" x14ac:dyDescent="0.35">
      <c r="A1973" t="s">
        <v>33</v>
      </c>
      <c r="B1973" t="s">
        <v>82</v>
      </c>
      <c r="C1973" t="s">
        <v>114</v>
      </c>
      <c r="D1973" t="s">
        <v>115</v>
      </c>
      <c r="E1973" s="6" t="s">
        <v>128</v>
      </c>
      <c r="F1973" s="3">
        <v>2016</v>
      </c>
      <c r="G1973" s="3" t="s">
        <v>98</v>
      </c>
      <c r="H1973" t="s">
        <v>116</v>
      </c>
      <c r="I1973" t="s">
        <v>15</v>
      </c>
      <c r="J1973" s="10">
        <v>82.74</v>
      </c>
    </row>
    <row r="1974" spans="1:10" x14ac:dyDescent="0.35">
      <c r="A1974" t="s">
        <v>20</v>
      </c>
      <c r="B1974" t="s">
        <v>81</v>
      </c>
      <c r="C1974" t="s">
        <v>114</v>
      </c>
      <c r="D1974" t="s">
        <v>115</v>
      </c>
      <c r="E1974" s="6" t="s">
        <v>128</v>
      </c>
      <c r="F1974" s="3">
        <v>2016</v>
      </c>
      <c r="G1974" s="3" t="s">
        <v>98</v>
      </c>
      <c r="H1974" t="s">
        <v>116</v>
      </c>
      <c r="I1974" t="s">
        <v>15</v>
      </c>
      <c r="J1974" s="10">
        <v>78.14</v>
      </c>
    </row>
    <row r="1975" spans="1:10" x14ac:dyDescent="0.35">
      <c r="A1975" t="s">
        <v>22</v>
      </c>
      <c r="B1975" t="s">
        <v>53</v>
      </c>
      <c r="C1975" t="s">
        <v>114</v>
      </c>
      <c r="D1975" t="s">
        <v>115</v>
      </c>
      <c r="E1975" s="6" t="s">
        <v>128</v>
      </c>
      <c r="F1975" s="3">
        <v>2016</v>
      </c>
      <c r="G1975" s="3" t="s">
        <v>98</v>
      </c>
      <c r="H1975" t="s">
        <v>116</v>
      </c>
      <c r="I1975" t="s">
        <v>15</v>
      </c>
      <c r="J1975" s="10">
        <v>80.13</v>
      </c>
    </row>
    <row r="1976" spans="1:10" x14ac:dyDescent="0.35">
      <c r="A1976" t="s">
        <v>22</v>
      </c>
      <c r="B1976" t="s">
        <v>54</v>
      </c>
      <c r="C1976" t="s">
        <v>114</v>
      </c>
      <c r="D1976" t="s">
        <v>115</v>
      </c>
      <c r="E1976" s="6" t="s">
        <v>128</v>
      </c>
      <c r="F1976" s="3">
        <v>2016</v>
      </c>
      <c r="G1976" s="3" t="s">
        <v>98</v>
      </c>
      <c r="H1976" t="s">
        <v>116</v>
      </c>
      <c r="I1976" t="s">
        <v>15</v>
      </c>
      <c r="J1976" s="10">
        <v>82.55</v>
      </c>
    </row>
    <row r="1977" spans="1:10" x14ac:dyDescent="0.35">
      <c r="A1977" t="s">
        <v>22</v>
      </c>
      <c r="B1977" t="s">
        <v>52</v>
      </c>
      <c r="C1977" t="s">
        <v>114</v>
      </c>
      <c r="D1977" t="s">
        <v>115</v>
      </c>
      <c r="E1977" s="6" t="s">
        <v>128</v>
      </c>
      <c r="F1977" s="3">
        <v>2016</v>
      </c>
      <c r="G1977" s="3" t="s">
        <v>98</v>
      </c>
      <c r="H1977" t="s">
        <v>116</v>
      </c>
      <c r="I1977" t="s">
        <v>15</v>
      </c>
      <c r="J1977" s="10">
        <v>80.400000000000006</v>
      </c>
    </row>
    <row r="1978" spans="1:10" x14ac:dyDescent="0.35">
      <c r="A1978" t="s">
        <v>22</v>
      </c>
      <c r="B1978" t="s">
        <v>55</v>
      </c>
      <c r="C1978" t="s">
        <v>114</v>
      </c>
      <c r="D1978" t="s">
        <v>115</v>
      </c>
      <c r="E1978" s="6" t="s">
        <v>128</v>
      </c>
      <c r="F1978" s="3">
        <v>2016</v>
      </c>
      <c r="G1978" s="3" t="s">
        <v>98</v>
      </c>
      <c r="H1978" t="s">
        <v>116</v>
      </c>
      <c r="I1978" t="s">
        <v>15</v>
      </c>
      <c r="J1978" s="10">
        <v>83.06</v>
      </c>
    </row>
    <row r="1979" spans="1:10" x14ac:dyDescent="0.35">
      <c r="A1979" t="s">
        <v>26</v>
      </c>
      <c r="B1979" t="s">
        <v>83</v>
      </c>
      <c r="C1979" t="s">
        <v>114</v>
      </c>
      <c r="D1979" t="s">
        <v>115</v>
      </c>
      <c r="E1979" s="6" t="s">
        <v>128</v>
      </c>
      <c r="F1979" s="3">
        <v>2016</v>
      </c>
      <c r="G1979" s="3" t="s">
        <v>98</v>
      </c>
      <c r="H1979" t="s">
        <v>116</v>
      </c>
      <c r="I1979" t="s">
        <v>15</v>
      </c>
      <c r="J1979" s="10">
        <v>82.51</v>
      </c>
    </row>
    <row r="1980" spans="1:10" x14ac:dyDescent="0.35">
      <c r="A1980" t="s">
        <v>62</v>
      </c>
      <c r="B1980" t="s">
        <v>89</v>
      </c>
      <c r="C1980" t="s">
        <v>114</v>
      </c>
      <c r="D1980" t="s">
        <v>115</v>
      </c>
      <c r="E1980" s="6" t="s">
        <v>128</v>
      </c>
      <c r="F1980" s="3">
        <v>2016</v>
      </c>
      <c r="G1980" s="3" t="s">
        <v>98</v>
      </c>
      <c r="H1980" t="s">
        <v>116</v>
      </c>
      <c r="I1980" t="s">
        <v>15</v>
      </c>
      <c r="J1980" s="10">
        <v>79.400000000000006</v>
      </c>
    </row>
    <row r="1981" spans="1:10" x14ac:dyDescent="0.35">
      <c r="A1981" t="s">
        <v>33</v>
      </c>
      <c r="B1981" t="s">
        <v>86</v>
      </c>
      <c r="C1981" t="s">
        <v>114</v>
      </c>
      <c r="D1981" t="s">
        <v>115</v>
      </c>
      <c r="E1981" s="6" t="s">
        <v>128</v>
      </c>
      <c r="F1981" s="3">
        <v>2016</v>
      </c>
      <c r="G1981" s="3" t="s">
        <v>98</v>
      </c>
      <c r="H1981" t="s">
        <v>116</v>
      </c>
      <c r="I1981" t="s">
        <v>15</v>
      </c>
      <c r="J1981" s="10">
        <v>83.06</v>
      </c>
    </row>
    <row r="1982" spans="1:10" x14ac:dyDescent="0.35">
      <c r="A1982" t="s">
        <v>33</v>
      </c>
      <c r="B1982" t="s">
        <v>77</v>
      </c>
      <c r="C1982" t="s">
        <v>114</v>
      </c>
      <c r="D1982" t="s">
        <v>115</v>
      </c>
      <c r="E1982" s="6" t="s">
        <v>128</v>
      </c>
      <c r="F1982" s="3">
        <v>2016</v>
      </c>
      <c r="G1982" s="3" t="s">
        <v>98</v>
      </c>
      <c r="H1982" t="s">
        <v>116</v>
      </c>
      <c r="I1982" t="s">
        <v>15</v>
      </c>
      <c r="J1982" s="10">
        <v>80.95</v>
      </c>
    </row>
    <row r="1983" spans="1:10" x14ac:dyDescent="0.35">
      <c r="A1983" t="s">
        <v>22</v>
      </c>
      <c r="B1983" t="s">
        <v>78</v>
      </c>
      <c r="C1983" t="s">
        <v>114</v>
      </c>
      <c r="D1983" t="s">
        <v>115</v>
      </c>
      <c r="E1983" s="6" t="s">
        <v>128</v>
      </c>
      <c r="F1983" s="3">
        <v>2016</v>
      </c>
      <c r="G1983" s="3" t="s">
        <v>98</v>
      </c>
      <c r="H1983" t="s">
        <v>116</v>
      </c>
      <c r="I1983" t="s">
        <v>15</v>
      </c>
      <c r="J1983" s="10">
        <v>81.2</v>
      </c>
    </row>
    <row r="1984" spans="1:10" x14ac:dyDescent="0.35">
      <c r="A1984" t="s">
        <v>28</v>
      </c>
      <c r="B1984" t="s">
        <v>61</v>
      </c>
      <c r="C1984" t="s">
        <v>114</v>
      </c>
      <c r="D1984" t="s">
        <v>115</v>
      </c>
      <c r="E1984" s="6" t="s">
        <v>128</v>
      </c>
      <c r="F1984" s="3">
        <v>2016</v>
      </c>
      <c r="G1984" s="3" t="s">
        <v>98</v>
      </c>
      <c r="H1984" t="s">
        <v>116</v>
      </c>
      <c r="I1984" t="s">
        <v>15</v>
      </c>
      <c r="J1984" s="10">
        <v>81.44</v>
      </c>
    </row>
    <row r="1985" spans="1:10" x14ac:dyDescent="0.35">
      <c r="A1985" t="s">
        <v>35</v>
      </c>
      <c r="B1985" t="s">
        <v>88</v>
      </c>
      <c r="C1985" t="s">
        <v>114</v>
      </c>
      <c r="D1985" t="s">
        <v>115</v>
      </c>
      <c r="E1985" s="6" t="s">
        <v>128</v>
      </c>
      <c r="F1985" s="3">
        <v>2016</v>
      </c>
      <c r="G1985" s="3" t="s">
        <v>98</v>
      </c>
      <c r="H1985" t="s">
        <v>116</v>
      </c>
      <c r="I1985" t="s">
        <v>15</v>
      </c>
      <c r="J1985" s="10">
        <v>80.28</v>
      </c>
    </row>
    <row r="1986" spans="1:10" x14ac:dyDescent="0.35">
      <c r="A1986" t="s">
        <v>28</v>
      </c>
      <c r="B1986" t="s">
        <v>79</v>
      </c>
      <c r="C1986" t="s">
        <v>114</v>
      </c>
      <c r="D1986" t="s">
        <v>115</v>
      </c>
      <c r="E1986" s="6" t="s">
        <v>128</v>
      </c>
      <c r="F1986" s="3">
        <v>2016</v>
      </c>
      <c r="G1986" s="3" t="s">
        <v>98</v>
      </c>
      <c r="H1986" t="s">
        <v>116</v>
      </c>
      <c r="I1986" t="s">
        <v>15</v>
      </c>
      <c r="J1986" s="10">
        <v>82.26</v>
      </c>
    </row>
    <row r="1987" spans="1:10" x14ac:dyDescent="0.35">
      <c r="A1987" t="s">
        <v>26</v>
      </c>
      <c r="B1987" t="s">
        <v>80</v>
      </c>
      <c r="C1987" t="s">
        <v>114</v>
      </c>
      <c r="D1987" t="s">
        <v>115</v>
      </c>
      <c r="E1987" s="6" t="s">
        <v>128</v>
      </c>
      <c r="F1987" s="3">
        <v>2016</v>
      </c>
      <c r="G1987" s="3" t="s">
        <v>98</v>
      </c>
      <c r="H1987" t="s">
        <v>116</v>
      </c>
      <c r="I1987" t="s">
        <v>15</v>
      </c>
      <c r="J1987" s="10">
        <v>81.87</v>
      </c>
    </row>
    <row r="1988" spans="1:10" x14ac:dyDescent="0.35">
      <c r="A1988" t="s">
        <v>33</v>
      </c>
      <c r="B1988" t="s">
        <v>92</v>
      </c>
      <c r="C1988" t="s">
        <v>114</v>
      </c>
      <c r="D1988" t="s">
        <v>115</v>
      </c>
      <c r="E1988" s="6" t="s">
        <v>128</v>
      </c>
      <c r="F1988" s="3">
        <v>2016</v>
      </c>
      <c r="G1988" s="3" t="s">
        <v>98</v>
      </c>
      <c r="H1988" t="s">
        <v>116</v>
      </c>
      <c r="I1988" t="s">
        <v>15</v>
      </c>
      <c r="J1988" s="10">
        <v>81.739999999999995</v>
      </c>
    </row>
    <row r="1989" spans="1:10" x14ac:dyDescent="0.35">
      <c r="A1989" t="s">
        <v>33</v>
      </c>
      <c r="B1989" t="s">
        <v>85</v>
      </c>
      <c r="C1989" t="s">
        <v>114</v>
      </c>
      <c r="D1989" t="s">
        <v>115</v>
      </c>
      <c r="E1989" s="6" t="s">
        <v>128</v>
      </c>
      <c r="F1989" s="3">
        <v>2016</v>
      </c>
      <c r="G1989" s="3" t="s">
        <v>98</v>
      </c>
      <c r="H1989" t="s">
        <v>116</v>
      </c>
      <c r="I1989" t="s">
        <v>15</v>
      </c>
      <c r="J1989" s="10">
        <v>81.64</v>
      </c>
    </row>
    <row r="1990" spans="1:10" x14ac:dyDescent="0.35">
      <c r="A1990" t="s">
        <v>35</v>
      </c>
      <c r="B1990" t="s">
        <v>93</v>
      </c>
      <c r="C1990" t="s">
        <v>114</v>
      </c>
      <c r="D1990" t="s">
        <v>115</v>
      </c>
      <c r="E1990" s="6" t="s">
        <v>128</v>
      </c>
      <c r="F1990" s="3">
        <v>2016</v>
      </c>
      <c r="G1990" s="3" t="s">
        <v>98</v>
      </c>
      <c r="H1990" t="s">
        <v>116</v>
      </c>
      <c r="I1990" t="s">
        <v>15</v>
      </c>
      <c r="J1990" s="10">
        <v>82.66</v>
      </c>
    </row>
    <row r="1991" spans="1:10" x14ac:dyDescent="0.35">
      <c r="A1991" t="s">
        <v>62</v>
      </c>
      <c r="B1991" t="s">
        <v>68</v>
      </c>
      <c r="C1991" t="s">
        <v>114</v>
      </c>
      <c r="D1991" t="s">
        <v>115</v>
      </c>
      <c r="E1991" s="6" t="s">
        <v>128</v>
      </c>
      <c r="F1991" s="3">
        <v>2016</v>
      </c>
      <c r="G1991" s="3" t="s">
        <v>98</v>
      </c>
      <c r="H1991" t="s">
        <v>116</v>
      </c>
      <c r="I1991" t="s">
        <v>15</v>
      </c>
      <c r="J1991" s="10">
        <v>77.69</v>
      </c>
    </row>
    <row r="1992" spans="1:10" x14ac:dyDescent="0.35">
      <c r="A1992" t="s">
        <v>20</v>
      </c>
      <c r="B1992" t="s">
        <v>94</v>
      </c>
      <c r="C1992" t="s">
        <v>114</v>
      </c>
      <c r="D1992" t="s">
        <v>115</v>
      </c>
      <c r="E1992" s="6" t="s">
        <v>128</v>
      </c>
      <c r="F1992" s="3">
        <v>2016</v>
      </c>
      <c r="G1992" s="3" t="s">
        <v>98</v>
      </c>
      <c r="H1992" t="s">
        <v>116</v>
      </c>
      <c r="I1992" t="s">
        <v>15</v>
      </c>
      <c r="J1992" s="10">
        <v>79.790000000000006</v>
      </c>
    </row>
    <row r="1993" spans="1:10" x14ac:dyDescent="0.35">
      <c r="A1993" t="s">
        <v>35</v>
      </c>
      <c r="B1993" t="s">
        <v>87</v>
      </c>
      <c r="C1993" t="s">
        <v>114</v>
      </c>
      <c r="D1993" t="s">
        <v>115</v>
      </c>
      <c r="E1993" s="6" t="s">
        <v>128</v>
      </c>
      <c r="F1993" s="3">
        <v>2016</v>
      </c>
      <c r="G1993" s="3" t="s">
        <v>98</v>
      </c>
      <c r="H1993" t="s">
        <v>116</v>
      </c>
      <c r="I1993" t="s">
        <v>15</v>
      </c>
      <c r="J1993" s="10">
        <v>81.93</v>
      </c>
    </row>
    <row r="1994" spans="1:10" x14ac:dyDescent="0.35">
      <c r="A1994" t="s">
        <v>26</v>
      </c>
      <c r="B1994" t="s">
        <v>91</v>
      </c>
      <c r="C1994" t="s">
        <v>114</v>
      </c>
      <c r="D1994" t="s">
        <v>115</v>
      </c>
      <c r="E1994" s="6" t="s">
        <v>128</v>
      </c>
      <c r="F1994" s="3">
        <v>2016</v>
      </c>
      <c r="G1994" s="3" t="s">
        <v>98</v>
      </c>
      <c r="H1994" t="s">
        <v>116</v>
      </c>
      <c r="I1994" t="s">
        <v>15</v>
      </c>
      <c r="J1994" s="10">
        <v>83.62</v>
      </c>
    </row>
    <row r="1995" spans="1:10" x14ac:dyDescent="0.35">
      <c r="A1995" t="s">
        <v>35</v>
      </c>
      <c r="B1995" t="s">
        <v>84</v>
      </c>
      <c r="C1995" t="s">
        <v>114</v>
      </c>
      <c r="D1995" t="s">
        <v>115</v>
      </c>
      <c r="E1995" s="6" t="s">
        <v>128</v>
      </c>
      <c r="F1995" s="3">
        <v>2016</v>
      </c>
      <c r="G1995" s="3" t="s">
        <v>98</v>
      </c>
      <c r="H1995" t="s">
        <v>116</v>
      </c>
      <c r="I1995" t="s">
        <v>15</v>
      </c>
      <c r="J1995" s="10">
        <v>78.53</v>
      </c>
    </row>
    <row r="1996" spans="1:10" x14ac:dyDescent="0.35">
      <c r="A1996" t="s">
        <v>26</v>
      </c>
      <c r="B1996" t="s">
        <v>90</v>
      </c>
      <c r="C1996" t="s">
        <v>114</v>
      </c>
      <c r="D1996" t="s">
        <v>115</v>
      </c>
      <c r="E1996" s="6" t="s">
        <v>128</v>
      </c>
      <c r="F1996" s="3">
        <v>2016</v>
      </c>
      <c r="G1996" s="3" t="s">
        <v>98</v>
      </c>
      <c r="H1996" t="s">
        <v>116</v>
      </c>
      <c r="I1996" t="s">
        <v>15</v>
      </c>
      <c r="J1996" s="10">
        <v>81.88</v>
      </c>
    </row>
    <row r="1997" spans="1:10" x14ac:dyDescent="0.35">
      <c r="A1997" t="s">
        <v>10</v>
      </c>
      <c r="B1997" t="s">
        <v>18</v>
      </c>
      <c r="C1997" t="s">
        <v>114</v>
      </c>
      <c r="D1997" t="s">
        <v>115</v>
      </c>
      <c r="E1997" s="6" t="s">
        <v>128</v>
      </c>
      <c r="F1997" s="3">
        <v>2016</v>
      </c>
      <c r="G1997" s="3" t="s">
        <v>98</v>
      </c>
      <c r="H1997" t="s">
        <v>116</v>
      </c>
      <c r="I1997" t="s">
        <v>15</v>
      </c>
      <c r="J1997" s="10">
        <v>82.55</v>
      </c>
    </row>
    <row r="1998" spans="1:10" x14ac:dyDescent="0.35">
      <c r="A1998" t="s">
        <v>10</v>
      </c>
      <c r="B1998" t="s">
        <v>17</v>
      </c>
      <c r="C1998" t="s">
        <v>114</v>
      </c>
      <c r="D1998" t="s">
        <v>115</v>
      </c>
      <c r="E1998" s="6" t="s">
        <v>128</v>
      </c>
      <c r="F1998" s="3">
        <v>2016</v>
      </c>
      <c r="G1998" s="3" t="s">
        <v>98</v>
      </c>
      <c r="H1998" t="s">
        <v>116</v>
      </c>
      <c r="I1998" t="s">
        <v>15</v>
      </c>
      <c r="J1998" s="10">
        <v>81.58</v>
      </c>
    </row>
    <row r="1999" spans="1:10" x14ac:dyDescent="0.35">
      <c r="A1999" t="s">
        <v>10</v>
      </c>
      <c r="B1999" t="s">
        <v>11</v>
      </c>
      <c r="C1999" t="s">
        <v>114</v>
      </c>
      <c r="D1999" t="s">
        <v>115</v>
      </c>
      <c r="E1999" s="6" t="s">
        <v>128</v>
      </c>
      <c r="F1999" s="3">
        <v>2016</v>
      </c>
      <c r="G1999" s="3" t="s">
        <v>98</v>
      </c>
      <c r="H1999" t="s">
        <v>116</v>
      </c>
      <c r="I1999" t="s">
        <v>15</v>
      </c>
      <c r="J1999" s="10">
        <v>80.63</v>
      </c>
    </row>
    <row r="2000" spans="1:10" x14ac:dyDescent="0.35">
      <c r="A2000" t="s">
        <v>10</v>
      </c>
      <c r="B2000" t="s">
        <v>24</v>
      </c>
      <c r="C2000" t="s">
        <v>114</v>
      </c>
      <c r="D2000" t="s">
        <v>115</v>
      </c>
      <c r="E2000" s="6" t="s">
        <v>128</v>
      </c>
      <c r="F2000" s="3">
        <v>2016</v>
      </c>
      <c r="G2000" s="3" t="s">
        <v>98</v>
      </c>
      <c r="H2000" t="s">
        <v>116</v>
      </c>
      <c r="I2000" t="s">
        <v>15</v>
      </c>
      <c r="J2000" s="10">
        <v>81.33</v>
      </c>
    </row>
    <row r="2001" spans="1:10" x14ac:dyDescent="0.35">
      <c r="A2001" t="s">
        <v>20</v>
      </c>
      <c r="B2001" t="s">
        <v>21</v>
      </c>
      <c r="C2001" t="s">
        <v>114</v>
      </c>
      <c r="D2001" t="s">
        <v>115</v>
      </c>
      <c r="E2001" s="6" t="s">
        <v>128</v>
      </c>
      <c r="F2001" s="3">
        <v>2016</v>
      </c>
      <c r="G2001" s="3" t="s">
        <v>98</v>
      </c>
      <c r="H2001" t="s">
        <v>116</v>
      </c>
      <c r="I2001" t="s">
        <v>15</v>
      </c>
      <c r="J2001" s="10">
        <v>79.430000000000007</v>
      </c>
    </row>
    <row r="2002" spans="1:10" x14ac:dyDescent="0.35">
      <c r="A2002" t="s">
        <v>10</v>
      </c>
      <c r="B2002" t="s">
        <v>19</v>
      </c>
      <c r="C2002" t="s">
        <v>114</v>
      </c>
      <c r="D2002" t="s">
        <v>115</v>
      </c>
      <c r="E2002" s="6" t="s">
        <v>128</v>
      </c>
      <c r="F2002" s="3">
        <v>2016</v>
      </c>
      <c r="G2002" s="3" t="s">
        <v>98</v>
      </c>
      <c r="H2002" t="s">
        <v>116</v>
      </c>
      <c r="I2002" t="s">
        <v>15</v>
      </c>
      <c r="J2002" s="10">
        <v>83.01</v>
      </c>
    </row>
    <row r="2003" spans="1:10" x14ac:dyDescent="0.35">
      <c r="A2003" t="s">
        <v>26</v>
      </c>
      <c r="B2003" t="s">
        <v>31</v>
      </c>
      <c r="C2003" t="s">
        <v>114</v>
      </c>
      <c r="D2003" t="s">
        <v>115</v>
      </c>
      <c r="E2003" s="6" t="s">
        <v>128</v>
      </c>
      <c r="F2003" s="3">
        <v>2016</v>
      </c>
      <c r="G2003" s="3" t="s">
        <v>98</v>
      </c>
      <c r="H2003" t="s">
        <v>116</v>
      </c>
      <c r="I2003" t="s">
        <v>15</v>
      </c>
      <c r="J2003" s="10">
        <v>82.57</v>
      </c>
    </row>
    <row r="2004" spans="1:10" x14ac:dyDescent="0.35">
      <c r="A2004" t="s">
        <v>28</v>
      </c>
      <c r="B2004" t="s">
        <v>32</v>
      </c>
      <c r="C2004" t="s">
        <v>114</v>
      </c>
      <c r="D2004" t="s">
        <v>115</v>
      </c>
      <c r="E2004" s="6" t="s">
        <v>128</v>
      </c>
      <c r="F2004" s="3">
        <v>2016</v>
      </c>
      <c r="G2004" s="3" t="s">
        <v>98</v>
      </c>
      <c r="H2004" t="s">
        <v>116</v>
      </c>
      <c r="I2004" t="s">
        <v>15</v>
      </c>
      <c r="J2004" s="10">
        <v>79.66</v>
      </c>
    </row>
    <row r="2005" spans="1:10" x14ac:dyDescent="0.35">
      <c r="A2005" t="s">
        <v>33</v>
      </c>
      <c r="B2005" t="s">
        <v>47</v>
      </c>
      <c r="C2005" t="s">
        <v>114</v>
      </c>
      <c r="D2005" t="s">
        <v>115</v>
      </c>
      <c r="E2005" s="6" t="s">
        <v>128</v>
      </c>
      <c r="F2005" s="3">
        <v>2016</v>
      </c>
      <c r="G2005" s="3" t="s">
        <v>98</v>
      </c>
      <c r="H2005" t="s">
        <v>116</v>
      </c>
      <c r="I2005" t="s">
        <v>15</v>
      </c>
      <c r="J2005" s="10">
        <v>81.819999999999993</v>
      </c>
    </row>
    <row r="2006" spans="1:10" x14ac:dyDescent="0.35">
      <c r="A2006" t="s">
        <v>28</v>
      </c>
      <c r="B2006" t="s">
        <v>58</v>
      </c>
      <c r="C2006" t="s">
        <v>114</v>
      </c>
      <c r="D2006" t="s">
        <v>115</v>
      </c>
      <c r="E2006" s="6" t="s">
        <v>128</v>
      </c>
      <c r="F2006" s="3">
        <v>2016</v>
      </c>
      <c r="G2006" s="3" t="s">
        <v>98</v>
      </c>
      <c r="H2006" t="s">
        <v>116</v>
      </c>
      <c r="I2006" t="s">
        <v>15</v>
      </c>
      <c r="J2006" s="10">
        <v>82.12</v>
      </c>
    </row>
    <row r="2007" spans="1:10" x14ac:dyDescent="0.35">
      <c r="A2007" t="s">
        <v>22</v>
      </c>
      <c r="B2007" t="s">
        <v>56</v>
      </c>
      <c r="C2007" t="s">
        <v>114</v>
      </c>
      <c r="D2007" t="s">
        <v>115</v>
      </c>
      <c r="E2007" s="6" t="s">
        <v>128</v>
      </c>
      <c r="F2007" s="3">
        <v>2016</v>
      </c>
      <c r="G2007" s="3" t="s">
        <v>98</v>
      </c>
      <c r="H2007" t="s">
        <v>116</v>
      </c>
      <c r="I2007" t="s">
        <v>15</v>
      </c>
      <c r="J2007" s="10">
        <v>83.46</v>
      </c>
    </row>
    <row r="2008" spans="1:10" x14ac:dyDescent="0.35">
      <c r="A2008" t="s">
        <v>20</v>
      </c>
      <c r="B2008" t="s">
        <v>59</v>
      </c>
      <c r="C2008" t="s">
        <v>114</v>
      </c>
      <c r="D2008" t="s">
        <v>115</v>
      </c>
      <c r="E2008" s="6" t="s">
        <v>128</v>
      </c>
      <c r="F2008" s="3">
        <v>2016</v>
      </c>
      <c r="G2008" s="3" t="s">
        <v>98</v>
      </c>
      <c r="H2008" t="s">
        <v>116</v>
      </c>
      <c r="I2008" t="s">
        <v>15</v>
      </c>
      <c r="J2008" s="10">
        <v>81.099999999999994</v>
      </c>
    </row>
    <row r="2009" spans="1:10" x14ac:dyDescent="0.35">
      <c r="A2009" t="s">
        <v>28</v>
      </c>
      <c r="B2009" t="s">
        <v>44</v>
      </c>
      <c r="C2009" t="s">
        <v>114</v>
      </c>
      <c r="D2009" t="s">
        <v>115</v>
      </c>
      <c r="E2009" s="6" t="s">
        <v>128</v>
      </c>
      <c r="F2009" s="3">
        <v>2016</v>
      </c>
      <c r="G2009" s="3" t="s">
        <v>98</v>
      </c>
      <c r="H2009" t="s">
        <v>116</v>
      </c>
      <c r="I2009" t="s">
        <v>15</v>
      </c>
      <c r="J2009" s="10">
        <v>81.72</v>
      </c>
    </row>
    <row r="2010" spans="1:10" x14ac:dyDescent="0.35">
      <c r="A2010" t="s">
        <v>20</v>
      </c>
      <c r="B2010" t="s">
        <v>72</v>
      </c>
      <c r="C2010" t="s">
        <v>114</v>
      </c>
      <c r="D2010" t="s">
        <v>115</v>
      </c>
      <c r="E2010" s="6" t="s">
        <v>128</v>
      </c>
      <c r="F2010" s="3">
        <v>2016</v>
      </c>
      <c r="G2010" s="3" t="s">
        <v>98</v>
      </c>
      <c r="H2010" t="s">
        <v>116</v>
      </c>
      <c r="I2010" t="s">
        <v>15</v>
      </c>
      <c r="J2010" s="10">
        <v>80.08</v>
      </c>
    </row>
    <row r="2011" spans="1:10" x14ac:dyDescent="0.35">
      <c r="A2011" t="s">
        <v>62</v>
      </c>
      <c r="B2011" t="s">
        <v>69</v>
      </c>
      <c r="C2011" t="s">
        <v>114</v>
      </c>
      <c r="D2011" t="s">
        <v>115</v>
      </c>
      <c r="E2011" s="6" t="s">
        <v>128</v>
      </c>
      <c r="F2011" s="3">
        <v>2016</v>
      </c>
      <c r="G2011" s="3" t="s">
        <v>98</v>
      </c>
      <c r="H2011" t="s">
        <v>116</v>
      </c>
      <c r="I2011" t="s">
        <v>15</v>
      </c>
      <c r="J2011" s="10">
        <v>78.430000000000007</v>
      </c>
    </row>
    <row r="2012" spans="1:10" x14ac:dyDescent="0.35">
      <c r="A2012" t="s">
        <v>26</v>
      </c>
      <c r="B2012" t="s">
        <v>57</v>
      </c>
      <c r="C2012" t="s">
        <v>114</v>
      </c>
      <c r="D2012" t="s">
        <v>115</v>
      </c>
      <c r="E2012" s="6" t="s">
        <v>128</v>
      </c>
      <c r="F2012" s="3">
        <v>2016</v>
      </c>
      <c r="G2012" s="3" t="s">
        <v>98</v>
      </c>
      <c r="H2012" t="s">
        <v>116</v>
      </c>
      <c r="I2012" t="s">
        <v>15</v>
      </c>
      <c r="J2012" s="10">
        <v>82.44</v>
      </c>
    </row>
    <row r="2013" spans="1:10" x14ac:dyDescent="0.35">
      <c r="A2013" t="s">
        <v>35</v>
      </c>
      <c r="B2013" t="s">
        <v>71</v>
      </c>
      <c r="C2013" t="s">
        <v>114</v>
      </c>
      <c r="D2013" t="s">
        <v>115</v>
      </c>
      <c r="E2013" s="6" t="s">
        <v>128</v>
      </c>
      <c r="F2013" s="3">
        <v>2016</v>
      </c>
      <c r="G2013" s="3" t="s">
        <v>98</v>
      </c>
      <c r="H2013" t="s">
        <v>116</v>
      </c>
      <c r="I2013" t="s">
        <v>15</v>
      </c>
      <c r="J2013" s="10">
        <v>79.319999999999993</v>
      </c>
    </row>
    <row r="2014" spans="1:10" x14ac:dyDescent="0.35">
      <c r="A2014" t="s">
        <v>28</v>
      </c>
      <c r="B2014" t="s">
        <v>74</v>
      </c>
      <c r="C2014" t="s">
        <v>114</v>
      </c>
      <c r="D2014" t="s">
        <v>115</v>
      </c>
      <c r="E2014" s="6" t="s">
        <v>128</v>
      </c>
      <c r="F2014" s="3">
        <v>2016</v>
      </c>
      <c r="G2014" s="3" t="s">
        <v>98</v>
      </c>
      <c r="H2014" t="s">
        <v>116</v>
      </c>
      <c r="I2014" t="s">
        <v>15</v>
      </c>
      <c r="J2014" s="10">
        <v>80.16</v>
      </c>
    </row>
    <row r="2015" spans="1:10" x14ac:dyDescent="0.35">
      <c r="A2015" t="s">
        <v>62</v>
      </c>
      <c r="B2015" t="s">
        <v>65</v>
      </c>
      <c r="C2015" t="s">
        <v>114</v>
      </c>
      <c r="D2015" t="s">
        <v>115</v>
      </c>
      <c r="E2015" s="6" t="s">
        <v>128</v>
      </c>
      <c r="F2015" s="3">
        <v>2016</v>
      </c>
      <c r="G2015" s="3" t="s">
        <v>98</v>
      </c>
      <c r="H2015" t="s">
        <v>116</v>
      </c>
      <c r="I2015" t="s">
        <v>15</v>
      </c>
      <c r="J2015" s="10">
        <v>79.38</v>
      </c>
    </row>
    <row r="2016" spans="1:10" x14ac:dyDescent="0.35">
      <c r="A2016" t="s">
        <v>26</v>
      </c>
      <c r="B2016" t="s">
        <v>73</v>
      </c>
      <c r="C2016" t="s">
        <v>114</v>
      </c>
      <c r="D2016" t="s">
        <v>115</v>
      </c>
      <c r="E2016" s="6" t="s">
        <v>128</v>
      </c>
      <c r="F2016" s="3">
        <v>2016</v>
      </c>
      <c r="G2016" s="3" t="s">
        <v>98</v>
      </c>
      <c r="H2016" t="s">
        <v>116</v>
      </c>
      <c r="I2016" t="s">
        <v>15</v>
      </c>
      <c r="J2016" s="10">
        <v>82</v>
      </c>
    </row>
    <row r="2017" spans="1:10" x14ac:dyDescent="0.35">
      <c r="A2017" t="s">
        <v>62</v>
      </c>
      <c r="B2017" t="s">
        <v>63</v>
      </c>
      <c r="C2017" t="s">
        <v>114</v>
      </c>
      <c r="D2017" t="s">
        <v>115</v>
      </c>
      <c r="E2017" s="6" t="s">
        <v>128</v>
      </c>
      <c r="F2017" s="3">
        <v>2016</v>
      </c>
      <c r="G2017" s="3" t="s">
        <v>98</v>
      </c>
      <c r="H2017" t="s">
        <v>116</v>
      </c>
      <c r="I2017" t="s">
        <v>15</v>
      </c>
      <c r="J2017" s="10">
        <v>79.319999999999993</v>
      </c>
    </row>
    <row r="2018" spans="1:10" x14ac:dyDescent="0.35">
      <c r="A2018" t="s">
        <v>62</v>
      </c>
      <c r="B2018" t="s">
        <v>70</v>
      </c>
      <c r="C2018" t="s">
        <v>114</v>
      </c>
      <c r="D2018" t="s">
        <v>115</v>
      </c>
      <c r="E2018" s="6" t="s">
        <v>128</v>
      </c>
      <c r="F2018" s="3">
        <v>2016</v>
      </c>
      <c r="G2018" s="3" t="s">
        <v>98</v>
      </c>
      <c r="H2018" t="s">
        <v>116</v>
      </c>
      <c r="I2018" t="s">
        <v>15</v>
      </c>
      <c r="J2018" s="10">
        <v>79.290000000000006</v>
      </c>
    </row>
    <row r="2019" spans="1:10" x14ac:dyDescent="0.35">
      <c r="A2019" t="s">
        <v>33</v>
      </c>
      <c r="B2019" t="s">
        <v>75</v>
      </c>
      <c r="C2019" t="s">
        <v>114</v>
      </c>
      <c r="D2019" t="s">
        <v>115</v>
      </c>
      <c r="E2019" s="6" t="s">
        <v>128</v>
      </c>
      <c r="F2019" s="3">
        <v>2016</v>
      </c>
      <c r="G2019" s="3" t="s">
        <v>98</v>
      </c>
      <c r="H2019" t="s">
        <v>116</v>
      </c>
      <c r="I2019" t="s">
        <v>15</v>
      </c>
      <c r="J2019" s="10">
        <v>79.22</v>
      </c>
    </row>
    <row r="2020" spans="1:10" x14ac:dyDescent="0.35">
      <c r="A2020" t="s">
        <v>22</v>
      </c>
      <c r="B2020" t="s">
        <v>76</v>
      </c>
      <c r="C2020" t="s">
        <v>114</v>
      </c>
      <c r="D2020" t="s">
        <v>115</v>
      </c>
      <c r="E2020" s="6" t="s">
        <v>128</v>
      </c>
      <c r="F2020" s="3">
        <v>2016</v>
      </c>
      <c r="G2020" s="3" t="s">
        <v>98</v>
      </c>
      <c r="H2020" t="s">
        <v>116</v>
      </c>
      <c r="I2020" t="s">
        <v>15</v>
      </c>
      <c r="J2020" s="10">
        <v>80.540000000000006</v>
      </c>
    </row>
    <row r="2021" spans="1:10" x14ac:dyDescent="0.35">
      <c r="A2021" t="s">
        <v>62</v>
      </c>
      <c r="B2021" t="s">
        <v>64</v>
      </c>
      <c r="C2021" t="s">
        <v>114</v>
      </c>
      <c r="D2021" t="s">
        <v>115</v>
      </c>
      <c r="E2021" s="6" t="s">
        <v>128</v>
      </c>
      <c r="F2021" s="3">
        <v>2016</v>
      </c>
      <c r="G2021" s="3" t="s">
        <v>98</v>
      </c>
      <c r="H2021" t="s">
        <v>116</v>
      </c>
      <c r="I2021" t="s">
        <v>15</v>
      </c>
      <c r="J2021" s="10">
        <v>80.849999999999994</v>
      </c>
    </row>
    <row r="2022" spans="1:10" x14ac:dyDescent="0.35">
      <c r="A2022" t="s">
        <v>62</v>
      </c>
      <c r="B2022" t="s">
        <v>67</v>
      </c>
      <c r="C2022" t="s">
        <v>114</v>
      </c>
      <c r="D2022" t="s">
        <v>115</v>
      </c>
      <c r="E2022" s="6" t="s">
        <v>128</v>
      </c>
      <c r="F2022" s="3">
        <v>2016</v>
      </c>
      <c r="G2022" s="3" t="s">
        <v>98</v>
      </c>
      <c r="H2022" t="s">
        <v>116</v>
      </c>
      <c r="I2022" t="s">
        <v>15</v>
      </c>
      <c r="J2022" s="10">
        <v>77.349999999999994</v>
      </c>
    </row>
    <row r="2023" spans="1:10" x14ac:dyDescent="0.35">
      <c r="A2023" t="s">
        <v>10</v>
      </c>
      <c r="B2023" t="s">
        <v>46</v>
      </c>
      <c r="C2023" t="s">
        <v>114</v>
      </c>
      <c r="D2023" t="s">
        <v>115</v>
      </c>
      <c r="E2023" s="6" t="s">
        <v>128</v>
      </c>
      <c r="F2023" s="3">
        <v>2016</v>
      </c>
      <c r="G2023" s="3" t="s">
        <v>98</v>
      </c>
      <c r="H2023" t="s">
        <v>116</v>
      </c>
      <c r="I2023" t="s">
        <v>15</v>
      </c>
      <c r="J2023" s="10">
        <v>78.5</v>
      </c>
    </row>
    <row r="2024" spans="1:10" x14ac:dyDescent="0.35">
      <c r="A2024" t="s">
        <v>62</v>
      </c>
      <c r="B2024" t="s">
        <v>66</v>
      </c>
      <c r="C2024" t="s">
        <v>114</v>
      </c>
      <c r="D2024" t="s">
        <v>115</v>
      </c>
      <c r="E2024" s="6" t="s">
        <v>128</v>
      </c>
      <c r="F2024" s="3">
        <v>2016</v>
      </c>
      <c r="G2024" s="3" t="s">
        <v>98</v>
      </c>
      <c r="H2024" t="s">
        <v>116</v>
      </c>
      <c r="I2024" t="s">
        <v>15</v>
      </c>
      <c r="J2024" s="10">
        <v>77.790000000000006</v>
      </c>
    </row>
    <row r="2025" spans="1:10" x14ac:dyDescent="0.35">
      <c r="A2025" t="s">
        <v>20</v>
      </c>
      <c r="B2025" t="s">
        <v>60</v>
      </c>
      <c r="C2025" t="s">
        <v>114</v>
      </c>
      <c r="D2025" t="s">
        <v>115</v>
      </c>
      <c r="E2025" s="6" t="s">
        <v>128</v>
      </c>
      <c r="F2025" s="3">
        <v>2016</v>
      </c>
      <c r="G2025" s="3" t="s">
        <v>98</v>
      </c>
      <c r="H2025" t="s">
        <v>116</v>
      </c>
      <c r="I2025" t="s">
        <v>15</v>
      </c>
      <c r="J2025" s="10">
        <v>79.66</v>
      </c>
    </row>
    <row r="2026" spans="1:10" x14ac:dyDescent="0.35">
      <c r="A2026" t="s">
        <v>26</v>
      </c>
      <c r="B2026" t="s">
        <v>27</v>
      </c>
      <c r="C2026" t="s">
        <v>114</v>
      </c>
      <c r="D2026" t="s">
        <v>115</v>
      </c>
      <c r="E2026" s="6" t="s">
        <v>128</v>
      </c>
      <c r="F2026" s="3">
        <v>2016</v>
      </c>
      <c r="G2026" s="3" t="s">
        <v>98</v>
      </c>
      <c r="H2026" t="s">
        <v>116</v>
      </c>
      <c r="I2026" t="s">
        <v>15</v>
      </c>
      <c r="J2026" s="10">
        <v>82.11</v>
      </c>
    </row>
    <row r="2027" spans="1:10" x14ac:dyDescent="0.35">
      <c r="A2027" t="s">
        <v>35</v>
      </c>
      <c r="B2027" t="s">
        <v>41</v>
      </c>
      <c r="C2027" t="s">
        <v>114</v>
      </c>
      <c r="D2027" t="s">
        <v>115</v>
      </c>
      <c r="E2027" s="6" t="s">
        <v>128</v>
      </c>
      <c r="F2027" s="3">
        <v>2016</v>
      </c>
      <c r="G2027" s="3" t="s">
        <v>98</v>
      </c>
      <c r="H2027" t="s">
        <v>116</v>
      </c>
      <c r="I2027" t="s">
        <v>15</v>
      </c>
      <c r="J2027" s="10">
        <v>80.92</v>
      </c>
    </row>
    <row r="2028" spans="1:10" x14ac:dyDescent="0.35">
      <c r="A2028" t="s">
        <v>35</v>
      </c>
      <c r="B2028" t="s">
        <v>36</v>
      </c>
      <c r="C2028" t="s">
        <v>114</v>
      </c>
      <c r="D2028" t="s">
        <v>115</v>
      </c>
      <c r="E2028" s="6" t="s">
        <v>128</v>
      </c>
      <c r="F2028" s="3">
        <v>2016</v>
      </c>
      <c r="G2028" s="3" t="s">
        <v>98</v>
      </c>
      <c r="H2028" t="s">
        <v>116</v>
      </c>
      <c r="I2028" t="s">
        <v>15</v>
      </c>
      <c r="J2028" s="10">
        <v>80.63</v>
      </c>
    </row>
    <row r="2029" spans="1:10" x14ac:dyDescent="0.35">
      <c r="A2029" t="s">
        <v>20</v>
      </c>
      <c r="B2029" t="s">
        <v>38</v>
      </c>
      <c r="C2029" t="s">
        <v>114</v>
      </c>
      <c r="D2029" t="s">
        <v>115</v>
      </c>
      <c r="E2029" s="6" t="s">
        <v>128</v>
      </c>
      <c r="F2029" s="3">
        <v>2016</v>
      </c>
      <c r="G2029" s="3" t="s">
        <v>98</v>
      </c>
      <c r="H2029" t="s">
        <v>116</v>
      </c>
      <c r="I2029" t="s">
        <v>15</v>
      </c>
      <c r="J2029" s="10">
        <v>79.47</v>
      </c>
    </row>
    <row r="2030" spans="1:10" x14ac:dyDescent="0.35">
      <c r="A2030" t="s">
        <v>28</v>
      </c>
      <c r="B2030" t="s">
        <v>37</v>
      </c>
      <c r="C2030" t="s">
        <v>114</v>
      </c>
      <c r="D2030" t="s">
        <v>115</v>
      </c>
      <c r="E2030" s="6" t="s">
        <v>128</v>
      </c>
      <c r="F2030" s="3">
        <v>2016</v>
      </c>
      <c r="G2030" s="3" t="s">
        <v>98</v>
      </c>
      <c r="H2030" t="s">
        <v>116</v>
      </c>
      <c r="I2030" t="s">
        <v>15</v>
      </c>
      <c r="J2030" s="10">
        <v>80.739999999999995</v>
      </c>
    </row>
    <row r="2031" spans="1:10" x14ac:dyDescent="0.35">
      <c r="A2031" t="s">
        <v>33</v>
      </c>
      <c r="B2031" t="s">
        <v>34</v>
      </c>
      <c r="C2031" t="s">
        <v>114</v>
      </c>
      <c r="D2031" t="s">
        <v>115</v>
      </c>
      <c r="E2031" s="6" t="s">
        <v>128</v>
      </c>
      <c r="F2031" s="3">
        <v>2016</v>
      </c>
      <c r="G2031" s="3" t="s">
        <v>98</v>
      </c>
      <c r="H2031" t="s">
        <v>116</v>
      </c>
      <c r="I2031" t="s">
        <v>15</v>
      </c>
      <c r="J2031" s="10">
        <v>81.14</v>
      </c>
    </row>
    <row r="2032" spans="1:10" x14ac:dyDescent="0.35">
      <c r="A2032" t="s">
        <v>10</v>
      </c>
      <c r="B2032" t="s">
        <v>16</v>
      </c>
      <c r="C2032" t="s">
        <v>114</v>
      </c>
      <c r="D2032" t="s">
        <v>115</v>
      </c>
      <c r="E2032" s="6" t="s">
        <v>128</v>
      </c>
      <c r="F2032" s="3">
        <v>2016</v>
      </c>
      <c r="G2032" s="3" t="s">
        <v>98</v>
      </c>
      <c r="H2032" t="s">
        <v>116</v>
      </c>
      <c r="I2032" t="s">
        <v>15</v>
      </c>
      <c r="J2032" s="10">
        <v>80.11</v>
      </c>
    </row>
    <row r="2033" spans="1:10" x14ac:dyDescent="0.35">
      <c r="A2033" t="s">
        <v>22</v>
      </c>
      <c r="B2033" t="s">
        <v>23</v>
      </c>
      <c r="C2033" t="s">
        <v>114</v>
      </c>
      <c r="D2033" t="s">
        <v>115</v>
      </c>
      <c r="E2033" s="6" t="s">
        <v>128</v>
      </c>
      <c r="F2033" s="3">
        <v>2016</v>
      </c>
      <c r="G2033" s="3" t="s">
        <v>98</v>
      </c>
      <c r="H2033" t="s">
        <v>116</v>
      </c>
      <c r="I2033" t="s">
        <v>15</v>
      </c>
      <c r="J2033" s="10">
        <v>80.569999999999993</v>
      </c>
    </row>
    <row r="2034" spans="1:10" x14ac:dyDescent="0.35">
      <c r="A2034" t="s">
        <v>20</v>
      </c>
      <c r="B2034" t="s">
        <v>40</v>
      </c>
      <c r="C2034" t="s">
        <v>114</v>
      </c>
      <c r="D2034" t="s">
        <v>115</v>
      </c>
      <c r="E2034" s="6" t="s">
        <v>128</v>
      </c>
      <c r="F2034" s="3">
        <v>2016</v>
      </c>
      <c r="G2034" s="3" t="s">
        <v>98</v>
      </c>
      <c r="H2034" t="s">
        <v>116</v>
      </c>
      <c r="I2034" t="s">
        <v>15</v>
      </c>
      <c r="J2034" s="10">
        <v>81.11</v>
      </c>
    </row>
    <row r="2035" spans="1:10" x14ac:dyDescent="0.35">
      <c r="A2035" t="s">
        <v>28</v>
      </c>
      <c r="B2035" t="s">
        <v>29</v>
      </c>
      <c r="C2035" t="s">
        <v>114</v>
      </c>
      <c r="D2035" t="s">
        <v>115</v>
      </c>
      <c r="E2035" s="6" t="s">
        <v>128</v>
      </c>
      <c r="F2035" s="3">
        <v>2016</v>
      </c>
      <c r="G2035" s="3" t="s">
        <v>98</v>
      </c>
      <c r="H2035" t="s">
        <v>116</v>
      </c>
      <c r="I2035" t="s">
        <v>15</v>
      </c>
      <c r="J2035" s="10">
        <v>80.3</v>
      </c>
    </row>
    <row r="2036" spans="1:10" x14ac:dyDescent="0.35">
      <c r="A2036" t="s">
        <v>10</v>
      </c>
      <c r="B2036" t="s">
        <v>25</v>
      </c>
      <c r="C2036" t="s">
        <v>114</v>
      </c>
      <c r="D2036" t="s">
        <v>115</v>
      </c>
      <c r="E2036" s="6" t="s">
        <v>128</v>
      </c>
      <c r="F2036" s="3">
        <v>2016</v>
      </c>
      <c r="G2036" s="3" t="s">
        <v>98</v>
      </c>
      <c r="H2036" t="s">
        <v>116</v>
      </c>
      <c r="I2036" t="s">
        <v>15</v>
      </c>
      <c r="J2036" s="10">
        <v>81.95</v>
      </c>
    </row>
    <row r="2037" spans="1:10" x14ac:dyDescent="0.35">
      <c r="A2037" t="s">
        <v>10</v>
      </c>
      <c r="B2037" t="s">
        <v>30</v>
      </c>
      <c r="C2037" t="s">
        <v>114</v>
      </c>
      <c r="D2037" t="s">
        <v>115</v>
      </c>
      <c r="E2037" s="6" t="s">
        <v>128</v>
      </c>
      <c r="F2037" s="3">
        <v>2016</v>
      </c>
      <c r="G2037" s="3" t="s">
        <v>98</v>
      </c>
      <c r="H2037" t="s">
        <v>116</v>
      </c>
      <c r="I2037" t="s">
        <v>15</v>
      </c>
      <c r="J2037" s="10">
        <v>81.3</v>
      </c>
    </row>
    <row r="2038" spans="1:10" x14ac:dyDescent="0.35">
      <c r="A2038" t="s">
        <v>22</v>
      </c>
      <c r="B2038" t="s">
        <v>51</v>
      </c>
      <c r="C2038" t="s">
        <v>114</v>
      </c>
      <c r="D2038" t="s">
        <v>115</v>
      </c>
      <c r="E2038" s="6" t="s">
        <v>128</v>
      </c>
      <c r="F2038" s="3">
        <v>2016</v>
      </c>
      <c r="G2038" s="3" t="s">
        <v>98</v>
      </c>
      <c r="H2038" t="s">
        <v>116</v>
      </c>
      <c r="I2038" t="s">
        <v>15</v>
      </c>
      <c r="J2038" s="10">
        <v>83.06</v>
      </c>
    </row>
    <row r="2039" spans="1:10" x14ac:dyDescent="0.35">
      <c r="A2039" t="s">
        <v>20</v>
      </c>
      <c r="B2039" t="s">
        <v>48</v>
      </c>
      <c r="C2039" t="s">
        <v>114</v>
      </c>
      <c r="D2039" t="s">
        <v>115</v>
      </c>
      <c r="E2039" s="6" t="s">
        <v>128</v>
      </c>
      <c r="F2039" s="3">
        <v>2016</v>
      </c>
      <c r="G2039" s="3" t="s">
        <v>98</v>
      </c>
      <c r="H2039" t="s">
        <v>116</v>
      </c>
      <c r="I2039" t="s">
        <v>15</v>
      </c>
      <c r="J2039" s="10">
        <v>80.94</v>
      </c>
    </row>
    <row r="2040" spans="1:10" x14ac:dyDescent="0.35">
      <c r="A2040" t="s">
        <v>28</v>
      </c>
      <c r="B2040" t="s">
        <v>49</v>
      </c>
      <c r="C2040" t="s">
        <v>114</v>
      </c>
      <c r="D2040" t="s">
        <v>115</v>
      </c>
      <c r="E2040" s="6" t="s">
        <v>128</v>
      </c>
      <c r="F2040" s="3">
        <v>2016</v>
      </c>
      <c r="G2040" s="3" t="s">
        <v>98</v>
      </c>
      <c r="H2040" t="s">
        <v>116</v>
      </c>
      <c r="I2040" t="s">
        <v>15</v>
      </c>
      <c r="J2040" s="10">
        <v>82.78</v>
      </c>
    </row>
    <row r="2041" spans="1:10" x14ac:dyDescent="0.35">
      <c r="A2041" t="s">
        <v>35</v>
      </c>
      <c r="B2041" t="s">
        <v>50</v>
      </c>
      <c r="C2041" t="s">
        <v>114</v>
      </c>
      <c r="D2041" t="s">
        <v>115</v>
      </c>
      <c r="E2041" s="6" t="s">
        <v>128</v>
      </c>
      <c r="F2041" s="3">
        <v>2016</v>
      </c>
      <c r="G2041" s="3" t="s">
        <v>98</v>
      </c>
      <c r="H2041" t="s">
        <v>116</v>
      </c>
      <c r="I2041" t="s">
        <v>15</v>
      </c>
      <c r="J2041" s="10">
        <v>84.55</v>
      </c>
    </row>
    <row r="2042" spans="1:10" x14ac:dyDescent="0.35">
      <c r="A2042" t="s">
        <v>10</v>
      </c>
      <c r="B2042" t="s">
        <v>45</v>
      </c>
      <c r="C2042" t="s">
        <v>114</v>
      </c>
      <c r="D2042" t="s">
        <v>115</v>
      </c>
      <c r="E2042" s="6" t="s">
        <v>128</v>
      </c>
      <c r="F2042" s="3">
        <v>2016</v>
      </c>
      <c r="G2042" s="3" t="s">
        <v>98</v>
      </c>
      <c r="H2042" t="s">
        <v>116</v>
      </c>
      <c r="I2042" t="s">
        <v>15</v>
      </c>
      <c r="J2042" s="10">
        <v>80.239999999999995</v>
      </c>
    </row>
    <row r="2043" spans="1:10" x14ac:dyDescent="0.35">
      <c r="A2043" t="s">
        <v>33</v>
      </c>
      <c r="B2043" t="s">
        <v>39</v>
      </c>
      <c r="C2043" t="s">
        <v>114</v>
      </c>
      <c r="D2043" t="s">
        <v>115</v>
      </c>
      <c r="E2043" s="6" t="s">
        <v>128</v>
      </c>
      <c r="F2043" s="3">
        <v>2016</v>
      </c>
      <c r="G2043" s="3" t="s">
        <v>98</v>
      </c>
      <c r="H2043" t="s">
        <v>116</v>
      </c>
      <c r="I2043" t="s">
        <v>15</v>
      </c>
      <c r="J2043" s="10">
        <v>80.260000000000005</v>
      </c>
    </row>
    <row r="2044" spans="1:10" x14ac:dyDescent="0.35">
      <c r="A2044" t="s">
        <v>35</v>
      </c>
      <c r="B2044" t="s">
        <v>42</v>
      </c>
      <c r="C2044" t="s">
        <v>114</v>
      </c>
      <c r="D2044" t="s">
        <v>115</v>
      </c>
      <c r="E2044" s="6" t="s">
        <v>128</v>
      </c>
      <c r="F2044" s="3">
        <v>2016</v>
      </c>
      <c r="G2044" s="3" t="s">
        <v>98</v>
      </c>
      <c r="H2044" t="s">
        <v>116</v>
      </c>
      <c r="I2044" t="s">
        <v>15</v>
      </c>
      <c r="J2044" s="10">
        <v>79.52</v>
      </c>
    </row>
    <row r="2045" spans="1:10" x14ac:dyDescent="0.35">
      <c r="A2045" t="s">
        <v>35</v>
      </c>
      <c r="B2045" t="s">
        <v>43</v>
      </c>
      <c r="C2045" t="s">
        <v>114</v>
      </c>
      <c r="D2045" t="s">
        <v>115</v>
      </c>
      <c r="E2045" s="6" t="s">
        <v>128</v>
      </c>
      <c r="F2045" s="3">
        <v>2016</v>
      </c>
      <c r="G2045" s="3" t="s">
        <v>98</v>
      </c>
      <c r="H2045" t="s">
        <v>116</v>
      </c>
      <c r="I2045" t="s">
        <v>15</v>
      </c>
      <c r="J2045" s="10">
        <v>80.430000000000007</v>
      </c>
    </row>
    <row r="2046" spans="1:10" x14ac:dyDescent="0.35">
      <c r="A2046" t="s">
        <v>20</v>
      </c>
      <c r="B2046" t="s">
        <v>94</v>
      </c>
      <c r="C2046" t="s">
        <v>114</v>
      </c>
      <c r="D2046" t="s">
        <v>115</v>
      </c>
      <c r="E2046" s="6" t="s">
        <v>129</v>
      </c>
      <c r="F2046" s="3">
        <v>2017</v>
      </c>
      <c r="G2046" s="3" t="s">
        <v>97</v>
      </c>
      <c r="H2046" t="s">
        <v>116</v>
      </c>
      <c r="I2046" t="s">
        <v>15</v>
      </c>
      <c r="J2046" s="10">
        <v>75.27</v>
      </c>
    </row>
    <row r="2047" spans="1:10" x14ac:dyDescent="0.35">
      <c r="A2047" t="s">
        <v>26</v>
      </c>
      <c r="B2047" t="s">
        <v>90</v>
      </c>
      <c r="C2047" t="s">
        <v>114</v>
      </c>
      <c r="D2047" t="s">
        <v>115</v>
      </c>
      <c r="E2047" s="6" t="s">
        <v>129</v>
      </c>
      <c r="F2047" s="3">
        <v>2017</v>
      </c>
      <c r="G2047" s="3" t="s">
        <v>97</v>
      </c>
      <c r="H2047" t="s">
        <v>116</v>
      </c>
      <c r="I2047" t="s">
        <v>15</v>
      </c>
      <c r="J2047" s="10">
        <v>78.290000000000006</v>
      </c>
    </row>
    <row r="2048" spans="1:10" x14ac:dyDescent="0.35">
      <c r="A2048" t="s">
        <v>62</v>
      </c>
      <c r="B2048" t="s">
        <v>70</v>
      </c>
      <c r="C2048" t="s">
        <v>114</v>
      </c>
      <c r="D2048" t="s">
        <v>115</v>
      </c>
      <c r="E2048" s="6" t="s">
        <v>129</v>
      </c>
      <c r="F2048" s="3">
        <v>2017</v>
      </c>
      <c r="G2048" s="3" t="s">
        <v>97</v>
      </c>
      <c r="H2048" t="s">
        <v>116</v>
      </c>
      <c r="I2048" t="s">
        <v>15</v>
      </c>
      <c r="J2048" s="10">
        <v>73.7</v>
      </c>
    </row>
    <row r="2049" spans="1:10" x14ac:dyDescent="0.35">
      <c r="A2049" t="s">
        <v>28</v>
      </c>
      <c r="B2049" t="s">
        <v>79</v>
      </c>
      <c r="C2049" t="s">
        <v>114</v>
      </c>
      <c r="D2049" t="s">
        <v>115</v>
      </c>
      <c r="E2049" s="6" t="s">
        <v>129</v>
      </c>
      <c r="F2049" s="3">
        <v>2017</v>
      </c>
      <c r="G2049" s="3" t="s">
        <v>97</v>
      </c>
      <c r="H2049" t="s">
        <v>116</v>
      </c>
      <c r="I2049" t="s">
        <v>15</v>
      </c>
      <c r="J2049" s="10">
        <v>78.78</v>
      </c>
    </row>
    <row r="2050" spans="1:10" x14ac:dyDescent="0.35">
      <c r="A2050" t="s">
        <v>33</v>
      </c>
      <c r="B2050" t="s">
        <v>82</v>
      </c>
      <c r="C2050" t="s">
        <v>114</v>
      </c>
      <c r="D2050" t="s">
        <v>115</v>
      </c>
      <c r="E2050" s="6" t="s">
        <v>129</v>
      </c>
      <c r="F2050" s="3">
        <v>2017</v>
      </c>
      <c r="G2050" s="3" t="s">
        <v>97</v>
      </c>
      <c r="H2050" t="s">
        <v>116</v>
      </c>
      <c r="I2050" t="s">
        <v>15</v>
      </c>
      <c r="J2050" s="10">
        <v>79.59</v>
      </c>
    </row>
    <row r="2051" spans="1:10" x14ac:dyDescent="0.35">
      <c r="A2051" t="s">
        <v>33</v>
      </c>
      <c r="B2051" t="s">
        <v>85</v>
      </c>
      <c r="C2051" t="s">
        <v>114</v>
      </c>
      <c r="D2051" t="s">
        <v>115</v>
      </c>
      <c r="E2051" s="6" t="s">
        <v>129</v>
      </c>
      <c r="F2051" s="3">
        <v>2017</v>
      </c>
      <c r="G2051" s="3" t="s">
        <v>97</v>
      </c>
      <c r="H2051" t="s">
        <v>116</v>
      </c>
      <c r="I2051" t="s">
        <v>15</v>
      </c>
      <c r="J2051" s="10">
        <v>78.37</v>
      </c>
    </row>
    <row r="2052" spans="1:10" x14ac:dyDescent="0.35">
      <c r="A2052" t="s">
        <v>33</v>
      </c>
      <c r="B2052" t="s">
        <v>92</v>
      </c>
      <c r="C2052" t="s">
        <v>114</v>
      </c>
      <c r="D2052" t="s">
        <v>115</v>
      </c>
      <c r="E2052" s="6" t="s">
        <v>129</v>
      </c>
      <c r="F2052" s="3">
        <v>2017</v>
      </c>
      <c r="G2052" s="3" t="s">
        <v>97</v>
      </c>
      <c r="H2052" t="s">
        <v>116</v>
      </c>
      <c r="I2052" t="s">
        <v>15</v>
      </c>
      <c r="J2052" s="10">
        <v>78.400000000000006</v>
      </c>
    </row>
    <row r="2053" spans="1:10" x14ac:dyDescent="0.35">
      <c r="A2053" t="s">
        <v>35</v>
      </c>
      <c r="B2053" t="s">
        <v>88</v>
      </c>
      <c r="C2053" t="s">
        <v>114</v>
      </c>
      <c r="D2053" t="s">
        <v>115</v>
      </c>
      <c r="E2053" s="6" t="s">
        <v>129</v>
      </c>
      <c r="F2053" s="3">
        <v>2017</v>
      </c>
      <c r="G2053" s="3" t="s">
        <v>97</v>
      </c>
      <c r="H2053" t="s">
        <v>116</v>
      </c>
      <c r="I2053" t="s">
        <v>15</v>
      </c>
      <c r="J2053" s="10">
        <v>76.319999999999993</v>
      </c>
    </row>
    <row r="2054" spans="1:10" x14ac:dyDescent="0.35">
      <c r="A2054" t="s">
        <v>62</v>
      </c>
      <c r="B2054" t="s">
        <v>64</v>
      </c>
      <c r="C2054" t="s">
        <v>114</v>
      </c>
      <c r="D2054" t="s">
        <v>115</v>
      </c>
      <c r="E2054" s="6" t="s">
        <v>129</v>
      </c>
      <c r="F2054" s="3">
        <v>2017</v>
      </c>
      <c r="G2054" s="3" t="s">
        <v>97</v>
      </c>
      <c r="H2054" t="s">
        <v>116</v>
      </c>
      <c r="I2054" t="s">
        <v>15</v>
      </c>
      <c r="J2054" s="10">
        <v>75.64</v>
      </c>
    </row>
    <row r="2055" spans="1:10" x14ac:dyDescent="0.35">
      <c r="A2055" t="s">
        <v>20</v>
      </c>
      <c r="B2055" t="s">
        <v>59</v>
      </c>
      <c r="C2055" t="s">
        <v>114</v>
      </c>
      <c r="D2055" t="s">
        <v>115</v>
      </c>
      <c r="E2055" s="6" t="s">
        <v>129</v>
      </c>
      <c r="F2055" s="3">
        <v>2017</v>
      </c>
      <c r="G2055" s="3" t="s">
        <v>97</v>
      </c>
      <c r="H2055" t="s">
        <v>116</v>
      </c>
      <c r="I2055" t="s">
        <v>15</v>
      </c>
      <c r="J2055" s="10">
        <v>78.069999999999993</v>
      </c>
    </row>
    <row r="2056" spans="1:10" x14ac:dyDescent="0.35">
      <c r="A2056" t="s">
        <v>22</v>
      </c>
      <c r="B2056" t="s">
        <v>56</v>
      </c>
      <c r="C2056" t="s">
        <v>114</v>
      </c>
      <c r="D2056" t="s">
        <v>115</v>
      </c>
      <c r="E2056" s="6" t="s">
        <v>129</v>
      </c>
      <c r="F2056" s="3">
        <v>2017</v>
      </c>
      <c r="G2056" s="3" t="s">
        <v>97</v>
      </c>
      <c r="H2056" t="s">
        <v>116</v>
      </c>
      <c r="I2056" t="s">
        <v>15</v>
      </c>
      <c r="J2056" s="10">
        <v>79.56</v>
      </c>
    </row>
    <row r="2057" spans="1:10" x14ac:dyDescent="0.35">
      <c r="A2057" t="s">
        <v>35</v>
      </c>
      <c r="B2057" t="s">
        <v>84</v>
      </c>
      <c r="C2057" t="s">
        <v>114</v>
      </c>
      <c r="D2057" t="s">
        <v>115</v>
      </c>
      <c r="E2057" s="6" t="s">
        <v>129</v>
      </c>
      <c r="F2057" s="3">
        <v>2017</v>
      </c>
      <c r="G2057" s="3" t="s">
        <v>97</v>
      </c>
      <c r="H2057" t="s">
        <v>116</v>
      </c>
      <c r="I2057" t="s">
        <v>15</v>
      </c>
      <c r="J2057" s="10">
        <v>75.489999999999995</v>
      </c>
    </row>
    <row r="2058" spans="1:10" x14ac:dyDescent="0.35">
      <c r="A2058" t="s">
        <v>20</v>
      </c>
      <c r="B2058" t="s">
        <v>60</v>
      </c>
      <c r="C2058" t="s">
        <v>114</v>
      </c>
      <c r="D2058" t="s">
        <v>115</v>
      </c>
      <c r="E2058" s="6" t="s">
        <v>129</v>
      </c>
      <c r="F2058" s="3">
        <v>2017</v>
      </c>
      <c r="G2058" s="3" t="s">
        <v>97</v>
      </c>
      <c r="H2058" t="s">
        <v>116</v>
      </c>
      <c r="I2058" t="s">
        <v>15</v>
      </c>
      <c r="J2058" s="10">
        <v>76.37</v>
      </c>
    </row>
    <row r="2059" spans="1:10" x14ac:dyDescent="0.35">
      <c r="A2059" t="s">
        <v>35</v>
      </c>
      <c r="B2059" t="s">
        <v>93</v>
      </c>
      <c r="C2059" t="s">
        <v>114</v>
      </c>
      <c r="D2059" t="s">
        <v>115</v>
      </c>
      <c r="E2059" s="6" t="s">
        <v>129</v>
      </c>
      <c r="F2059" s="3">
        <v>2017</v>
      </c>
      <c r="G2059" s="3" t="s">
        <v>97</v>
      </c>
      <c r="H2059" t="s">
        <v>116</v>
      </c>
      <c r="I2059" t="s">
        <v>15</v>
      </c>
      <c r="J2059" s="10">
        <v>79.59</v>
      </c>
    </row>
    <row r="2060" spans="1:10" x14ac:dyDescent="0.35">
      <c r="A2060" t="s">
        <v>28</v>
      </c>
      <c r="B2060" t="s">
        <v>58</v>
      </c>
      <c r="C2060" t="s">
        <v>114</v>
      </c>
      <c r="D2060" t="s">
        <v>115</v>
      </c>
      <c r="E2060" s="6" t="s">
        <v>129</v>
      </c>
      <c r="F2060" s="3">
        <v>2017</v>
      </c>
      <c r="G2060" s="3" t="s">
        <v>97</v>
      </c>
      <c r="H2060" t="s">
        <v>116</v>
      </c>
      <c r="I2060" t="s">
        <v>15</v>
      </c>
      <c r="J2060" s="10">
        <v>78.81</v>
      </c>
    </row>
    <row r="2061" spans="1:10" x14ac:dyDescent="0.35">
      <c r="A2061" t="s">
        <v>26</v>
      </c>
      <c r="B2061" t="s">
        <v>83</v>
      </c>
      <c r="C2061" t="s">
        <v>114</v>
      </c>
      <c r="D2061" t="s">
        <v>115</v>
      </c>
      <c r="E2061" s="6" t="s">
        <v>129</v>
      </c>
      <c r="F2061" s="3">
        <v>2017</v>
      </c>
      <c r="G2061" s="3" t="s">
        <v>97</v>
      </c>
      <c r="H2061" t="s">
        <v>116</v>
      </c>
      <c r="I2061" t="s">
        <v>15</v>
      </c>
      <c r="J2061" s="10">
        <v>79.52</v>
      </c>
    </row>
    <row r="2062" spans="1:10" x14ac:dyDescent="0.35">
      <c r="A2062" t="s">
        <v>62</v>
      </c>
      <c r="B2062" t="s">
        <v>63</v>
      </c>
      <c r="C2062" t="s">
        <v>114</v>
      </c>
      <c r="D2062" t="s">
        <v>115</v>
      </c>
      <c r="E2062" s="6" t="s">
        <v>129</v>
      </c>
      <c r="F2062" s="3">
        <v>2017</v>
      </c>
      <c r="G2062" s="3" t="s">
        <v>97</v>
      </c>
      <c r="H2062" t="s">
        <v>116</v>
      </c>
      <c r="I2062" t="s">
        <v>15</v>
      </c>
      <c r="J2062" s="10">
        <v>73.89</v>
      </c>
    </row>
    <row r="2063" spans="1:10" x14ac:dyDescent="0.35">
      <c r="A2063" t="s">
        <v>28</v>
      </c>
      <c r="B2063" t="s">
        <v>61</v>
      </c>
      <c r="C2063" t="s">
        <v>114</v>
      </c>
      <c r="D2063" t="s">
        <v>115</v>
      </c>
      <c r="E2063" s="6" t="s">
        <v>129</v>
      </c>
      <c r="F2063" s="3">
        <v>2017</v>
      </c>
      <c r="G2063" s="3" t="s">
        <v>97</v>
      </c>
      <c r="H2063" t="s">
        <v>116</v>
      </c>
      <c r="I2063" t="s">
        <v>15</v>
      </c>
      <c r="J2063" s="10">
        <v>77.61</v>
      </c>
    </row>
    <row r="2064" spans="1:10" x14ac:dyDescent="0.35">
      <c r="A2064" t="s">
        <v>62</v>
      </c>
      <c r="B2064" t="s">
        <v>65</v>
      </c>
      <c r="C2064" t="s">
        <v>114</v>
      </c>
      <c r="D2064" t="s">
        <v>115</v>
      </c>
      <c r="E2064" s="6" t="s">
        <v>129</v>
      </c>
      <c r="F2064" s="3">
        <v>2017</v>
      </c>
      <c r="G2064" s="3" t="s">
        <v>97</v>
      </c>
      <c r="H2064" t="s">
        <v>116</v>
      </c>
      <c r="I2064" t="s">
        <v>15</v>
      </c>
      <c r="J2064" s="10">
        <v>74.34</v>
      </c>
    </row>
    <row r="2065" spans="1:10" x14ac:dyDescent="0.35">
      <c r="A2065" t="s">
        <v>26</v>
      </c>
      <c r="B2065" t="s">
        <v>80</v>
      </c>
      <c r="C2065" t="s">
        <v>114</v>
      </c>
      <c r="D2065" t="s">
        <v>115</v>
      </c>
      <c r="E2065" s="6" t="s">
        <v>129</v>
      </c>
      <c r="F2065" s="3">
        <v>2017</v>
      </c>
      <c r="G2065" s="3" t="s">
        <v>97</v>
      </c>
      <c r="H2065" t="s">
        <v>116</v>
      </c>
      <c r="I2065" t="s">
        <v>15</v>
      </c>
      <c r="J2065" s="10">
        <v>78.8</v>
      </c>
    </row>
    <row r="2066" spans="1:10" x14ac:dyDescent="0.35">
      <c r="A2066" t="s">
        <v>62</v>
      </c>
      <c r="B2066" t="s">
        <v>89</v>
      </c>
      <c r="C2066" t="s">
        <v>114</v>
      </c>
      <c r="D2066" t="s">
        <v>115</v>
      </c>
      <c r="E2066" s="6" t="s">
        <v>129</v>
      </c>
      <c r="F2066" s="3">
        <v>2017</v>
      </c>
      <c r="G2066" s="3" t="s">
        <v>97</v>
      </c>
      <c r="H2066" t="s">
        <v>116</v>
      </c>
      <c r="I2066" t="s">
        <v>15</v>
      </c>
      <c r="J2066" s="10">
        <v>75.349999999999994</v>
      </c>
    </row>
    <row r="2067" spans="1:10" x14ac:dyDescent="0.35">
      <c r="A2067" t="s">
        <v>35</v>
      </c>
      <c r="B2067" t="s">
        <v>71</v>
      </c>
      <c r="C2067" t="s">
        <v>114</v>
      </c>
      <c r="D2067" t="s">
        <v>115</v>
      </c>
      <c r="E2067" s="6" t="s">
        <v>129</v>
      </c>
      <c r="F2067" s="3">
        <v>2017</v>
      </c>
      <c r="G2067" s="3" t="s">
        <v>97</v>
      </c>
      <c r="H2067" t="s">
        <v>116</v>
      </c>
      <c r="I2067" t="s">
        <v>15</v>
      </c>
      <c r="J2067" s="10">
        <v>74.81</v>
      </c>
    </row>
    <row r="2068" spans="1:10" x14ac:dyDescent="0.35">
      <c r="A2068" t="s">
        <v>20</v>
      </c>
      <c r="B2068" t="s">
        <v>48</v>
      </c>
      <c r="C2068" t="s">
        <v>114</v>
      </c>
      <c r="D2068" t="s">
        <v>115</v>
      </c>
      <c r="E2068" s="6" t="s">
        <v>129</v>
      </c>
      <c r="F2068" s="3">
        <v>2017</v>
      </c>
      <c r="G2068" s="3" t="s">
        <v>97</v>
      </c>
      <c r="H2068" t="s">
        <v>116</v>
      </c>
      <c r="I2068" t="s">
        <v>15</v>
      </c>
      <c r="J2068" s="10">
        <v>77.290000000000006</v>
      </c>
    </row>
    <row r="2069" spans="1:10" x14ac:dyDescent="0.35">
      <c r="A2069" t="s">
        <v>10</v>
      </c>
      <c r="B2069" t="s">
        <v>18</v>
      </c>
      <c r="C2069" t="s">
        <v>114</v>
      </c>
      <c r="D2069" t="s">
        <v>115</v>
      </c>
      <c r="E2069" s="6" t="s">
        <v>129</v>
      </c>
      <c r="F2069" s="3">
        <v>2017</v>
      </c>
      <c r="G2069" s="3" t="s">
        <v>97</v>
      </c>
      <c r="H2069" t="s">
        <v>116</v>
      </c>
      <c r="I2069" t="s">
        <v>15</v>
      </c>
      <c r="J2069" s="10">
        <v>79.84</v>
      </c>
    </row>
    <row r="2070" spans="1:10" x14ac:dyDescent="0.35">
      <c r="A2070" t="s">
        <v>22</v>
      </c>
      <c r="B2070" t="s">
        <v>54</v>
      </c>
      <c r="C2070" t="s">
        <v>114</v>
      </c>
      <c r="D2070" t="s">
        <v>115</v>
      </c>
      <c r="E2070" s="6" t="s">
        <v>129</v>
      </c>
      <c r="F2070" s="3">
        <v>2017</v>
      </c>
      <c r="G2070" s="3" t="s">
        <v>97</v>
      </c>
      <c r="H2070" t="s">
        <v>116</v>
      </c>
      <c r="I2070" t="s">
        <v>15</v>
      </c>
      <c r="J2070" s="10">
        <v>78.98</v>
      </c>
    </row>
    <row r="2071" spans="1:10" x14ac:dyDescent="0.35">
      <c r="A2071" t="s">
        <v>22</v>
      </c>
      <c r="B2071" t="s">
        <v>52</v>
      </c>
      <c r="C2071" t="s">
        <v>114</v>
      </c>
      <c r="D2071" t="s">
        <v>115</v>
      </c>
      <c r="E2071" s="6" t="s">
        <v>129</v>
      </c>
      <c r="F2071" s="3">
        <v>2017</v>
      </c>
      <c r="G2071" s="3" t="s">
        <v>97</v>
      </c>
      <c r="H2071" t="s">
        <v>116</v>
      </c>
      <c r="I2071" t="s">
        <v>15</v>
      </c>
      <c r="J2071" s="10">
        <v>75.05</v>
      </c>
    </row>
    <row r="2072" spans="1:10" x14ac:dyDescent="0.35">
      <c r="A2072" t="s">
        <v>22</v>
      </c>
      <c r="B2072" t="s">
        <v>23</v>
      </c>
      <c r="C2072" t="s">
        <v>114</v>
      </c>
      <c r="D2072" t="s">
        <v>115</v>
      </c>
      <c r="E2072" s="6" t="s">
        <v>129</v>
      </c>
      <c r="F2072" s="3">
        <v>2017</v>
      </c>
      <c r="G2072" s="3" t="s">
        <v>97</v>
      </c>
      <c r="H2072" t="s">
        <v>116</v>
      </c>
      <c r="I2072" t="s">
        <v>15</v>
      </c>
      <c r="J2072" s="10">
        <v>77.790000000000006</v>
      </c>
    </row>
    <row r="2073" spans="1:10" x14ac:dyDescent="0.35">
      <c r="A2073" t="s">
        <v>35</v>
      </c>
      <c r="B2073" t="s">
        <v>50</v>
      </c>
      <c r="C2073" t="s">
        <v>114</v>
      </c>
      <c r="D2073" t="s">
        <v>115</v>
      </c>
      <c r="E2073" s="6" t="s">
        <v>129</v>
      </c>
      <c r="F2073" s="3">
        <v>2017</v>
      </c>
      <c r="G2073" s="3" t="s">
        <v>97</v>
      </c>
      <c r="H2073" t="s">
        <v>116</v>
      </c>
      <c r="I2073" t="s">
        <v>15</v>
      </c>
      <c r="J2073" s="10">
        <v>81.99</v>
      </c>
    </row>
    <row r="2074" spans="1:10" x14ac:dyDescent="0.35">
      <c r="A2074" t="s">
        <v>26</v>
      </c>
      <c r="B2074" t="s">
        <v>27</v>
      </c>
      <c r="C2074" t="s">
        <v>114</v>
      </c>
      <c r="D2074" t="s">
        <v>115</v>
      </c>
      <c r="E2074" s="6" t="s">
        <v>129</v>
      </c>
      <c r="F2074" s="3">
        <v>2017</v>
      </c>
      <c r="G2074" s="3" t="s">
        <v>97</v>
      </c>
      <c r="H2074" t="s">
        <v>116</v>
      </c>
      <c r="I2074" t="s">
        <v>15</v>
      </c>
      <c r="J2074" s="10">
        <v>76.56</v>
      </c>
    </row>
    <row r="2075" spans="1:10" x14ac:dyDescent="0.35">
      <c r="A2075" t="s">
        <v>22</v>
      </c>
      <c r="B2075" t="s">
        <v>55</v>
      </c>
      <c r="C2075" t="s">
        <v>114</v>
      </c>
      <c r="D2075" t="s">
        <v>115</v>
      </c>
      <c r="E2075" s="6" t="s">
        <v>129</v>
      </c>
      <c r="F2075" s="3">
        <v>2017</v>
      </c>
      <c r="G2075" s="3" t="s">
        <v>97</v>
      </c>
      <c r="H2075" t="s">
        <v>116</v>
      </c>
      <c r="I2075" t="s">
        <v>15</v>
      </c>
      <c r="J2075" s="10">
        <v>80.13</v>
      </c>
    </row>
    <row r="2076" spans="1:10" x14ac:dyDescent="0.35">
      <c r="A2076" t="s">
        <v>22</v>
      </c>
      <c r="B2076" t="s">
        <v>53</v>
      </c>
      <c r="C2076" t="s">
        <v>114</v>
      </c>
      <c r="D2076" t="s">
        <v>115</v>
      </c>
      <c r="E2076" s="6" t="s">
        <v>129</v>
      </c>
      <c r="F2076" s="3">
        <v>2017</v>
      </c>
      <c r="G2076" s="3" t="s">
        <v>97</v>
      </c>
      <c r="H2076" t="s">
        <v>116</v>
      </c>
      <c r="I2076" t="s">
        <v>15</v>
      </c>
      <c r="J2076" s="10">
        <v>76.16</v>
      </c>
    </row>
    <row r="2077" spans="1:10" x14ac:dyDescent="0.35">
      <c r="A2077" t="s">
        <v>35</v>
      </c>
      <c r="B2077" t="s">
        <v>41</v>
      </c>
      <c r="C2077" t="s">
        <v>114</v>
      </c>
      <c r="D2077" t="s">
        <v>115</v>
      </c>
      <c r="E2077" s="6" t="s">
        <v>129</v>
      </c>
      <c r="F2077" s="3">
        <v>2017</v>
      </c>
      <c r="G2077" s="3" t="s">
        <v>97</v>
      </c>
      <c r="H2077" t="s">
        <v>116</v>
      </c>
      <c r="I2077" t="s">
        <v>15</v>
      </c>
      <c r="J2077" s="10">
        <v>76.81</v>
      </c>
    </row>
    <row r="2078" spans="1:10" x14ac:dyDescent="0.35">
      <c r="A2078" t="s">
        <v>28</v>
      </c>
      <c r="B2078" t="s">
        <v>49</v>
      </c>
      <c r="C2078" t="s">
        <v>114</v>
      </c>
      <c r="D2078" t="s">
        <v>115</v>
      </c>
      <c r="E2078" s="6" t="s">
        <v>129</v>
      </c>
      <c r="F2078" s="3">
        <v>2017</v>
      </c>
      <c r="G2078" s="3" t="s">
        <v>97</v>
      </c>
      <c r="H2078" t="s">
        <v>116</v>
      </c>
      <c r="I2078" t="s">
        <v>15</v>
      </c>
      <c r="J2078" s="10">
        <v>78.459999999999994</v>
      </c>
    </row>
    <row r="2079" spans="1:10" x14ac:dyDescent="0.35">
      <c r="A2079" t="s">
        <v>10</v>
      </c>
      <c r="B2079" t="s">
        <v>17</v>
      </c>
      <c r="C2079" t="s">
        <v>114</v>
      </c>
      <c r="D2079" t="s">
        <v>115</v>
      </c>
      <c r="E2079" s="6" t="s">
        <v>129</v>
      </c>
      <c r="F2079" s="3">
        <v>2017</v>
      </c>
      <c r="G2079" s="3" t="s">
        <v>97</v>
      </c>
      <c r="H2079" t="s">
        <v>116</v>
      </c>
      <c r="I2079" t="s">
        <v>15</v>
      </c>
      <c r="J2079" s="10">
        <v>78.64</v>
      </c>
    </row>
    <row r="2080" spans="1:10" x14ac:dyDescent="0.35">
      <c r="A2080" t="s">
        <v>10</v>
      </c>
      <c r="B2080" t="s">
        <v>25</v>
      </c>
      <c r="C2080" t="s">
        <v>114</v>
      </c>
      <c r="D2080" t="s">
        <v>115</v>
      </c>
      <c r="E2080" s="6" t="s">
        <v>129</v>
      </c>
      <c r="F2080" s="3">
        <v>2017</v>
      </c>
      <c r="G2080" s="3" t="s">
        <v>97</v>
      </c>
      <c r="H2080" t="s">
        <v>116</v>
      </c>
      <c r="I2080" t="s">
        <v>15</v>
      </c>
      <c r="J2080" s="10">
        <v>78.680000000000007</v>
      </c>
    </row>
    <row r="2081" spans="1:10" x14ac:dyDescent="0.35">
      <c r="A2081" t="s">
        <v>10</v>
      </c>
      <c r="B2081" t="s">
        <v>16</v>
      </c>
      <c r="C2081" t="s">
        <v>114</v>
      </c>
      <c r="D2081" t="s">
        <v>115</v>
      </c>
      <c r="E2081" s="6" t="s">
        <v>129</v>
      </c>
      <c r="F2081" s="3">
        <v>2017</v>
      </c>
      <c r="G2081" s="3" t="s">
        <v>97</v>
      </c>
      <c r="H2081" t="s">
        <v>116</v>
      </c>
      <c r="I2081" t="s">
        <v>15</v>
      </c>
      <c r="J2081" s="10">
        <v>76.989999999999995</v>
      </c>
    </row>
    <row r="2082" spans="1:10" x14ac:dyDescent="0.35">
      <c r="A2082" t="s">
        <v>10</v>
      </c>
      <c r="B2082" t="s">
        <v>24</v>
      </c>
      <c r="C2082" t="s">
        <v>114</v>
      </c>
      <c r="D2082" t="s">
        <v>115</v>
      </c>
      <c r="E2082" s="6" t="s">
        <v>129</v>
      </c>
      <c r="F2082" s="3">
        <v>2017</v>
      </c>
      <c r="G2082" s="3" t="s">
        <v>97</v>
      </c>
      <c r="H2082" t="s">
        <v>116</v>
      </c>
      <c r="I2082" t="s">
        <v>15</v>
      </c>
      <c r="J2082" s="10">
        <v>78.05</v>
      </c>
    </row>
    <row r="2083" spans="1:10" x14ac:dyDescent="0.35">
      <c r="A2083" t="s">
        <v>10</v>
      </c>
      <c r="B2083" t="s">
        <v>11</v>
      </c>
      <c r="C2083" t="s">
        <v>114</v>
      </c>
      <c r="D2083" t="s">
        <v>115</v>
      </c>
      <c r="E2083" s="6" t="s">
        <v>129</v>
      </c>
      <c r="F2083" s="3">
        <v>2017</v>
      </c>
      <c r="G2083" s="3" t="s">
        <v>97</v>
      </c>
      <c r="H2083" t="s">
        <v>116</v>
      </c>
      <c r="I2083" t="s">
        <v>15</v>
      </c>
      <c r="J2083" s="10">
        <v>75.430000000000007</v>
      </c>
    </row>
    <row r="2084" spans="1:10" x14ac:dyDescent="0.35">
      <c r="A2084" t="s">
        <v>26</v>
      </c>
      <c r="B2084" t="s">
        <v>31</v>
      </c>
      <c r="C2084" t="s">
        <v>114</v>
      </c>
      <c r="D2084" t="s">
        <v>115</v>
      </c>
      <c r="E2084" s="6" t="s">
        <v>129</v>
      </c>
      <c r="F2084" s="3">
        <v>2017</v>
      </c>
      <c r="G2084" s="3" t="s">
        <v>97</v>
      </c>
      <c r="H2084" t="s">
        <v>116</v>
      </c>
      <c r="I2084" t="s">
        <v>15</v>
      </c>
      <c r="J2084" s="10">
        <v>77.64</v>
      </c>
    </row>
    <row r="2085" spans="1:10" x14ac:dyDescent="0.35">
      <c r="A2085" t="s">
        <v>22</v>
      </c>
      <c r="B2085" t="s">
        <v>51</v>
      </c>
      <c r="C2085" t="s">
        <v>114</v>
      </c>
      <c r="D2085" t="s">
        <v>115</v>
      </c>
      <c r="E2085" s="6" t="s">
        <v>129</v>
      </c>
      <c r="F2085" s="3">
        <v>2017</v>
      </c>
      <c r="G2085" s="3" t="s">
        <v>97</v>
      </c>
      <c r="H2085" t="s">
        <v>116</v>
      </c>
      <c r="I2085" t="s">
        <v>15</v>
      </c>
      <c r="J2085" s="10">
        <v>78.459999999999994</v>
      </c>
    </row>
    <row r="2086" spans="1:10" x14ac:dyDescent="0.35">
      <c r="A2086" t="s">
        <v>22</v>
      </c>
      <c r="B2086" t="s">
        <v>78</v>
      </c>
      <c r="C2086" t="s">
        <v>114</v>
      </c>
      <c r="D2086" t="s">
        <v>115</v>
      </c>
      <c r="E2086" s="6" t="s">
        <v>129</v>
      </c>
      <c r="F2086" s="3">
        <v>2017</v>
      </c>
      <c r="G2086" s="3" t="s">
        <v>97</v>
      </c>
      <c r="H2086" t="s">
        <v>116</v>
      </c>
      <c r="I2086" t="s">
        <v>15</v>
      </c>
      <c r="J2086" s="10">
        <v>77.78</v>
      </c>
    </row>
    <row r="2087" spans="1:10" x14ac:dyDescent="0.35">
      <c r="A2087" t="s">
        <v>33</v>
      </c>
      <c r="B2087" t="s">
        <v>86</v>
      </c>
      <c r="C2087" t="s">
        <v>114</v>
      </c>
      <c r="D2087" t="s">
        <v>115</v>
      </c>
      <c r="E2087" s="6" t="s">
        <v>129</v>
      </c>
      <c r="F2087" s="3">
        <v>2017</v>
      </c>
      <c r="G2087" s="3" t="s">
        <v>97</v>
      </c>
      <c r="H2087" t="s">
        <v>116</v>
      </c>
      <c r="I2087" t="s">
        <v>15</v>
      </c>
      <c r="J2087" s="10">
        <v>80.319999999999993</v>
      </c>
    </row>
    <row r="2088" spans="1:10" x14ac:dyDescent="0.35">
      <c r="A2088" t="s">
        <v>33</v>
      </c>
      <c r="B2088" t="s">
        <v>34</v>
      </c>
      <c r="C2088" t="s">
        <v>114</v>
      </c>
      <c r="D2088" t="s">
        <v>115</v>
      </c>
      <c r="E2088" s="6" t="s">
        <v>129</v>
      </c>
      <c r="F2088" s="3">
        <v>2017</v>
      </c>
      <c r="G2088" s="3" t="s">
        <v>97</v>
      </c>
      <c r="H2088" t="s">
        <v>116</v>
      </c>
      <c r="I2088" t="s">
        <v>15</v>
      </c>
      <c r="J2088" s="10">
        <v>77.59</v>
      </c>
    </row>
    <row r="2089" spans="1:10" x14ac:dyDescent="0.35">
      <c r="A2089" t="s">
        <v>20</v>
      </c>
      <c r="B2089" t="s">
        <v>38</v>
      </c>
      <c r="C2089" t="s">
        <v>114</v>
      </c>
      <c r="D2089" t="s">
        <v>115</v>
      </c>
      <c r="E2089" s="6" t="s">
        <v>129</v>
      </c>
      <c r="F2089" s="3">
        <v>2017</v>
      </c>
      <c r="G2089" s="3" t="s">
        <v>97</v>
      </c>
      <c r="H2089" t="s">
        <v>116</v>
      </c>
      <c r="I2089" t="s">
        <v>15</v>
      </c>
      <c r="J2089" s="10">
        <v>76.06</v>
      </c>
    </row>
    <row r="2090" spans="1:10" x14ac:dyDescent="0.35">
      <c r="A2090" t="s">
        <v>33</v>
      </c>
      <c r="B2090" t="s">
        <v>75</v>
      </c>
      <c r="C2090" t="s">
        <v>114</v>
      </c>
      <c r="D2090" t="s">
        <v>115</v>
      </c>
      <c r="E2090" s="6" t="s">
        <v>129</v>
      </c>
      <c r="F2090" s="3">
        <v>2017</v>
      </c>
      <c r="G2090" s="3" t="s">
        <v>97</v>
      </c>
      <c r="H2090" t="s">
        <v>116</v>
      </c>
      <c r="I2090" t="s">
        <v>15</v>
      </c>
      <c r="J2090" s="10">
        <v>75.069999999999993</v>
      </c>
    </row>
    <row r="2091" spans="1:10" x14ac:dyDescent="0.35">
      <c r="A2091" t="s">
        <v>22</v>
      </c>
      <c r="B2091" t="s">
        <v>76</v>
      </c>
      <c r="C2091" t="s">
        <v>114</v>
      </c>
      <c r="D2091" t="s">
        <v>115</v>
      </c>
      <c r="E2091" s="6" t="s">
        <v>129</v>
      </c>
      <c r="F2091" s="3">
        <v>2017</v>
      </c>
      <c r="G2091" s="3" t="s">
        <v>97</v>
      </c>
      <c r="H2091" t="s">
        <v>116</v>
      </c>
      <c r="I2091" t="s">
        <v>15</v>
      </c>
      <c r="J2091" s="10">
        <v>78.260000000000005</v>
      </c>
    </row>
    <row r="2092" spans="1:10" x14ac:dyDescent="0.35">
      <c r="A2092" t="s">
        <v>26</v>
      </c>
      <c r="B2092" t="s">
        <v>57</v>
      </c>
      <c r="C2092" t="s">
        <v>114</v>
      </c>
      <c r="D2092" t="s">
        <v>115</v>
      </c>
      <c r="E2092" s="6" t="s">
        <v>129</v>
      </c>
      <c r="F2092" s="3">
        <v>2017</v>
      </c>
      <c r="G2092" s="3" t="s">
        <v>97</v>
      </c>
      <c r="H2092" t="s">
        <v>116</v>
      </c>
      <c r="I2092" t="s">
        <v>15</v>
      </c>
      <c r="J2092" s="10">
        <v>76.81</v>
      </c>
    </row>
    <row r="2093" spans="1:10" x14ac:dyDescent="0.35">
      <c r="A2093" t="s">
        <v>35</v>
      </c>
      <c r="B2093" t="s">
        <v>87</v>
      </c>
      <c r="C2093" t="s">
        <v>114</v>
      </c>
      <c r="D2093" t="s">
        <v>115</v>
      </c>
      <c r="E2093" s="6" t="s">
        <v>129</v>
      </c>
      <c r="F2093" s="3">
        <v>2017</v>
      </c>
      <c r="G2093" s="3" t="s">
        <v>97</v>
      </c>
      <c r="H2093" t="s">
        <v>116</v>
      </c>
      <c r="I2093" t="s">
        <v>15</v>
      </c>
      <c r="J2093" s="10">
        <v>77.319999999999993</v>
      </c>
    </row>
    <row r="2094" spans="1:10" x14ac:dyDescent="0.35">
      <c r="A2094" t="s">
        <v>20</v>
      </c>
      <c r="B2094" t="s">
        <v>72</v>
      </c>
      <c r="C2094" t="s">
        <v>114</v>
      </c>
      <c r="D2094" t="s">
        <v>115</v>
      </c>
      <c r="E2094" s="6" t="s">
        <v>129</v>
      </c>
      <c r="F2094" s="3">
        <v>2017</v>
      </c>
      <c r="G2094" s="3" t="s">
        <v>97</v>
      </c>
      <c r="H2094" t="s">
        <v>116</v>
      </c>
      <c r="I2094" t="s">
        <v>15</v>
      </c>
      <c r="J2094" s="10">
        <v>75.5</v>
      </c>
    </row>
    <row r="2095" spans="1:10" x14ac:dyDescent="0.35">
      <c r="A2095" t="s">
        <v>26</v>
      </c>
      <c r="B2095" t="s">
        <v>73</v>
      </c>
      <c r="C2095" t="s">
        <v>114</v>
      </c>
      <c r="D2095" t="s">
        <v>115</v>
      </c>
      <c r="E2095" s="6" t="s">
        <v>129</v>
      </c>
      <c r="F2095" s="3">
        <v>2017</v>
      </c>
      <c r="G2095" s="3" t="s">
        <v>97</v>
      </c>
      <c r="H2095" t="s">
        <v>116</v>
      </c>
      <c r="I2095" t="s">
        <v>15</v>
      </c>
      <c r="J2095" s="10">
        <v>77.47</v>
      </c>
    </row>
    <row r="2096" spans="1:10" x14ac:dyDescent="0.35">
      <c r="A2096" t="s">
        <v>62</v>
      </c>
      <c r="B2096" t="s">
        <v>66</v>
      </c>
      <c r="C2096" t="s">
        <v>114</v>
      </c>
      <c r="D2096" t="s">
        <v>115</v>
      </c>
      <c r="E2096" s="6" t="s">
        <v>129</v>
      </c>
      <c r="F2096" s="3">
        <v>2017</v>
      </c>
      <c r="G2096" s="3" t="s">
        <v>97</v>
      </c>
      <c r="H2096" t="s">
        <v>116</v>
      </c>
      <c r="I2096" t="s">
        <v>15</v>
      </c>
      <c r="J2096" s="10">
        <v>71.81</v>
      </c>
    </row>
    <row r="2097" spans="1:10" x14ac:dyDescent="0.35">
      <c r="A2097" t="s">
        <v>62</v>
      </c>
      <c r="B2097" t="s">
        <v>69</v>
      </c>
      <c r="C2097" t="s">
        <v>114</v>
      </c>
      <c r="D2097" t="s">
        <v>115</v>
      </c>
      <c r="E2097" s="6" t="s">
        <v>129</v>
      </c>
      <c r="F2097" s="3">
        <v>2017</v>
      </c>
      <c r="G2097" s="3" t="s">
        <v>97</v>
      </c>
      <c r="H2097" t="s">
        <v>116</v>
      </c>
      <c r="I2097" t="s">
        <v>15</v>
      </c>
      <c r="J2097" s="10">
        <v>72.73</v>
      </c>
    </row>
    <row r="2098" spans="1:10" x14ac:dyDescent="0.35">
      <c r="A2098" t="s">
        <v>62</v>
      </c>
      <c r="B2098" t="s">
        <v>68</v>
      </c>
      <c r="C2098" t="s">
        <v>114</v>
      </c>
      <c r="D2098" t="s">
        <v>115</v>
      </c>
      <c r="E2098" s="6" t="s">
        <v>129</v>
      </c>
      <c r="F2098" s="3">
        <v>2017</v>
      </c>
      <c r="G2098" s="3" t="s">
        <v>97</v>
      </c>
      <c r="H2098" t="s">
        <v>116</v>
      </c>
      <c r="I2098" t="s">
        <v>15</v>
      </c>
      <c r="J2098" s="10">
        <v>72.17</v>
      </c>
    </row>
    <row r="2099" spans="1:10" x14ac:dyDescent="0.35">
      <c r="A2099" t="s">
        <v>62</v>
      </c>
      <c r="B2099" t="s">
        <v>67</v>
      </c>
      <c r="C2099" t="s">
        <v>114</v>
      </c>
      <c r="D2099" t="s">
        <v>115</v>
      </c>
      <c r="E2099" s="6" t="s">
        <v>129</v>
      </c>
      <c r="F2099" s="3">
        <v>2017</v>
      </c>
      <c r="G2099" s="3" t="s">
        <v>97</v>
      </c>
      <c r="H2099" t="s">
        <v>116</v>
      </c>
      <c r="I2099" t="s">
        <v>15</v>
      </c>
      <c r="J2099" s="10">
        <v>72.599999999999994</v>
      </c>
    </row>
    <row r="2100" spans="1:10" x14ac:dyDescent="0.35">
      <c r="A2100" t="s">
        <v>20</v>
      </c>
      <c r="B2100" t="s">
        <v>81</v>
      </c>
      <c r="C2100" t="s">
        <v>114</v>
      </c>
      <c r="D2100" t="s">
        <v>115</v>
      </c>
      <c r="E2100" s="6" t="s">
        <v>129</v>
      </c>
      <c r="F2100" s="3">
        <v>2017</v>
      </c>
      <c r="G2100" s="3" t="s">
        <v>97</v>
      </c>
      <c r="H2100" t="s">
        <v>116</v>
      </c>
      <c r="I2100" t="s">
        <v>15</v>
      </c>
      <c r="J2100" s="10">
        <v>74.59</v>
      </c>
    </row>
    <row r="2101" spans="1:10" x14ac:dyDescent="0.35">
      <c r="A2101" t="s">
        <v>33</v>
      </c>
      <c r="B2101" t="s">
        <v>77</v>
      </c>
      <c r="C2101" t="s">
        <v>114</v>
      </c>
      <c r="D2101" t="s">
        <v>115</v>
      </c>
      <c r="E2101" s="6" t="s">
        <v>129</v>
      </c>
      <c r="F2101" s="3">
        <v>2017</v>
      </c>
      <c r="G2101" s="3" t="s">
        <v>97</v>
      </c>
      <c r="H2101" t="s">
        <v>116</v>
      </c>
      <c r="I2101" t="s">
        <v>15</v>
      </c>
      <c r="J2101" s="10">
        <v>75.94</v>
      </c>
    </row>
    <row r="2102" spans="1:10" x14ac:dyDescent="0.35">
      <c r="A2102" t="s">
        <v>28</v>
      </c>
      <c r="B2102" t="s">
        <v>74</v>
      </c>
      <c r="C2102" t="s">
        <v>114</v>
      </c>
      <c r="D2102" t="s">
        <v>115</v>
      </c>
      <c r="E2102" s="6" t="s">
        <v>129</v>
      </c>
      <c r="F2102" s="3">
        <v>2017</v>
      </c>
      <c r="G2102" s="3" t="s">
        <v>97</v>
      </c>
      <c r="H2102" t="s">
        <v>116</v>
      </c>
      <c r="I2102" t="s">
        <v>15</v>
      </c>
      <c r="J2102" s="10">
        <v>76.599999999999994</v>
      </c>
    </row>
    <row r="2103" spans="1:10" x14ac:dyDescent="0.35">
      <c r="A2103" t="s">
        <v>28</v>
      </c>
      <c r="B2103" t="s">
        <v>29</v>
      </c>
      <c r="C2103" t="s">
        <v>114</v>
      </c>
      <c r="D2103" t="s">
        <v>115</v>
      </c>
      <c r="E2103" s="6" t="s">
        <v>129</v>
      </c>
      <c r="F2103" s="3">
        <v>2017</v>
      </c>
      <c r="G2103" s="3" t="s">
        <v>97</v>
      </c>
      <c r="H2103" t="s">
        <v>116</v>
      </c>
      <c r="I2103" t="s">
        <v>15</v>
      </c>
      <c r="J2103" s="10">
        <v>77.23</v>
      </c>
    </row>
    <row r="2104" spans="1:10" x14ac:dyDescent="0.35">
      <c r="A2104" t="s">
        <v>28</v>
      </c>
      <c r="B2104" t="s">
        <v>32</v>
      </c>
      <c r="C2104" t="s">
        <v>114</v>
      </c>
      <c r="D2104" t="s">
        <v>115</v>
      </c>
      <c r="E2104" s="6" t="s">
        <v>129</v>
      </c>
      <c r="F2104" s="3">
        <v>2017</v>
      </c>
      <c r="G2104" s="3" t="s">
        <v>97</v>
      </c>
      <c r="H2104" t="s">
        <v>116</v>
      </c>
      <c r="I2104" t="s">
        <v>15</v>
      </c>
      <c r="J2104" s="10">
        <v>76.59</v>
      </c>
    </row>
    <row r="2105" spans="1:10" x14ac:dyDescent="0.35">
      <c r="A2105" t="s">
        <v>10</v>
      </c>
      <c r="B2105" t="s">
        <v>19</v>
      </c>
      <c r="C2105" t="s">
        <v>114</v>
      </c>
      <c r="D2105" t="s">
        <v>115</v>
      </c>
      <c r="E2105" s="6" t="s">
        <v>129</v>
      </c>
      <c r="F2105" s="3">
        <v>2017</v>
      </c>
      <c r="G2105" s="3" t="s">
        <v>97</v>
      </c>
      <c r="H2105" t="s">
        <v>116</v>
      </c>
      <c r="I2105" t="s">
        <v>15</v>
      </c>
      <c r="J2105" s="10">
        <v>81</v>
      </c>
    </row>
    <row r="2106" spans="1:10" x14ac:dyDescent="0.35">
      <c r="A2106" t="s">
        <v>10</v>
      </c>
      <c r="B2106" t="s">
        <v>30</v>
      </c>
      <c r="C2106" t="s">
        <v>114</v>
      </c>
      <c r="D2106" t="s">
        <v>115</v>
      </c>
      <c r="E2106" s="6" t="s">
        <v>129</v>
      </c>
      <c r="F2106" s="3">
        <v>2017</v>
      </c>
      <c r="G2106" s="3" t="s">
        <v>97</v>
      </c>
      <c r="H2106" t="s">
        <v>116</v>
      </c>
      <c r="I2106" t="s">
        <v>15</v>
      </c>
      <c r="J2106" s="10">
        <v>76.33</v>
      </c>
    </row>
    <row r="2107" spans="1:10" x14ac:dyDescent="0.35">
      <c r="A2107" t="s">
        <v>20</v>
      </c>
      <c r="B2107" t="s">
        <v>21</v>
      </c>
      <c r="C2107" t="s">
        <v>114</v>
      </c>
      <c r="D2107" t="s">
        <v>115</v>
      </c>
      <c r="E2107" s="6" t="s">
        <v>129</v>
      </c>
      <c r="F2107" s="3">
        <v>2017</v>
      </c>
      <c r="G2107" s="3" t="s">
        <v>97</v>
      </c>
      <c r="H2107" t="s">
        <v>116</v>
      </c>
      <c r="I2107" t="s">
        <v>15</v>
      </c>
      <c r="J2107" s="10">
        <v>74.900000000000006</v>
      </c>
    </row>
    <row r="2108" spans="1:10" x14ac:dyDescent="0.35">
      <c r="A2108" t="s">
        <v>10</v>
      </c>
      <c r="B2108" t="s">
        <v>46</v>
      </c>
      <c r="C2108" t="s">
        <v>114</v>
      </c>
      <c r="D2108" t="s">
        <v>115</v>
      </c>
      <c r="E2108" s="6" t="s">
        <v>129</v>
      </c>
      <c r="F2108" s="3">
        <v>2017</v>
      </c>
      <c r="G2108" s="3" t="s">
        <v>97</v>
      </c>
      <c r="H2108" t="s">
        <v>116</v>
      </c>
      <c r="I2108" t="s">
        <v>15</v>
      </c>
      <c r="J2108" s="10">
        <v>73.319999999999993</v>
      </c>
    </row>
    <row r="2109" spans="1:10" x14ac:dyDescent="0.35">
      <c r="A2109" t="s">
        <v>33</v>
      </c>
      <c r="B2109" t="s">
        <v>47</v>
      </c>
      <c r="C2109" t="s">
        <v>114</v>
      </c>
      <c r="D2109" t="s">
        <v>115</v>
      </c>
      <c r="E2109" s="6" t="s">
        <v>129</v>
      </c>
      <c r="F2109" s="3">
        <v>2017</v>
      </c>
      <c r="G2109" s="3" t="s">
        <v>97</v>
      </c>
      <c r="H2109" t="s">
        <v>116</v>
      </c>
      <c r="I2109" t="s">
        <v>15</v>
      </c>
      <c r="J2109" s="10">
        <v>77.900000000000006</v>
      </c>
    </row>
    <row r="2110" spans="1:10" x14ac:dyDescent="0.35">
      <c r="A2110" t="s">
        <v>28</v>
      </c>
      <c r="B2110" t="s">
        <v>44</v>
      </c>
      <c r="C2110" t="s">
        <v>114</v>
      </c>
      <c r="D2110" t="s">
        <v>115</v>
      </c>
      <c r="E2110" s="6" t="s">
        <v>129</v>
      </c>
      <c r="F2110" s="3">
        <v>2017</v>
      </c>
      <c r="G2110" s="3" t="s">
        <v>97</v>
      </c>
      <c r="H2110" t="s">
        <v>116</v>
      </c>
      <c r="I2110" t="s">
        <v>15</v>
      </c>
      <c r="J2110" s="10">
        <v>78.069999999999993</v>
      </c>
    </row>
    <row r="2111" spans="1:10" x14ac:dyDescent="0.35">
      <c r="A2111" t="s">
        <v>26</v>
      </c>
      <c r="B2111" t="s">
        <v>91</v>
      </c>
      <c r="C2111" t="s">
        <v>114</v>
      </c>
      <c r="D2111" t="s">
        <v>115</v>
      </c>
      <c r="E2111" s="6" t="s">
        <v>129</v>
      </c>
      <c r="F2111" s="3">
        <v>2017</v>
      </c>
      <c r="G2111" s="3" t="s">
        <v>97</v>
      </c>
      <c r="H2111" t="s">
        <v>116</v>
      </c>
      <c r="I2111" t="s">
        <v>15</v>
      </c>
      <c r="J2111" s="10">
        <v>78.260000000000005</v>
      </c>
    </row>
    <row r="2112" spans="1:10" x14ac:dyDescent="0.35">
      <c r="A2112" t="s">
        <v>28</v>
      </c>
      <c r="B2112" t="s">
        <v>37</v>
      </c>
      <c r="C2112" t="s">
        <v>114</v>
      </c>
      <c r="D2112" t="s">
        <v>115</v>
      </c>
      <c r="E2112" s="6" t="s">
        <v>129</v>
      </c>
      <c r="F2112" s="3">
        <v>2017</v>
      </c>
      <c r="G2112" s="3" t="s">
        <v>97</v>
      </c>
      <c r="H2112" t="s">
        <v>116</v>
      </c>
      <c r="I2112" t="s">
        <v>15</v>
      </c>
      <c r="J2112" s="10">
        <v>78.709999999999994</v>
      </c>
    </row>
    <row r="2113" spans="1:10" x14ac:dyDescent="0.35">
      <c r="A2113" t="s">
        <v>35</v>
      </c>
      <c r="B2113" t="s">
        <v>36</v>
      </c>
      <c r="C2113" t="s">
        <v>114</v>
      </c>
      <c r="D2113" t="s">
        <v>115</v>
      </c>
      <c r="E2113" s="6" t="s">
        <v>129</v>
      </c>
      <c r="F2113" s="3">
        <v>2017</v>
      </c>
      <c r="G2113" s="3" t="s">
        <v>97</v>
      </c>
      <c r="H2113" t="s">
        <v>116</v>
      </c>
      <c r="I2113" t="s">
        <v>15</v>
      </c>
      <c r="J2113" s="10">
        <v>77.010000000000005</v>
      </c>
    </row>
    <row r="2114" spans="1:10" x14ac:dyDescent="0.35">
      <c r="A2114" t="s">
        <v>35</v>
      </c>
      <c r="B2114" t="s">
        <v>43</v>
      </c>
      <c r="C2114" t="s">
        <v>114</v>
      </c>
      <c r="D2114" t="s">
        <v>115</v>
      </c>
      <c r="E2114" s="6" t="s">
        <v>129</v>
      </c>
      <c r="F2114" s="3">
        <v>2017</v>
      </c>
      <c r="G2114" s="3" t="s">
        <v>97</v>
      </c>
      <c r="H2114" t="s">
        <v>116</v>
      </c>
      <c r="I2114" t="s">
        <v>15</v>
      </c>
      <c r="J2114" s="10">
        <v>77.099999999999994</v>
      </c>
    </row>
    <row r="2115" spans="1:10" x14ac:dyDescent="0.35">
      <c r="A2115" t="s">
        <v>33</v>
      </c>
      <c r="B2115" t="s">
        <v>39</v>
      </c>
      <c r="C2115" t="s">
        <v>114</v>
      </c>
      <c r="D2115" t="s">
        <v>115</v>
      </c>
      <c r="E2115" s="6" t="s">
        <v>129</v>
      </c>
      <c r="F2115" s="3">
        <v>2017</v>
      </c>
      <c r="G2115" s="3" t="s">
        <v>97</v>
      </c>
      <c r="H2115" t="s">
        <v>116</v>
      </c>
      <c r="I2115" t="s">
        <v>15</v>
      </c>
      <c r="J2115" s="10">
        <v>77.69</v>
      </c>
    </row>
    <row r="2116" spans="1:10" x14ac:dyDescent="0.35">
      <c r="A2116" t="s">
        <v>20</v>
      </c>
      <c r="B2116" t="s">
        <v>40</v>
      </c>
      <c r="C2116" t="s">
        <v>114</v>
      </c>
      <c r="D2116" t="s">
        <v>115</v>
      </c>
      <c r="E2116" s="6" t="s">
        <v>129</v>
      </c>
      <c r="F2116" s="3">
        <v>2017</v>
      </c>
      <c r="G2116" s="3" t="s">
        <v>97</v>
      </c>
      <c r="H2116" t="s">
        <v>116</v>
      </c>
      <c r="I2116" t="s">
        <v>15</v>
      </c>
      <c r="J2116" s="10">
        <v>76.739999999999995</v>
      </c>
    </row>
    <row r="2117" spans="1:10" x14ac:dyDescent="0.35">
      <c r="A2117" t="s">
        <v>35</v>
      </c>
      <c r="B2117" t="s">
        <v>42</v>
      </c>
      <c r="C2117" t="s">
        <v>114</v>
      </c>
      <c r="D2117" t="s">
        <v>115</v>
      </c>
      <c r="E2117" s="6" t="s">
        <v>129</v>
      </c>
      <c r="F2117" s="3">
        <v>2017</v>
      </c>
      <c r="G2117" s="3" t="s">
        <v>97</v>
      </c>
      <c r="H2117" t="s">
        <v>116</v>
      </c>
      <c r="I2117" t="s">
        <v>15</v>
      </c>
      <c r="J2117" s="10">
        <v>75.150000000000006</v>
      </c>
    </row>
    <row r="2118" spans="1:10" x14ac:dyDescent="0.35">
      <c r="A2118" t="s">
        <v>10</v>
      </c>
      <c r="B2118" t="s">
        <v>45</v>
      </c>
      <c r="C2118" t="s">
        <v>114</v>
      </c>
      <c r="D2118" t="s">
        <v>115</v>
      </c>
      <c r="E2118" s="6" t="s">
        <v>129</v>
      </c>
      <c r="F2118" s="3">
        <v>2017</v>
      </c>
      <c r="G2118" s="3" t="s">
        <v>97</v>
      </c>
      <c r="H2118" t="s">
        <v>116</v>
      </c>
      <c r="I2118" t="s">
        <v>15</v>
      </c>
      <c r="J2118" s="10">
        <v>74.62</v>
      </c>
    </row>
    <row r="2119" spans="1:10" x14ac:dyDescent="0.35">
      <c r="A2119" t="s">
        <v>33</v>
      </c>
      <c r="B2119" t="s">
        <v>86</v>
      </c>
      <c r="C2119" t="s">
        <v>114</v>
      </c>
      <c r="D2119" t="s">
        <v>115</v>
      </c>
      <c r="E2119" s="6" t="s">
        <v>129</v>
      </c>
      <c r="F2119" s="3">
        <v>2017</v>
      </c>
      <c r="G2119" s="3" t="s">
        <v>98</v>
      </c>
      <c r="H2119" t="s">
        <v>116</v>
      </c>
      <c r="I2119" t="s">
        <v>15</v>
      </c>
      <c r="J2119" s="10">
        <v>82.91</v>
      </c>
    </row>
    <row r="2120" spans="1:10" x14ac:dyDescent="0.35">
      <c r="A2120" t="s">
        <v>20</v>
      </c>
      <c r="B2120" t="s">
        <v>60</v>
      </c>
      <c r="C2120" t="s">
        <v>114</v>
      </c>
      <c r="D2120" t="s">
        <v>115</v>
      </c>
      <c r="E2120" s="6" t="s">
        <v>129</v>
      </c>
      <c r="F2120" s="3">
        <v>2017</v>
      </c>
      <c r="G2120" s="3" t="s">
        <v>98</v>
      </c>
      <c r="H2120" t="s">
        <v>116</v>
      </c>
      <c r="I2120" t="s">
        <v>15</v>
      </c>
      <c r="J2120" s="10">
        <v>79.59</v>
      </c>
    </row>
    <row r="2121" spans="1:10" x14ac:dyDescent="0.35">
      <c r="A2121" t="s">
        <v>10</v>
      </c>
      <c r="B2121" t="s">
        <v>18</v>
      </c>
      <c r="C2121" t="s">
        <v>114</v>
      </c>
      <c r="D2121" t="s">
        <v>115</v>
      </c>
      <c r="E2121" s="6" t="s">
        <v>129</v>
      </c>
      <c r="F2121" s="3">
        <v>2017</v>
      </c>
      <c r="G2121" s="3" t="s">
        <v>98</v>
      </c>
      <c r="H2121" t="s">
        <v>116</v>
      </c>
      <c r="I2121" t="s">
        <v>15</v>
      </c>
      <c r="J2121" s="10">
        <v>82.86</v>
      </c>
    </row>
    <row r="2122" spans="1:10" x14ac:dyDescent="0.35">
      <c r="A2122" t="s">
        <v>22</v>
      </c>
      <c r="B2122" t="s">
        <v>76</v>
      </c>
      <c r="C2122" t="s">
        <v>114</v>
      </c>
      <c r="D2122" t="s">
        <v>115</v>
      </c>
      <c r="E2122" s="6" t="s">
        <v>129</v>
      </c>
      <c r="F2122" s="3">
        <v>2017</v>
      </c>
      <c r="G2122" s="3" t="s">
        <v>98</v>
      </c>
      <c r="H2122" t="s">
        <v>116</v>
      </c>
      <c r="I2122" t="s">
        <v>15</v>
      </c>
      <c r="J2122" s="10">
        <v>80.97</v>
      </c>
    </row>
    <row r="2123" spans="1:10" x14ac:dyDescent="0.35">
      <c r="A2123" t="s">
        <v>26</v>
      </c>
      <c r="B2123" t="s">
        <v>90</v>
      </c>
      <c r="C2123" t="s">
        <v>114</v>
      </c>
      <c r="D2123" t="s">
        <v>115</v>
      </c>
      <c r="E2123" s="6" t="s">
        <v>129</v>
      </c>
      <c r="F2123" s="3">
        <v>2017</v>
      </c>
      <c r="G2123" s="3" t="s">
        <v>98</v>
      </c>
      <c r="H2123" t="s">
        <v>116</v>
      </c>
      <c r="I2123" t="s">
        <v>15</v>
      </c>
      <c r="J2123" s="10">
        <v>83.19</v>
      </c>
    </row>
    <row r="2124" spans="1:10" x14ac:dyDescent="0.35">
      <c r="A2124" t="s">
        <v>33</v>
      </c>
      <c r="B2124" t="s">
        <v>92</v>
      </c>
      <c r="C2124" t="s">
        <v>114</v>
      </c>
      <c r="D2124" t="s">
        <v>115</v>
      </c>
      <c r="E2124" s="6" t="s">
        <v>129</v>
      </c>
      <c r="F2124" s="3">
        <v>2017</v>
      </c>
      <c r="G2124" s="3" t="s">
        <v>98</v>
      </c>
      <c r="H2124" t="s">
        <v>116</v>
      </c>
      <c r="I2124" t="s">
        <v>15</v>
      </c>
      <c r="J2124" s="10">
        <v>82.24</v>
      </c>
    </row>
    <row r="2125" spans="1:10" x14ac:dyDescent="0.35">
      <c r="A2125" t="s">
        <v>26</v>
      </c>
      <c r="B2125" t="s">
        <v>91</v>
      </c>
      <c r="C2125" t="s">
        <v>114</v>
      </c>
      <c r="D2125" t="s">
        <v>115</v>
      </c>
      <c r="E2125" s="6" t="s">
        <v>129</v>
      </c>
      <c r="F2125" s="3">
        <v>2017</v>
      </c>
      <c r="G2125" s="3" t="s">
        <v>98</v>
      </c>
      <c r="H2125" t="s">
        <v>116</v>
      </c>
      <c r="I2125" t="s">
        <v>15</v>
      </c>
      <c r="J2125" s="10">
        <v>83.62</v>
      </c>
    </row>
    <row r="2126" spans="1:10" x14ac:dyDescent="0.35">
      <c r="A2126" t="s">
        <v>62</v>
      </c>
      <c r="B2126" t="s">
        <v>89</v>
      </c>
      <c r="C2126" t="s">
        <v>114</v>
      </c>
      <c r="D2126" t="s">
        <v>115</v>
      </c>
      <c r="E2126" s="6" t="s">
        <v>129</v>
      </c>
      <c r="F2126" s="3">
        <v>2017</v>
      </c>
      <c r="G2126" s="3" t="s">
        <v>98</v>
      </c>
      <c r="H2126" t="s">
        <v>116</v>
      </c>
      <c r="I2126" t="s">
        <v>15</v>
      </c>
      <c r="J2126" s="10">
        <v>79.38</v>
      </c>
    </row>
    <row r="2127" spans="1:10" x14ac:dyDescent="0.35">
      <c r="A2127" t="s">
        <v>28</v>
      </c>
      <c r="B2127" t="s">
        <v>29</v>
      </c>
      <c r="C2127" t="s">
        <v>114</v>
      </c>
      <c r="D2127" t="s">
        <v>115</v>
      </c>
      <c r="E2127" s="6" t="s">
        <v>129</v>
      </c>
      <c r="F2127" s="3">
        <v>2017</v>
      </c>
      <c r="G2127" s="3" t="s">
        <v>98</v>
      </c>
      <c r="H2127" t="s">
        <v>116</v>
      </c>
      <c r="I2127" t="s">
        <v>15</v>
      </c>
      <c r="J2127" s="10">
        <v>80.790000000000006</v>
      </c>
    </row>
    <row r="2128" spans="1:10" x14ac:dyDescent="0.35">
      <c r="A2128" t="s">
        <v>26</v>
      </c>
      <c r="B2128" t="s">
        <v>27</v>
      </c>
      <c r="C2128" t="s">
        <v>114</v>
      </c>
      <c r="D2128" t="s">
        <v>115</v>
      </c>
      <c r="E2128" s="6" t="s">
        <v>129</v>
      </c>
      <c r="F2128" s="3">
        <v>2017</v>
      </c>
      <c r="G2128" s="3" t="s">
        <v>98</v>
      </c>
      <c r="H2128" t="s">
        <v>116</v>
      </c>
      <c r="I2128" t="s">
        <v>15</v>
      </c>
      <c r="J2128" s="10">
        <v>82.04</v>
      </c>
    </row>
    <row r="2129" spans="1:10" x14ac:dyDescent="0.35">
      <c r="A2129" t="s">
        <v>28</v>
      </c>
      <c r="B2129" t="s">
        <v>37</v>
      </c>
      <c r="C2129" t="s">
        <v>114</v>
      </c>
      <c r="D2129" t="s">
        <v>115</v>
      </c>
      <c r="E2129" s="6" t="s">
        <v>129</v>
      </c>
      <c r="F2129" s="3">
        <v>2017</v>
      </c>
      <c r="G2129" s="3" t="s">
        <v>98</v>
      </c>
      <c r="H2129" t="s">
        <v>116</v>
      </c>
      <c r="I2129" t="s">
        <v>15</v>
      </c>
      <c r="J2129" s="10">
        <v>81.41</v>
      </c>
    </row>
    <row r="2130" spans="1:10" x14ac:dyDescent="0.35">
      <c r="A2130" t="s">
        <v>20</v>
      </c>
      <c r="B2130" t="s">
        <v>38</v>
      </c>
      <c r="C2130" t="s">
        <v>114</v>
      </c>
      <c r="D2130" t="s">
        <v>115</v>
      </c>
      <c r="E2130" s="6" t="s">
        <v>129</v>
      </c>
      <c r="F2130" s="3">
        <v>2017</v>
      </c>
      <c r="G2130" s="3" t="s">
        <v>98</v>
      </c>
      <c r="H2130" t="s">
        <v>116</v>
      </c>
      <c r="I2130" t="s">
        <v>15</v>
      </c>
      <c r="J2130" s="10">
        <v>79.42</v>
      </c>
    </row>
    <row r="2131" spans="1:10" x14ac:dyDescent="0.35">
      <c r="A2131" t="s">
        <v>10</v>
      </c>
      <c r="B2131" t="s">
        <v>30</v>
      </c>
      <c r="C2131" t="s">
        <v>114</v>
      </c>
      <c r="D2131" t="s">
        <v>115</v>
      </c>
      <c r="E2131" s="6" t="s">
        <v>129</v>
      </c>
      <c r="F2131" s="3">
        <v>2017</v>
      </c>
      <c r="G2131" s="3" t="s">
        <v>98</v>
      </c>
      <c r="H2131" t="s">
        <v>116</v>
      </c>
      <c r="I2131" t="s">
        <v>15</v>
      </c>
      <c r="J2131" s="10">
        <v>81.17</v>
      </c>
    </row>
    <row r="2132" spans="1:10" x14ac:dyDescent="0.35">
      <c r="A2132" t="s">
        <v>28</v>
      </c>
      <c r="B2132" t="s">
        <v>74</v>
      </c>
      <c r="C2132" t="s">
        <v>114</v>
      </c>
      <c r="D2132" t="s">
        <v>115</v>
      </c>
      <c r="E2132" s="6" t="s">
        <v>129</v>
      </c>
      <c r="F2132" s="3">
        <v>2017</v>
      </c>
      <c r="G2132" s="3" t="s">
        <v>98</v>
      </c>
      <c r="H2132" t="s">
        <v>116</v>
      </c>
      <c r="I2132" t="s">
        <v>15</v>
      </c>
      <c r="J2132" s="10">
        <v>80.34</v>
      </c>
    </row>
    <row r="2133" spans="1:10" x14ac:dyDescent="0.35">
      <c r="A2133" t="s">
        <v>35</v>
      </c>
      <c r="B2133" t="s">
        <v>93</v>
      </c>
      <c r="C2133" t="s">
        <v>114</v>
      </c>
      <c r="D2133" t="s">
        <v>115</v>
      </c>
      <c r="E2133" s="6" t="s">
        <v>129</v>
      </c>
      <c r="F2133" s="3">
        <v>2017</v>
      </c>
      <c r="G2133" s="3" t="s">
        <v>98</v>
      </c>
      <c r="H2133" t="s">
        <v>116</v>
      </c>
      <c r="I2133" t="s">
        <v>15</v>
      </c>
      <c r="J2133" s="10">
        <v>82.75</v>
      </c>
    </row>
    <row r="2134" spans="1:10" x14ac:dyDescent="0.35">
      <c r="A2134" t="s">
        <v>33</v>
      </c>
      <c r="B2134" t="s">
        <v>77</v>
      </c>
      <c r="C2134" t="s">
        <v>114</v>
      </c>
      <c r="D2134" t="s">
        <v>115</v>
      </c>
      <c r="E2134" s="6" t="s">
        <v>129</v>
      </c>
      <c r="F2134" s="3">
        <v>2017</v>
      </c>
      <c r="G2134" s="3" t="s">
        <v>98</v>
      </c>
      <c r="H2134" t="s">
        <v>116</v>
      </c>
      <c r="I2134" t="s">
        <v>15</v>
      </c>
      <c r="J2134" s="10">
        <v>80.790000000000006</v>
      </c>
    </row>
    <row r="2135" spans="1:10" x14ac:dyDescent="0.35">
      <c r="A2135" t="s">
        <v>28</v>
      </c>
      <c r="B2135" t="s">
        <v>44</v>
      </c>
      <c r="C2135" t="s">
        <v>114</v>
      </c>
      <c r="D2135" t="s">
        <v>115</v>
      </c>
      <c r="E2135" s="6" t="s">
        <v>129</v>
      </c>
      <c r="F2135" s="3">
        <v>2017</v>
      </c>
      <c r="G2135" s="3" t="s">
        <v>98</v>
      </c>
      <c r="H2135" t="s">
        <v>116</v>
      </c>
      <c r="I2135" t="s">
        <v>15</v>
      </c>
      <c r="J2135" s="10">
        <v>81.92</v>
      </c>
    </row>
    <row r="2136" spans="1:10" x14ac:dyDescent="0.35">
      <c r="A2136" t="s">
        <v>35</v>
      </c>
      <c r="B2136" t="s">
        <v>42</v>
      </c>
      <c r="C2136" t="s">
        <v>114</v>
      </c>
      <c r="D2136" t="s">
        <v>115</v>
      </c>
      <c r="E2136" s="6" t="s">
        <v>129</v>
      </c>
      <c r="F2136" s="3">
        <v>2017</v>
      </c>
      <c r="G2136" s="3" t="s">
        <v>98</v>
      </c>
      <c r="H2136" t="s">
        <v>116</v>
      </c>
      <c r="I2136" t="s">
        <v>15</v>
      </c>
      <c r="J2136" s="10">
        <v>79.510000000000005</v>
      </c>
    </row>
    <row r="2137" spans="1:10" x14ac:dyDescent="0.35">
      <c r="A2137" t="s">
        <v>33</v>
      </c>
      <c r="B2137" t="s">
        <v>47</v>
      </c>
      <c r="C2137" t="s">
        <v>114</v>
      </c>
      <c r="D2137" t="s">
        <v>115</v>
      </c>
      <c r="E2137" s="6" t="s">
        <v>129</v>
      </c>
      <c r="F2137" s="3">
        <v>2017</v>
      </c>
      <c r="G2137" s="3" t="s">
        <v>98</v>
      </c>
      <c r="H2137" t="s">
        <v>116</v>
      </c>
      <c r="I2137" t="s">
        <v>15</v>
      </c>
      <c r="J2137" s="10">
        <v>81.510000000000005</v>
      </c>
    </row>
    <row r="2138" spans="1:10" x14ac:dyDescent="0.35">
      <c r="A2138" t="s">
        <v>20</v>
      </c>
      <c r="B2138" t="s">
        <v>40</v>
      </c>
      <c r="C2138" t="s">
        <v>114</v>
      </c>
      <c r="D2138" t="s">
        <v>115</v>
      </c>
      <c r="E2138" s="6" t="s">
        <v>129</v>
      </c>
      <c r="F2138" s="3">
        <v>2017</v>
      </c>
      <c r="G2138" s="3" t="s">
        <v>98</v>
      </c>
      <c r="H2138" t="s">
        <v>116</v>
      </c>
      <c r="I2138" t="s">
        <v>15</v>
      </c>
      <c r="J2138" s="10">
        <v>81.05</v>
      </c>
    </row>
    <row r="2139" spans="1:10" x14ac:dyDescent="0.35">
      <c r="A2139" t="s">
        <v>10</v>
      </c>
      <c r="B2139" t="s">
        <v>11</v>
      </c>
      <c r="C2139" t="s">
        <v>114</v>
      </c>
      <c r="D2139" t="s">
        <v>115</v>
      </c>
      <c r="E2139" s="6" t="s">
        <v>129</v>
      </c>
      <c r="F2139" s="3">
        <v>2017</v>
      </c>
      <c r="G2139" s="3" t="s">
        <v>98</v>
      </c>
      <c r="H2139" t="s">
        <v>116</v>
      </c>
      <c r="I2139" t="s">
        <v>15</v>
      </c>
      <c r="J2139" s="10">
        <v>81.05</v>
      </c>
    </row>
    <row r="2140" spans="1:10" x14ac:dyDescent="0.35">
      <c r="A2140" t="s">
        <v>10</v>
      </c>
      <c r="B2140" t="s">
        <v>46</v>
      </c>
      <c r="C2140" t="s">
        <v>114</v>
      </c>
      <c r="D2140" t="s">
        <v>115</v>
      </c>
      <c r="E2140" s="6" t="s">
        <v>129</v>
      </c>
      <c r="F2140" s="3">
        <v>2017</v>
      </c>
      <c r="G2140" s="3" t="s">
        <v>98</v>
      </c>
      <c r="H2140" t="s">
        <v>116</v>
      </c>
      <c r="I2140" t="s">
        <v>15</v>
      </c>
      <c r="J2140" s="10">
        <v>78.5</v>
      </c>
    </row>
    <row r="2141" spans="1:10" x14ac:dyDescent="0.35">
      <c r="A2141" t="s">
        <v>35</v>
      </c>
      <c r="B2141" t="s">
        <v>50</v>
      </c>
      <c r="C2141" t="s">
        <v>114</v>
      </c>
      <c r="D2141" t="s">
        <v>115</v>
      </c>
      <c r="E2141" s="6" t="s">
        <v>129</v>
      </c>
      <c r="F2141" s="3">
        <v>2017</v>
      </c>
      <c r="G2141" s="3" t="s">
        <v>98</v>
      </c>
      <c r="H2141" t="s">
        <v>116</v>
      </c>
      <c r="I2141" t="s">
        <v>15</v>
      </c>
      <c r="J2141" s="10">
        <v>84.71</v>
      </c>
    </row>
    <row r="2142" spans="1:10" x14ac:dyDescent="0.35">
      <c r="A2142" t="s">
        <v>35</v>
      </c>
      <c r="B2142" t="s">
        <v>41</v>
      </c>
      <c r="C2142" t="s">
        <v>114</v>
      </c>
      <c r="D2142" t="s">
        <v>115</v>
      </c>
      <c r="E2142" s="6" t="s">
        <v>129</v>
      </c>
      <c r="F2142" s="3">
        <v>2017</v>
      </c>
      <c r="G2142" s="3" t="s">
        <v>98</v>
      </c>
      <c r="H2142" t="s">
        <v>116</v>
      </c>
      <c r="I2142" t="s">
        <v>15</v>
      </c>
      <c r="J2142" s="10">
        <v>80.69</v>
      </c>
    </row>
    <row r="2143" spans="1:10" x14ac:dyDescent="0.35">
      <c r="A2143" t="s">
        <v>22</v>
      </c>
      <c r="B2143" t="s">
        <v>52</v>
      </c>
      <c r="C2143" t="s">
        <v>114</v>
      </c>
      <c r="D2143" t="s">
        <v>115</v>
      </c>
      <c r="E2143" s="6" t="s">
        <v>129</v>
      </c>
      <c r="F2143" s="3">
        <v>2017</v>
      </c>
      <c r="G2143" s="3" t="s">
        <v>98</v>
      </c>
      <c r="H2143" t="s">
        <v>116</v>
      </c>
      <c r="I2143" t="s">
        <v>15</v>
      </c>
      <c r="J2143" s="10">
        <v>80.650000000000006</v>
      </c>
    </row>
    <row r="2144" spans="1:10" x14ac:dyDescent="0.35">
      <c r="A2144" t="s">
        <v>33</v>
      </c>
      <c r="B2144" t="s">
        <v>39</v>
      </c>
      <c r="C2144" t="s">
        <v>114</v>
      </c>
      <c r="D2144" t="s">
        <v>115</v>
      </c>
      <c r="E2144" s="6" t="s">
        <v>129</v>
      </c>
      <c r="F2144" s="3">
        <v>2017</v>
      </c>
      <c r="G2144" s="3" t="s">
        <v>98</v>
      </c>
      <c r="H2144" t="s">
        <v>116</v>
      </c>
      <c r="I2144" t="s">
        <v>15</v>
      </c>
      <c r="J2144" s="10">
        <v>80.040000000000006</v>
      </c>
    </row>
    <row r="2145" spans="1:10" x14ac:dyDescent="0.35">
      <c r="A2145" t="s">
        <v>22</v>
      </c>
      <c r="B2145" t="s">
        <v>51</v>
      </c>
      <c r="C2145" t="s">
        <v>114</v>
      </c>
      <c r="D2145" t="s">
        <v>115</v>
      </c>
      <c r="E2145" s="6" t="s">
        <v>129</v>
      </c>
      <c r="F2145" s="3">
        <v>2017</v>
      </c>
      <c r="G2145" s="3" t="s">
        <v>98</v>
      </c>
      <c r="H2145" t="s">
        <v>116</v>
      </c>
      <c r="I2145" t="s">
        <v>15</v>
      </c>
      <c r="J2145" s="10">
        <v>83.27</v>
      </c>
    </row>
    <row r="2146" spans="1:10" x14ac:dyDescent="0.35">
      <c r="A2146" t="s">
        <v>35</v>
      </c>
      <c r="B2146" t="s">
        <v>43</v>
      </c>
      <c r="C2146" t="s">
        <v>114</v>
      </c>
      <c r="D2146" t="s">
        <v>115</v>
      </c>
      <c r="E2146" s="6" t="s">
        <v>129</v>
      </c>
      <c r="F2146" s="3">
        <v>2017</v>
      </c>
      <c r="G2146" s="3" t="s">
        <v>98</v>
      </c>
      <c r="H2146" t="s">
        <v>116</v>
      </c>
      <c r="I2146" t="s">
        <v>15</v>
      </c>
      <c r="J2146" s="10">
        <v>80.58</v>
      </c>
    </row>
    <row r="2147" spans="1:10" x14ac:dyDescent="0.35">
      <c r="A2147" t="s">
        <v>35</v>
      </c>
      <c r="B2147" t="s">
        <v>88</v>
      </c>
      <c r="C2147" t="s">
        <v>114</v>
      </c>
      <c r="D2147" t="s">
        <v>115</v>
      </c>
      <c r="E2147" s="6" t="s">
        <v>129</v>
      </c>
      <c r="F2147" s="3">
        <v>2017</v>
      </c>
      <c r="G2147" s="3" t="s">
        <v>98</v>
      </c>
      <c r="H2147" t="s">
        <v>116</v>
      </c>
      <c r="I2147" t="s">
        <v>15</v>
      </c>
      <c r="J2147" s="10">
        <v>80.790000000000006</v>
      </c>
    </row>
    <row r="2148" spans="1:10" x14ac:dyDescent="0.35">
      <c r="A2148" t="s">
        <v>35</v>
      </c>
      <c r="B2148" t="s">
        <v>87</v>
      </c>
      <c r="C2148" t="s">
        <v>114</v>
      </c>
      <c r="D2148" t="s">
        <v>115</v>
      </c>
      <c r="E2148" s="6" t="s">
        <v>129</v>
      </c>
      <c r="F2148" s="3">
        <v>2017</v>
      </c>
      <c r="G2148" s="3" t="s">
        <v>98</v>
      </c>
      <c r="H2148" t="s">
        <v>116</v>
      </c>
      <c r="I2148" t="s">
        <v>15</v>
      </c>
      <c r="J2148" s="10">
        <v>81.69</v>
      </c>
    </row>
    <row r="2149" spans="1:10" x14ac:dyDescent="0.35">
      <c r="A2149" t="s">
        <v>26</v>
      </c>
      <c r="B2149" t="s">
        <v>80</v>
      </c>
      <c r="C2149" t="s">
        <v>114</v>
      </c>
      <c r="D2149" t="s">
        <v>115</v>
      </c>
      <c r="E2149" s="6" t="s">
        <v>129</v>
      </c>
      <c r="F2149" s="3">
        <v>2017</v>
      </c>
      <c r="G2149" s="3" t="s">
        <v>98</v>
      </c>
      <c r="H2149" t="s">
        <v>116</v>
      </c>
      <c r="I2149" t="s">
        <v>15</v>
      </c>
      <c r="J2149" s="10">
        <v>81.91</v>
      </c>
    </row>
    <row r="2150" spans="1:10" x14ac:dyDescent="0.35">
      <c r="A2150" t="s">
        <v>35</v>
      </c>
      <c r="B2150" t="s">
        <v>84</v>
      </c>
      <c r="C2150" t="s">
        <v>114</v>
      </c>
      <c r="D2150" t="s">
        <v>115</v>
      </c>
      <c r="E2150" s="6" t="s">
        <v>129</v>
      </c>
      <c r="F2150" s="3">
        <v>2017</v>
      </c>
      <c r="G2150" s="3" t="s">
        <v>98</v>
      </c>
      <c r="H2150" t="s">
        <v>116</v>
      </c>
      <c r="I2150" t="s">
        <v>15</v>
      </c>
      <c r="J2150" s="10">
        <v>79.14</v>
      </c>
    </row>
    <row r="2151" spans="1:10" x14ac:dyDescent="0.35">
      <c r="A2151" t="s">
        <v>62</v>
      </c>
      <c r="B2151" t="s">
        <v>70</v>
      </c>
      <c r="C2151" t="s">
        <v>114</v>
      </c>
      <c r="D2151" t="s">
        <v>115</v>
      </c>
      <c r="E2151" s="6" t="s">
        <v>129</v>
      </c>
      <c r="F2151" s="3">
        <v>2017</v>
      </c>
      <c r="G2151" s="3" t="s">
        <v>98</v>
      </c>
      <c r="H2151" t="s">
        <v>116</v>
      </c>
      <c r="I2151" t="s">
        <v>15</v>
      </c>
      <c r="J2151" s="10">
        <v>78.489999999999995</v>
      </c>
    </row>
    <row r="2152" spans="1:10" x14ac:dyDescent="0.35">
      <c r="A2152" t="s">
        <v>26</v>
      </c>
      <c r="B2152" t="s">
        <v>57</v>
      </c>
      <c r="C2152" t="s">
        <v>114</v>
      </c>
      <c r="D2152" t="s">
        <v>115</v>
      </c>
      <c r="E2152" s="6" t="s">
        <v>129</v>
      </c>
      <c r="F2152" s="3">
        <v>2017</v>
      </c>
      <c r="G2152" s="3" t="s">
        <v>98</v>
      </c>
      <c r="H2152" t="s">
        <v>116</v>
      </c>
      <c r="I2152" t="s">
        <v>15</v>
      </c>
      <c r="J2152" s="10">
        <v>82.77</v>
      </c>
    </row>
    <row r="2153" spans="1:10" x14ac:dyDescent="0.35">
      <c r="A2153" t="s">
        <v>62</v>
      </c>
      <c r="B2153" t="s">
        <v>63</v>
      </c>
      <c r="C2153" t="s">
        <v>114</v>
      </c>
      <c r="D2153" t="s">
        <v>115</v>
      </c>
      <c r="E2153" s="6" t="s">
        <v>129</v>
      </c>
      <c r="F2153" s="3">
        <v>2017</v>
      </c>
      <c r="G2153" s="3" t="s">
        <v>98</v>
      </c>
      <c r="H2153" t="s">
        <v>116</v>
      </c>
      <c r="I2153" t="s">
        <v>15</v>
      </c>
      <c r="J2153" s="10">
        <v>79.72</v>
      </c>
    </row>
    <row r="2154" spans="1:10" x14ac:dyDescent="0.35">
      <c r="A2154" t="s">
        <v>26</v>
      </c>
      <c r="B2154" t="s">
        <v>83</v>
      </c>
      <c r="C2154" t="s">
        <v>114</v>
      </c>
      <c r="D2154" t="s">
        <v>115</v>
      </c>
      <c r="E2154" s="6" t="s">
        <v>129</v>
      </c>
      <c r="F2154" s="3">
        <v>2017</v>
      </c>
      <c r="G2154" s="3" t="s">
        <v>98</v>
      </c>
      <c r="H2154" t="s">
        <v>116</v>
      </c>
      <c r="I2154" t="s">
        <v>15</v>
      </c>
      <c r="J2154" s="10">
        <v>81.69</v>
      </c>
    </row>
    <row r="2155" spans="1:10" x14ac:dyDescent="0.35">
      <c r="A2155" t="s">
        <v>33</v>
      </c>
      <c r="B2155" t="s">
        <v>34</v>
      </c>
      <c r="C2155" t="s">
        <v>114</v>
      </c>
      <c r="D2155" t="s">
        <v>115</v>
      </c>
      <c r="E2155" s="6" t="s">
        <v>129</v>
      </c>
      <c r="F2155" s="3">
        <v>2017</v>
      </c>
      <c r="G2155" s="3" t="s">
        <v>98</v>
      </c>
      <c r="H2155" t="s">
        <v>116</v>
      </c>
      <c r="I2155" t="s">
        <v>15</v>
      </c>
      <c r="J2155" s="10">
        <v>81.099999999999994</v>
      </c>
    </row>
    <row r="2156" spans="1:10" x14ac:dyDescent="0.35">
      <c r="A2156" t="s">
        <v>62</v>
      </c>
      <c r="B2156" t="s">
        <v>64</v>
      </c>
      <c r="C2156" t="s">
        <v>114</v>
      </c>
      <c r="D2156" t="s">
        <v>115</v>
      </c>
      <c r="E2156" s="6" t="s">
        <v>129</v>
      </c>
      <c r="F2156" s="3">
        <v>2017</v>
      </c>
      <c r="G2156" s="3" t="s">
        <v>98</v>
      </c>
      <c r="H2156" t="s">
        <v>116</v>
      </c>
      <c r="I2156" t="s">
        <v>15</v>
      </c>
      <c r="J2156" s="10">
        <v>81.31</v>
      </c>
    </row>
    <row r="2157" spans="1:10" x14ac:dyDescent="0.35">
      <c r="A2157" t="s">
        <v>22</v>
      </c>
      <c r="B2157" t="s">
        <v>54</v>
      </c>
      <c r="C2157" t="s">
        <v>114</v>
      </c>
      <c r="D2157" t="s">
        <v>115</v>
      </c>
      <c r="E2157" s="6" t="s">
        <v>129</v>
      </c>
      <c r="F2157" s="3">
        <v>2017</v>
      </c>
      <c r="G2157" s="3" t="s">
        <v>98</v>
      </c>
      <c r="H2157" t="s">
        <v>116</v>
      </c>
      <c r="I2157" t="s">
        <v>15</v>
      </c>
      <c r="J2157" s="10">
        <v>82.87</v>
      </c>
    </row>
    <row r="2158" spans="1:10" x14ac:dyDescent="0.35">
      <c r="A2158" t="s">
        <v>22</v>
      </c>
      <c r="B2158" t="s">
        <v>55</v>
      </c>
      <c r="C2158" t="s">
        <v>114</v>
      </c>
      <c r="D2158" t="s">
        <v>115</v>
      </c>
      <c r="E2158" s="6" t="s">
        <v>129</v>
      </c>
      <c r="F2158" s="3">
        <v>2017</v>
      </c>
      <c r="G2158" s="3" t="s">
        <v>98</v>
      </c>
      <c r="H2158" t="s">
        <v>116</v>
      </c>
      <c r="I2158" t="s">
        <v>15</v>
      </c>
      <c r="J2158" s="10">
        <v>83.61</v>
      </c>
    </row>
    <row r="2159" spans="1:10" x14ac:dyDescent="0.35">
      <c r="A2159" t="s">
        <v>35</v>
      </c>
      <c r="B2159" t="s">
        <v>71</v>
      </c>
      <c r="C2159" t="s">
        <v>114</v>
      </c>
      <c r="D2159" t="s">
        <v>115</v>
      </c>
      <c r="E2159" s="6" t="s">
        <v>129</v>
      </c>
      <c r="F2159" s="3">
        <v>2017</v>
      </c>
      <c r="G2159" s="3" t="s">
        <v>98</v>
      </c>
      <c r="H2159" t="s">
        <v>116</v>
      </c>
      <c r="I2159" t="s">
        <v>15</v>
      </c>
      <c r="J2159" s="10">
        <v>79.239999999999995</v>
      </c>
    </row>
    <row r="2160" spans="1:10" x14ac:dyDescent="0.35">
      <c r="A2160" t="s">
        <v>20</v>
      </c>
      <c r="B2160" t="s">
        <v>59</v>
      </c>
      <c r="C2160" t="s">
        <v>114</v>
      </c>
      <c r="D2160" t="s">
        <v>115</v>
      </c>
      <c r="E2160" s="6" t="s">
        <v>129</v>
      </c>
      <c r="F2160" s="3">
        <v>2017</v>
      </c>
      <c r="G2160" s="3" t="s">
        <v>98</v>
      </c>
      <c r="H2160" t="s">
        <v>116</v>
      </c>
      <c r="I2160" t="s">
        <v>15</v>
      </c>
      <c r="J2160" s="10">
        <v>81.44</v>
      </c>
    </row>
    <row r="2161" spans="1:10" x14ac:dyDescent="0.35">
      <c r="A2161" t="s">
        <v>62</v>
      </c>
      <c r="B2161" t="s">
        <v>65</v>
      </c>
      <c r="C2161" t="s">
        <v>114</v>
      </c>
      <c r="D2161" t="s">
        <v>115</v>
      </c>
      <c r="E2161" s="6" t="s">
        <v>129</v>
      </c>
      <c r="F2161" s="3">
        <v>2017</v>
      </c>
      <c r="G2161" s="3" t="s">
        <v>98</v>
      </c>
      <c r="H2161" t="s">
        <v>116</v>
      </c>
      <c r="I2161" t="s">
        <v>15</v>
      </c>
      <c r="J2161" s="10">
        <v>79.88</v>
      </c>
    </row>
    <row r="2162" spans="1:10" x14ac:dyDescent="0.35">
      <c r="A2162" t="s">
        <v>22</v>
      </c>
      <c r="B2162" t="s">
        <v>56</v>
      </c>
      <c r="C2162" t="s">
        <v>114</v>
      </c>
      <c r="D2162" t="s">
        <v>115</v>
      </c>
      <c r="E2162" s="6" t="s">
        <v>129</v>
      </c>
      <c r="F2162" s="3">
        <v>2017</v>
      </c>
      <c r="G2162" s="3" t="s">
        <v>98</v>
      </c>
      <c r="H2162" t="s">
        <v>116</v>
      </c>
      <c r="I2162" t="s">
        <v>15</v>
      </c>
      <c r="J2162" s="10">
        <v>83.88</v>
      </c>
    </row>
    <row r="2163" spans="1:10" x14ac:dyDescent="0.35">
      <c r="A2163" t="s">
        <v>20</v>
      </c>
      <c r="B2163" t="s">
        <v>94</v>
      </c>
      <c r="C2163" t="s">
        <v>114</v>
      </c>
      <c r="D2163" t="s">
        <v>115</v>
      </c>
      <c r="E2163" s="6" t="s">
        <v>129</v>
      </c>
      <c r="F2163" s="3">
        <v>2017</v>
      </c>
      <c r="G2163" s="3" t="s">
        <v>98</v>
      </c>
      <c r="H2163" t="s">
        <v>116</v>
      </c>
      <c r="I2163" t="s">
        <v>15</v>
      </c>
      <c r="J2163" s="10">
        <v>79.8</v>
      </c>
    </row>
    <row r="2164" spans="1:10" x14ac:dyDescent="0.35">
      <c r="A2164" t="s">
        <v>28</v>
      </c>
      <c r="B2164" t="s">
        <v>61</v>
      </c>
      <c r="C2164" t="s">
        <v>114</v>
      </c>
      <c r="D2164" t="s">
        <v>115</v>
      </c>
      <c r="E2164" s="6" t="s">
        <v>129</v>
      </c>
      <c r="F2164" s="3">
        <v>2017</v>
      </c>
      <c r="G2164" s="3" t="s">
        <v>98</v>
      </c>
      <c r="H2164" t="s">
        <v>116</v>
      </c>
      <c r="I2164" t="s">
        <v>15</v>
      </c>
      <c r="J2164" s="10">
        <v>81.599999999999994</v>
      </c>
    </row>
    <row r="2165" spans="1:10" x14ac:dyDescent="0.35">
      <c r="A2165" t="s">
        <v>33</v>
      </c>
      <c r="B2165" t="s">
        <v>82</v>
      </c>
      <c r="C2165" t="s">
        <v>114</v>
      </c>
      <c r="D2165" t="s">
        <v>115</v>
      </c>
      <c r="E2165" s="6" t="s">
        <v>129</v>
      </c>
      <c r="F2165" s="3">
        <v>2017</v>
      </c>
      <c r="G2165" s="3" t="s">
        <v>98</v>
      </c>
      <c r="H2165" t="s">
        <v>116</v>
      </c>
      <c r="I2165" t="s">
        <v>15</v>
      </c>
      <c r="J2165" s="10">
        <v>82.44</v>
      </c>
    </row>
    <row r="2166" spans="1:10" x14ac:dyDescent="0.35">
      <c r="A2166" t="s">
        <v>33</v>
      </c>
      <c r="B2166" t="s">
        <v>85</v>
      </c>
      <c r="C2166" t="s">
        <v>114</v>
      </c>
      <c r="D2166" t="s">
        <v>115</v>
      </c>
      <c r="E2166" s="6" t="s">
        <v>129</v>
      </c>
      <c r="F2166" s="3">
        <v>2017</v>
      </c>
      <c r="G2166" s="3" t="s">
        <v>98</v>
      </c>
      <c r="H2166" t="s">
        <v>116</v>
      </c>
      <c r="I2166" t="s">
        <v>15</v>
      </c>
      <c r="J2166" s="10">
        <v>82.01</v>
      </c>
    </row>
    <row r="2167" spans="1:10" x14ac:dyDescent="0.35">
      <c r="A2167" t="s">
        <v>35</v>
      </c>
      <c r="B2167" t="s">
        <v>36</v>
      </c>
      <c r="C2167" t="s">
        <v>114</v>
      </c>
      <c r="D2167" t="s">
        <v>115</v>
      </c>
      <c r="E2167" s="6" t="s">
        <v>129</v>
      </c>
      <c r="F2167" s="3">
        <v>2017</v>
      </c>
      <c r="G2167" s="3" t="s">
        <v>98</v>
      </c>
      <c r="H2167" t="s">
        <v>116</v>
      </c>
      <c r="I2167" t="s">
        <v>15</v>
      </c>
      <c r="J2167" s="10">
        <v>81.12</v>
      </c>
    </row>
    <row r="2168" spans="1:10" x14ac:dyDescent="0.35">
      <c r="A2168" t="s">
        <v>10</v>
      </c>
      <c r="B2168" t="s">
        <v>45</v>
      </c>
      <c r="C2168" t="s">
        <v>114</v>
      </c>
      <c r="D2168" t="s">
        <v>115</v>
      </c>
      <c r="E2168" s="6" t="s">
        <v>129</v>
      </c>
      <c r="F2168" s="3">
        <v>2017</v>
      </c>
      <c r="G2168" s="3" t="s">
        <v>98</v>
      </c>
      <c r="H2168" t="s">
        <v>116</v>
      </c>
      <c r="I2168" t="s">
        <v>15</v>
      </c>
      <c r="J2168" s="10">
        <v>80.25</v>
      </c>
    </row>
    <row r="2169" spans="1:10" x14ac:dyDescent="0.35">
      <c r="A2169" t="s">
        <v>33</v>
      </c>
      <c r="B2169" t="s">
        <v>75</v>
      </c>
      <c r="C2169" t="s">
        <v>114</v>
      </c>
      <c r="D2169" t="s">
        <v>115</v>
      </c>
      <c r="E2169" s="6" t="s">
        <v>129</v>
      </c>
      <c r="F2169" s="3">
        <v>2017</v>
      </c>
      <c r="G2169" s="3" t="s">
        <v>98</v>
      </c>
      <c r="H2169" t="s">
        <v>116</v>
      </c>
      <c r="I2169" t="s">
        <v>15</v>
      </c>
      <c r="J2169" s="10">
        <v>79.5</v>
      </c>
    </row>
    <row r="2170" spans="1:10" x14ac:dyDescent="0.35">
      <c r="A2170" t="s">
        <v>28</v>
      </c>
      <c r="B2170" t="s">
        <v>58</v>
      </c>
      <c r="C2170" t="s">
        <v>114</v>
      </c>
      <c r="D2170" t="s">
        <v>115</v>
      </c>
      <c r="E2170" s="6" t="s">
        <v>129</v>
      </c>
      <c r="F2170" s="3">
        <v>2017</v>
      </c>
      <c r="G2170" s="3" t="s">
        <v>98</v>
      </c>
      <c r="H2170" t="s">
        <v>116</v>
      </c>
      <c r="I2170" t="s">
        <v>15</v>
      </c>
      <c r="J2170" s="10">
        <v>82.21</v>
      </c>
    </row>
    <row r="2171" spans="1:10" x14ac:dyDescent="0.35">
      <c r="A2171" t="s">
        <v>22</v>
      </c>
      <c r="B2171" t="s">
        <v>78</v>
      </c>
      <c r="C2171" t="s">
        <v>114</v>
      </c>
      <c r="D2171" t="s">
        <v>115</v>
      </c>
      <c r="E2171" s="6" t="s">
        <v>129</v>
      </c>
      <c r="F2171" s="3">
        <v>2017</v>
      </c>
      <c r="G2171" s="3" t="s">
        <v>98</v>
      </c>
      <c r="H2171" t="s">
        <v>116</v>
      </c>
      <c r="I2171" t="s">
        <v>15</v>
      </c>
      <c r="J2171" s="10">
        <v>81.430000000000007</v>
      </c>
    </row>
    <row r="2172" spans="1:10" x14ac:dyDescent="0.35">
      <c r="A2172" t="s">
        <v>20</v>
      </c>
      <c r="B2172" t="s">
        <v>48</v>
      </c>
      <c r="C2172" t="s">
        <v>114</v>
      </c>
      <c r="D2172" t="s">
        <v>115</v>
      </c>
      <c r="E2172" s="6" t="s">
        <v>129</v>
      </c>
      <c r="F2172" s="3">
        <v>2017</v>
      </c>
      <c r="G2172" s="3" t="s">
        <v>98</v>
      </c>
      <c r="H2172" t="s">
        <v>116</v>
      </c>
      <c r="I2172" t="s">
        <v>15</v>
      </c>
      <c r="J2172" s="10">
        <v>81.39</v>
      </c>
    </row>
    <row r="2173" spans="1:10" x14ac:dyDescent="0.35">
      <c r="A2173" t="s">
        <v>22</v>
      </c>
      <c r="B2173" t="s">
        <v>53</v>
      </c>
      <c r="C2173" t="s">
        <v>114</v>
      </c>
      <c r="D2173" t="s">
        <v>115</v>
      </c>
      <c r="E2173" s="6" t="s">
        <v>129</v>
      </c>
      <c r="F2173" s="3">
        <v>2017</v>
      </c>
      <c r="G2173" s="3" t="s">
        <v>98</v>
      </c>
      <c r="H2173" t="s">
        <v>116</v>
      </c>
      <c r="I2173" t="s">
        <v>15</v>
      </c>
      <c r="J2173" s="10">
        <v>80.31</v>
      </c>
    </row>
    <row r="2174" spans="1:10" x14ac:dyDescent="0.35">
      <c r="A2174" t="s">
        <v>62</v>
      </c>
      <c r="B2174" t="s">
        <v>68</v>
      </c>
      <c r="C2174" t="s">
        <v>114</v>
      </c>
      <c r="D2174" t="s">
        <v>115</v>
      </c>
      <c r="E2174" s="6" t="s">
        <v>129</v>
      </c>
      <c r="F2174" s="3">
        <v>2017</v>
      </c>
      <c r="G2174" s="3" t="s">
        <v>98</v>
      </c>
      <c r="H2174" t="s">
        <v>116</v>
      </c>
      <c r="I2174" t="s">
        <v>15</v>
      </c>
      <c r="J2174" s="10">
        <v>77.72</v>
      </c>
    </row>
    <row r="2175" spans="1:10" x14ac:dyDescent="0.35">
      <c r="A2175" t="s">
        <v>62</v>
      </c>
      <c r="B2175" t="s">
        <v>67</v>
      </c>
      <c r="C2175" t="s">
        <v>114</v>
      </c>
      <c r="D2175" t="s">
        <v>115</v>
      </c>
      <c r="E2175" s="6" t="s">
        <v>129</v>
      </c>
      <c r="F2175" s="3">
        <v>2017</v>
      </c>
      <c r="G2175" s="3" t="s">
        <v>98</v>
      </c>
      <c r="H2175" t="s">
        <v>116</v>
      </c>
      <c r="I2175" t="s">
        <v>15</v>
      </c>
      <c r="J2175" s="10">
        <v>77.709999999999994</v>
      </c>
    </row>
    <row r="2176" spans="1:10" x14ac:dyDescent="0.35">
      <c r="A2176" t="s">
        <v>10</v>
      </c>
      <c r="B2176" t="s">
        <v>25</v>
      </c>
      <c r="C2176" t="s">
        <v>114</v>
      </c>
      <c r="D2176" t="s">
        <v>115</v>
      </c>
      <c r="E2176" s="6" t="s">
        <v>129</v>
      </c>
      <c r="F2176" s="3">
        <v>2017</v>
      </c>
      <c r="G2176" s="3" t="s">
        <v>98</v>
      </c>
      <c r="H2176" t="s">
        <v>116</v>
      </c>
      <c r="I2176" t="s">
        <v>15</v>
      </c>
      <c r="J2176" s="10">
        <v>81.86</v>
      </c>
    </row>
    <row r="2177" spans="1:10" x14ac:dyDescent="0.35">
      <c r="A2177" t="s">
        <v>28</v>
      </c>
      <c r="B2177" t="s">
        <v>49</v>
      </c>
      <c r="C2177" t="s">
        <v>114</v>
      </c>
      <c r="D2177" t="s">
        <v>115</v>
      </c>
      <c r="E2177" s="6" t="s">
        <v>129</v>
      </c>
      <c r="F2177" s="3">
        <v>2017</v>
      </c>
      <c r="G2177" s="3" t="s">
        <v>98</v>
      </c>
      <c r="H2177" t="s">
        <v>116</v>
      </c>
      <c r="I2177" t="s">
        <v>15</v>
      </c>
      <c r="J2177" s="10">
        <v>82.61</v>
      </c>
    </row>
    <row r="2178" spans="1:10" x14ac:dyDescent="0.35">
      <c r="A2178" t="s">
        <v>20</v>
      </c>
      <c r="B2178" t="s">
        <v>72</v>
      </c>
      <c r="C2178" t="s">
        <v>114</v>
      </c>
      <c r="D2178" t="s">
        <v>115</v>
      </c>
      <c r="E2178" s="6" t="s">
        <v>129</v>
      </c>
      <c r="F2178" s="3">
        <v>2017</v>
      </c>
      <c r="G2178" s="3" t="s">
        <v>98</v>
      </c>
      <c r="H2178" t="s">
        <v>116</v>
      </c>
      <c r="I2178" t="s">
        <v>15</v>
      </c>
      <c r="J2178" s="10">
        <v>80.14</v>
      </c>
    </row>
    <row r="2179" spans="1:10" x14ac:dyDescent="0.35">
      <c r="A2179" t="s">
        <v>10</v>
      </c>
      <c r="B2179" t="s">
        <v>19</v>
      </c>
      <c r="C2179" t="s">
        <v>114</v>
      </c>
      <c r="D2179" t="s">
        <v>115</v>
      </c>
      <c r="E2179" s="6" t="s">
        <v>129</v>
      </c>
      <c r="F2179" s="3">
        <v>2017</v>
      </c>
      <c r="G2179" s="3" t="s">
        <v>98</v>
      </c>
      <c r="H2179" t="s">
        <v>116</v>
      </c>
      <c r="I2179" t="s">
        <v>15</v>
      </c>
      <c r="J2179" s="10">
        <v>83.69</v>
      </c>
    </row>
    <row r="2180" spans="1:10" x14ac:dyDescent="0.35">
      <c r="A2180" t="s">
        <v>62</v>
      </c>
      <c r="B2180" t="s">
        <v>66</v>
      </c>
      <c r="C2180" t="s">
        <v>114</v>
      </c>
      <c r="D2180" t="s">
        <v>115</v>
      </c>
      <c r="E2180" s="6" t="s">
        <v>129</v>
      </c>
      <c r="F2180" s="3">
        <v>2017</v>
      </c>
      <c r="G2180" s="3" t="s">
        <v>98</v>
      </c>
      <c r="H2180" t="s">
        <v>116</v>
      </c>
      <c r="I2180" t="s">
        <v>15</v>
      </c>
      <c r="J2180" s="10">
        <v>77.47</v>
      </c>
    </row>
    <row r="2181" spans="1:10" x14ac:dyDescent="0.35">
      <c r="A2181" t="s">
        <v>28</v>
      </c>
      <c r="B2181" t="s">
        <v>79</v>
      </c>
      <c r="C2181" t="s">
        <v>114</v>
      </c>
      <c r="D2181" t="s">
        <v>115</v>
      </c>
      <c r="E2181" s="6" t="s">
        <v>129</v>
      </c>
      <c r="F2181" s="3">
        <v>2017</v>
      </c>
      <c r="G2181" s="3" t="s">
        <v>98</v>
      </c>
      <c r="H2181" t="s">
        <v>116</v>
      </c>
      <c r="I2181" t="s">
        <v>15</v>
      </c>
      <c r="J2181" s="10">
        <v>82.68</v>
      </c>
    </row>
    <row r="2182" spans="1:10" x14ac:dyDescent="0.35">
      <c r="A2182" t="s">
        <v>26</v>
      </c>
      <c r="B2182" t="s">
        <v>31</v>
      </c>
      <c r="C2182" t="s">
        <v>114</v>
      </c>
      <c r="D2182" t="s">
        <v>115</v>
      </c>
      <c r="E2182" s="6" t="s">
        <v>129</v>
      </c>
      <c r="F2182" s="3">
        <v>2017</v>
      </c>
      <c r="G2182" s="3" t="s">
        <v>98</v>
      </c>
      <c r="H2182" t="s">
        <v>116</v>
      </c>
      <c r="I2182" t="s">
        <v>15</v>
      </c>
      <c r="J2182" s="10">
        <v>82.38</v>
      </c>
    </row>
    <row r="2183" spans="1:10" x14ac:dyDescent="0.35">
      <c r="A2183" t="s">
        <v>26</v>
      </c>
      <c r="B2183" t="s">
        <v>73</v>
      </c>
      <c r="C2183" t="s">
        <v>114</v>
      </c>
      <c r="D2183" t="s">
        <v>115</v>
      </c>
      <c r="E2183" s="6" t="s">
        <v>129</v>
      </c>
      <c r="F2183" s="3">
        <v>2017</v>
      </c>
      <c r="G2183" s="3" t="s">
        <v>98</v>
      </c>
      <c r="H2183" t="s">
        <v>116</v>
      </c>
      <c r="I2183" t="s">
        <v>15</v>
      </c>
      <c r="J2183" s="10">
        <v>82.01</v>
      </c>
    </row>
    <row r="2184" spans="1:10" x14ac:dyDescent="0.35">
      <c r="A2184" t="s">
        <v>20</v>
      </c>
      <c r="B2184" t="s">
        <v>21</v>
      </c>
      <c r="C2184" t="s">
        <v>114</v>
      </c>
      <c r="D2184" t="s">
        <v>115</v>
      </c>
      <c r="E2184" s="6" t="s">
        <v>129</v>
      </c>
      <c r="F2184" s="3">
        <v>2017</v>
      </c>
      <c r="G2184" s="3" t="s">
        <v>98</v>
      </c>
      <c r="H2184" t="s">
        <v>116</v>
      </c>
      <c r="I2184" t="s">
        <v>15</v>
      </c>
      <c r="J2184" s="10">
        <v>79.63</v>
      </c>
    </row>
    <row r="2185" spans="1:10" x14ac:dyDescent="0.35">
      <c r="A2185" t="s">
        <v>10</v>
      </c>
      <c r="B2185" t="s">
        <v>24</v>
      </c>
      <c r="C2185" t="s">
        <v>114</v>
      </c>
      <c r="D2185" t="s">
        <v>115</v>
      </c>
      <c r="E2185" s="6" t="s">
        <v>129</v>
      </c>
      <c r="F2185" s="3">
        <v>2017</v>
      </c>
      <c r="G2185" s="3" t="s">
        <v>98</v>
      </c>
      <c r="H2185" t="s">
        <v>116</v>
      </c>
      <c r="I2185" t="s">
        <v>15</v>
      </c>
      <c r="J2185" s="10">
        <v>81.67</v>
      </c>
    </row>
    <row r="2186" spans="1:10" x14ac:dyDescent="0.35">
      <c r="A2186" t="s">
        <v>28</v>
      </c>
      <c r="B2186" t="s">
        <v>32</v>
      </c>
      <c r="C2186" t="s">
        <v>114</v>
      </c>
      <c r="D2186" t="s">
        <v>115</v>
      </c>
      <c r="E2186" s="6" t="s">
        <v>129</v>
      </c>
      <c r="F2186" s="3">
        <v>2017</v>
      </c>
      <c r="G2186" s="3" t="s">
        <v>98</v>
      </c>
      <c r="H2186" t="s">
        <v>116</v>
      </c>
      <c r="I2186" t="s">
        <v>15</v>
      </c>
      <c r="J2186" s="10">
        <v>80.430000000000007</v>
      </c>
    </row>
    <row r="2187" spans="1:10" x14ac:dyDescent="0.35">
      <c r="A2187" t="s">
        <v>10</v>
      </c>
      <c r="B2187" t="s">
        <v>17</v>
      </c>
      <c r="C2187" t="s">
        <v>114</v>
      </c>
      <c r="D2187" t="s">
        <v>115</v>
      </c>
      <c r="E2187" s="6" t="s">
        <v>129</v>
      </c>
      <c r="F2187" s="3">
        <v>2017</v>
      </c>
      <c r="G2187" s="3" t="s">
        <v>98</v>
      </c>
      <c r="H2187" t="s">
        <v>116</v>
      </c>
      <c r="I2187" t="s">
        <v>15</v>
      </c>
      <c r="J2187" s="10">
        <v>82.2</v>
      </c>
    </row>
    <row r="2188" spans="1:10" x14ac:dyDescent="0.35">
      <c r="A2188" t="s">
        <v>62</v>
      </c>
      <c r="B2188" t="s">
        <v>69</v>
      </c>
      <c r="C2188" t="s">
        <v>114</v>
      </c>
      <c r="D2188" t="s">
        <v>115</v>
      </c>
      <c r="E2188" s="6" t="s">
        <v>129</v>
      </c>
      <c r="F2188" s="3">
        <v>2017</v>
      </c>
      <c r="G2188" s="3" t="s">
        <v>98</v>
      </c>
      <c r="H2188" t="s">
        <v>116</v>
      </c>
      <c r="I2188" t="s">
        <v>15</v>
      </c>
      <c r="J2188" s="10">
        <v>78.260000000000005</v>
      </c>
    </row>
    <row r="2189" spans="1:10" x14ac:dyDescent="0.35">
      <c r="A2189" t="s">
        <v>10</v>
      </c>
      <c r="B2189" t="s">
        <v>16</v>
      </c>
      <c r="C2189" t="s">
        <v>114</v>
      </c>
      <c r="D2189" t="s">
        <v>115</v>
      </c>
      <c r="E2189" s="6" t="s">
        <v>129</v>
      </c>
      <c r="F2189" s="3">
        <v>2017</v>
      </c>
      <c r="G2189" s="3" t="s">
        <v>98</v>
      </c>
      <c r="H2189" t="s">
        <v>116</v>
      </c>
      <c r="I2189" t="s">
        <v>15</v>
      </c>
      <c r="J2189" s="10">
        <v>80.5</v>
      </c>
    </row>
    <row r="2190" spans="1:10" x14ac:dyDescent="0.35">
      <c r="A2190" t="s">
        <v>22</v>
      </c>
      <c r="B2190" t="s">
        <v>23</v>
      </c>
      <c r="C2190" t="s">
        <v>114</v>
      </c>
      <c r="D2190" t="s">
        <v>115</v>
      </c>
      <c r="E2190" s="6" t="s">
        <v>129</v>
      </c>
      <c r="F2190" s="3">
        <v>2017</v>
      </c>
      <c r="G2190" s="3" t="s">
        <v>98</v>
      </c>
      <c r="H2190" t="s">
        <v>116</v>
      </c>
      <c r="I2190" t="s">
        <v>15</v>
      </c>
      <c r="J2190" s="10">
        <v>80.94</v>
      </c>
    </row>
    <row r="2191" spans="1:10" x14ac:dyDescent="0.35">
      <c r="A2191" t="s">
        <v>20</v>
      </c>
      <c r="B2191" t="s">
        <v>81</v>
      </c>
      <c r="C2191" t="s">
        <v>114</v>
      </c>
      <c r="D2191" t="s">
        <v>115</v>
      </c>
      <c r="E2191" s="6" t="s">
        <v>129</v>
      </c>
      <c r="F2191" s="3">
        <v>2017</v>
      </c>
      <c r="G2191" s="3" t="s">
        <v>98</v>
      </c>
      <c r="H2191" t="s">
        <v>116</v>
      </c>
      <c r="I2191" t="s">
        <v>15</v>
      </c>
      <c r="J2191" s="10">
        <v>78.34</v>
      </c>
    </row>
    <row r="2192" spans="1:10" x14ac:dyDescent="0.35">
      <c r="A2192" t="s">
        <v>10</v>
      </c>
      <c r="B2192" t="s">
        <v>25</v>
      </c>
      <c r="C2192" t="s">
        <v>114</v>
      </c>
      <c r="D2192" t="s">
        <v>115</v>
      </c>
      <c r="E2192" s="6" t="s">
        <v>127</v>
      </c>
      <c r="F2192" s="3">
        <v>2018</v>
      </c>
      <c r="G2192" s="3" t="s">
        <v>97</v>
      </c>
      <c r="H2192" t="s">
        <v>116</v>
      </c>
      <c r="I2192" t="s">
        <v>15</v>
      </c>
      <c r="J2192" s="10">
        <v>78.569999999999993</v>
      </c>
    </row>
    <row r="2193" spans="1:10" x14ac:dyDescent="0.35">
      <c r="A2193" t="s">
        <v>10</v>
      </c>
      <c r="B2193" t="s">
        <v>24</v>
      </c>
      <c r="C2193" t="s">
        <v>114</v>
      </c>
      <c r="D2193" t="s">
        <v>115</v>
      </c>
      <c r="E2193" s="6" t="s">
        <v>127</v>
      </c>
      <c r="F2193" s="3">
        <v>2018</v>
      </c>
      <c r="G2193" s="3" t="s">
        <v>97</v>
      </c>
      <c r="H2193" t="s">
        <v>116</v>
      </c>
      <c r="I2193" t="s">
        <v>15</v>
      </c>
      <c r="J2193" s="10">
        <v>78.5</v>
      </c>
    </row>
    <row r="2194" spans="1:10" x14ac:dyDescent="0.35">
      <c r="A2194" t="s">
        <v>26</v>
      </c>
      <c r="B2194" t="s">
        <v>27</v>
      </c>
      <c r="C2194" t="s">
        <v>114</v>
      </c>
      <c r="D2194" t="s">
        <v>115</v>
      </c>
      <c r="E2194" s="6" t="s">
        <v>127</v>
      </c>
      <c r="F2194" s="3">
        <v>2018</v>
      </c>
      <c r="G2194" s="3" t="s">
        <v>97</v>
      </c>
      <c r="H2194" t="s">
        <v>116</v>
      </c>
      <c r="I2194" t="s">
        <v>15</v>
      </c>
      <c r="J2194" s="10">
        <v>77.180000000000007</v>
      </c>
    </row>
    <row r="2195" spans="1:10" x14ac:dyDescent="0.35">
      <c r="A2195" t="s">
        <v>20</v>
      </c>
      <c r="B2195" t="s">
        <v>21</v>
      </c>
      <c r="C2195" t="s">
        <v>114</v>
      </c>
      <c r="D2195" t="s">
        <v>115</v>
      </c>
      <c r="E2195" s="6" t="s">
        <v>127</v>
      </c>
      <c r="F2195" s="3">
        <v>2018</v>
      </c>
      <c r="G2195" s="3" t="s">
        <v>97</v>
      </c>
      <c r="H2195" t="s">
        <v>116</v>
      </c>
      <c r="I2195" t="s">
        <v>15</v>
      </c>
      <c r="J2195" s="10">
        <v>74.790000000000006</v>
      </c>
    </row>
    <row r="2196" spans="1:10" x14ac:dyDescent="0.35">
      <c r="A2196" t="s">
        <v>10</v>
      </c>
      <c r="B2196" t="s">
        <v>17</v>
      </c>
      <c r="C2196" t="s">
        <v>114</v>
      </c>
      <c r="D2196" t="s">
        <v>115</v>
      </c>
      <c r="E2196" s="6" t="s">
        <v>127</v>
      </c>
      <c r="F2196" s="3">
        <v>2018</v>
      </c>
      <c r="G2196" s="3" t="s">
        <v>97</v>
      </c>
      <c r="H2196" t="s">
        <v>116</v>
      </c>
      <c r="I2196" t="s">
        <v>15</v>
      </c>
      <c r="J2196" s="10">
        <v>78.41</v>
      </c>
    </row>
    <row r="2197" spans="1:10" x14ac:dyDescent="0.35">
      <c r="A2197" t="s">
        <v>10</v>
      </c>
      <c r="B2197" t="s">
        <v>18</v>
      </c>
      <c r="C2197" t="s">
        <v>114</v>
      </c>
      <c r="D2197" t="s">
        <v>115</v>
      </c>
      <c r="E2197" s="6" t="s">
        <v>127</v>
      </c>
      <c r="F2197" s="3">
        <v>2018</v>
      </c>
      <c r="G2197" s="3" t="s">
        <v>97</v>
      </c>
      <c r="H2197" t="s">
        <v>116</v>
      </c>
      <c r="I2197" t="s">
        <v>15</v>
      </c>
      <c r="J2197" s="10">
        <v>80</v>
      </c>
    </row>
    <row r="2198" spans="1:10" x14ac:dyDescent="0.35">
      <c r="A2198" t="s">
        <v>10</v>
      </c>
      <c r="B2198" t="s">
        <v>16</v>
      </c>
      <c r="C2198" t="s">
        <v>114</v>
      </c>
      <c r="D2198" t="s">
        <v>115</v>
      </c>
      <c r="E2198" s="6" t="s">
        <v>127</v>
      </c>
      <c r="F2198" s="3">
        <v>2018</v>
      </c>
      <c r="G2198" s="3" t="s">
        <v>97</v>
      </c>
      <c r="H2198" t="s">
        <v>116</v>
      </c>
      <c r="I2198" t="s">
        <v>15</v>
      </c>
      <c r="J2198" s="10">
        <v>76.930000000000007</v>
      </c>
    </row>
    <row r="2199" spans="1:10" x14ac:dyDescent="0.35">
      <c r="A2199" t="s">
        <v>10</v>
      </c>
      <c r="B2199" t="s">
        <v>19</v>
      </c>
      <c r="C2199" t="s">
        <v>114</v>
      </c>
      <c r="D2199" t="s">
        <v>115</v>
      </c>
      <c r="E2199" s="6" t="s">
        <v>127</v>
      </c>
      <c r="F2199" s="3">
        <v>2018</v>
      </c>
      <c r="G2199" s="3" t="s">
        <v>97</v>
      </c>
      <c r="H2199" t="s">
        <v>116</v>
      </c>
      <c r="I2199" t="s">
        <v>15</v>
      </c>
      <c r="J2199" s="10">
        <v>80.75</v>
      </c>
    </row>
    <row r="2200" spans="1:10" x14ac:dyDescent="0.35">
      <c r="A2200" t="s">
        <v>10</v>
      </c>
      <c r="B2200" t="s">
        <v>11</v>
      </c>
      <c r="C2200" t="s">
        <v>114</v>
      </c>
      <c r="D2200" t="s">
        <v>115</v>
      </c>
      <c r="E2200" s="6" t="s">
        <v>127</v>
      </c>
      <c r="F2200" s="3">
        <v>2018</v>
      </c>
      <c r="G2200" s="3" t="s">
        <v>97</v>
      </c>
      <c r="H2200" t="s">
        <v>116</v>
      </c>
      <c r="I2200" t="s">
        <v>15</v>
      </c>
      <c r="J2200" s="10">
        <v>75.75</v>
      </c>
    </row>
    <row r="2201" spans="1:10" x14ac:dyDescent="0.35">
      <c r="A2201" t="s">
        <v>22</v>
      </c>
      <c r="B2201" t="s">
        <v>23</v>
      </c>
      <c r="C2201" t="s">
        <v>114</v>
      </c>
      <c r="D2201" t="s">
        <v>115</v>
      </c>
      <c r="E2201" s="6" t="s">
        <v>127</v>
      </c>
      <c r="F2201" s="3">
        <v>2018</v>
      </c>
      <c r="G2201" s="3" t="s">
        <v>97</v>
      </c>
      <c r="H2201" t="s">
        <v>116</v>
      </c>
      <c r="I2201" t="s">
        <v>15</v>
      </c>
      <c r="J2201" s="10">
        <v>77.59</v>
      </c>
    </row>
    <row r="2202" spans="1:10" x14ac:dyDescent="0.35">
      <c r="A2202" t="s">
        <v>62</v>
      </c>
      <c r="B2202" t="s">
        <v>67</v>
      </c>
      <c r="C2202" t="s">
        <v>114</v>
      </c>
      <c r="D2202" t="s">
        <v>115</v>
      </c>
      <c r="E2202" s="6" t="s">
        <v>127</v>
      </c>
      <c r="F2202" s="3">
        <v>2018</v>
      </c>
      <c r="G2202" s="3" t="s">
        <v>97</v>
      </c>
      <c r="H2202" t="s">
        <v>116</v>
      </c>
      <c r="I2202" t="s">
        <v>15</v>
      </c>
      <c r="J2202" s="10">
        <v>71.95</v>
      </c>
    </row>
    <row r="2203" spans="1:10" x14ac:dyDescent="0.35">
      <c r="A2203" t="s">
        <v>62</v>
      </c>
      <c r="B2203" t="s">
        <v>66</v>
      </c>
      <c r="C2203" t="s">
        <v>114</v>
      </c>
      <c r="D2203" t="s">
        <v>115</v>
      </c>
      <c r="E2203" s="6" t="s">
        <v>127</v>
      </c>
      <c r="F2203" s="3">
        <v>2018</v>
      </c>
      <c r="G2203" s="3" t="s">
        <v>97</v>
      </c>
      <c r="H2203" t="s">
        <v>116</v>
      </c>
      <c r="I2203" t="s">
        <v>15</v>
      </c>
      <c r="J2203" s="10">
        <v>71.510000000000005</v>
      </c>
    </row>
    <row r="2204" spans="1:10" x14ac:dyDescent="0.35">
      <c r="A2204" t="s">
        <v>62</v>
      </c>
      <c r="B2204" t="s">
        <v>65</v>
      </c>
      <c r="C2204" t="s">
        <v>114</v>
      </c>
      <c r="D2204" t="s">
        <v>115</v>
      </c>
      <c r="E2204" s="6" t="s">
        <v>127</v>
      </c>
      <c r="F2204" s="3">
        <v>2018</v>
      </c>
      <c r="G2204" s="3" t="s">
        <v>97</v>
      </c>
      <c r="H2204" t="s">
        <v>116</v>
      </c>
      <c r="I2204" t="s">
        <v>15</v>
      </c>
      <c r="J2204" s="10">
        <v>74.34</v>
      </c>
    </row>
    <row r="2205" spans="1:10" x14ac:dyDescent="0.35">
      <c r="A2205" t="s">
        <v>26</v>
      </c>
      <c r="B2205" t="s">
        <v>73</v>
      </c>
      <c r="C2205" t="s">
        <v>114</v>
      </c>
      <c r="D2205" t="s">
        <v>115</v>
      </c>
      <c r="E2205" s="6" t="s">
        <v>127</v>
      </c>
      <c r="F2205" s="3">
        <v>2018</v>
      </c>
      <c r="G2205" s="3" t="s">
        <v>97</v>
      </c>
      <c r="H2205" t="s">
        <v>116</v>
      </c>
      <c r="I2205" t="s">
        <v>15</v>
      </c>
      <c r="J2205" s="10">
        <v>77.27</v>
      </c>
    </row>
    <row r="2206" spans="1:10" x14ac:dyDescent="0.35">
      <c r="A2206" t="s">
        <v>62</v>
      </c>
      <c r="B2206" t="s">
        <v>70</v>
      </c>
      <c r="C2206" t="s">
        <v>114</v>
      </c>
      <c r="D2206" t="s">
        <v>115</v>
      </c>
      <c r="E2206" s="6" t="s">
        <v>127</v>
      </c>
      <c r="F2206" s="3">
        <v>2018</v>
      </c>
      <c r="G2206" s="3" t="s">
        <v>97</v>
      </c>
      <c r="H2206" t="s">
        <v>116</v>
      </c>
      <c r="I2206" t="s">
        <v>15</v>
      </c>
      <c r="J2206" s="10">
        <v>74.040000000000006</v>
      </c>
    </row>
    <row r="2207" spans="1:10" x14ac:dyDescent="0.35">
      <c r="A2207" t="s">
        <v>62</v>
      </c>
      <c r="B2207" t="s">
        <v>69</v>
      </c>
      <c r="C2207" t="s">
        <v>114</v>
      </c>
      <c r="D2207" t="s">
        <v>115</v>
      </c>
      <c r="E2207" s="6" t="s">
        <v>127</v>
      </c>
      <c r="F2207" s="3">
        <v>2018</v>
      </c>
      <c r="G2207" s="3" t="s">
        <v>97</v>
      </c>
      <c r="H2207" t="s">
        <v>116</v>
      </c>
      <c r="I2207" t="s">
        <v>15</v>
      </c>
      <c r="J2207" s="10">
        <v>72.98</v>
      </c>
    </row>
    <row r="2208" spans="1:10" x14ac:dyDescent="0.35">
      <c r="A2208" t="s">
        <v>62</v>
      </c>
      <c r="B2208" t="s">
        <v>68</v>
      </c>
      <c r="C2208" t="s">
        <v>114</v>
      </c>
      <c r="D2208" t="s">
        <v>115</v>
      </c>
      <c r="E2208" s="6" t="s">
        <v>127</v>
      </c>
      <c r="F2208" s="3">
        <v>2018</v>
      </c>
      <c r="G2208" s="3" t="s">
        <v>97</v>
      </c>
      <c r="H2208" t="s">
        <v>116</v>
      </c>
      <c r="I2208" t="s">
        <v>15</v>
      </c>
      <c r="J2208" s="10">
        <v>72.180000000000007</v>
      </c>
    </row>
    <row r="2209" spans="1:10" x14ac:dyDescent="0.35">
      <c r="A2209" t="s">
        <v>62</v>
      </c>
      <c r="B2209" t="s">
        <v>64</v>
      </c>
      <c r="C2209" t="s">
        <v>114</v>
      </c>
      <c r="D2209" t="s">
        <v>115</v>
      </c>
      <c r="E2209" s="6" t="s">
        <v>127</v>
      </c>
      <c r="F2209" s="3">
        <v>2018</v>
      </c>
      <c r="G2209" s="3" t="s">
        <v>97</v>
      </c>
      <c r="H2209" t="s">
        <v>116</v>
      </c>
      <c r="I2209" t="s">
        <v>15</v>
      </c>
      <c r="J2209" s="10">
        <v>75.69</v>
      </c>
    </row>
    <row r="2210" spans="1:10" x14ac:dyDescent="0.35">
      <c r="A2210" t="s">
        <v>33</v>
      </c>
      <c r="B2210" t="s">
        <v>34</v>
      </c>
      <c r="C2210" t="s">
        <v>114</v>
      </c>
      <c r="D2210" t="s">
        <v>115</v>
      </c>
      <c r="E2210" s="6" t="s">
        <v>127</v>
      </c>
      <c r="F2210" s="3">
        <v>2018</v>
      </c>
      <c r="G2210" s="3" t="s">
        <v>97</v>
      </c>
      <c r="H2210" t="s">
        <v>116</v>
      </c>
      <c r="I2210" t="s">
        <v>15</v>
      </c>
      <c r="J2210" s="10">
        <v>77.959999999999994</v>
      </c>
    </row>
    <row r="2211" spans="1:10" x14ac:dyDescent="0.35">
      <c r="A2211" t="s">
        <v>35</v>
      </c>
      <c r="B2211" t="s">
        <v>36</v>
      </c>
      <c r="C2211" t="s">
        <v>114</v>
      </c>
      <c r="D2211" t="s">
        <v>115</v>
      </c>
      <c r="E2211" s="6" t="s">
        <v>127</v>
      </c>
      <c r="F2211" s="3">
        <v>2018</v>
      </c>
      <c r="G2211" s="3" t="s">
        <v>97</v>
      </c>
      <c r="H2211" t="s">
        <v>116</v>
      </c>
      <c r="I2211" t="s">
        <v>15</v>
      </c>
      <c r="J2211" s="10">
        <v>77</v>
      </c>
    </row>
    <row r="2212" spans="1:10" x14ac:dyDescent="0.35">
      <c r="A2212" t="s">
        <v>28</v>
      </c>
      <c r="B2212" t="s">
        <v>74</v>
      </c>
      <c r="C2212" t="s">
        <v>114</v>
      </c>
      <c r="D2212" t="s">
        <v>115</v>
      </c>
      <c r="E2212" s="6" t="s">
        <v>127</v>
      </c>
      <c r="F2212" s="3">
        <v>2018</v>
      </c>
      <c r="G2212" s="3" t="s">
        <v>97</v>
      </c>
      <c r="H2212" t="s">
        <v>116</v>
      </c>
      <c r="I2212" t="s">
        <v>15</v>
      </c>
      <c r="J2212" s="10">
        <v>76.22</v>
      </c>
    </row>
    <row r="2213" spans="1:10" x14ac:dyDescent="0.35">
      <c r="A2213" t="s">
        <v>35</v>
      </c>
      <c r="B2213" t="s">
        <v>71</v>
      </c>
      <c r="C2213" t="s">
        <v>114</v>
      </c>
      <c r="D2213" t="s">
        <v>115</v>
      </c>
      <c r="E2213" s="6" t="s">
        <v>127</v>
      </c>
      <c r="F2213" s="3">
        <v>2018</v>
      </c>
      <c r="G2213" s="3" t="s">
        <v>97</v>
      </c>
      <c r="H2213" t="s">
        <v>116</v>
      </c>
      <c r="I2213" t="s">
        <v>15</v>
      </c>
      <c r="J2213" s="10">
        <v>74.650000000000006</v>
      </c>
    </row>
    <row r="2214" spans="1:10" x14ac:dyDescent="0.35">
      <c r="A2214" t="s">
        <v>26</v>
      </c>
      <c r="B2214" t="s">
        <v>31</v>
      </c>
      <c r="C2214" t="s">
        <v>114</v>
      </c>
      <c r="D2214" t="s">
        <v>115</v>
      </c>
      <c r="E2214" s="6" t="s">
        <v>127</v>
      </c>
      <c r="F2214" s="3">
        <v>2018</v>
      </c>
      <c r="G2214" s="3" t="s">
        <v>97</v>
      </c>
      <c r="H2214" t="s">
        <v>116</v>
      </c>
      <c r="I2214" t="s">
        <v>15</v>
      </c>
      <c r="J2214" s="10">
        <v>77.94</v>
      </c>
    </row>
    <row r="2215" spans="1:10" x14ac:dyDescent="0.35">
      <c r="A2215" t="s">
        <v>10</v>
      </c>
      <c r="B2215" t="s">
        <v>30</v>
      </c>
      <c r="C2215" t="s">
        <v>114</v>
      </c>
      <c r="D2215" t="s">
        <v>115</v>
      </c>
      <c r="E2215" s="6" t="s">
        <v>127</v>
      </c>
      <c r="F2215" s="3">
        <v>2018</v>
      </c>
      <c r="G2215" s="3" t="s">
        <v>97</v>
      </c>
      <c r="H2215" t="s">
        <v>116</v>
      </c>
      <c r="I2215" t="s">
        <v>15</v>
      </c>
      <c r="J2215" s="10">
        <v>76.959999999999994</v>
      </c>
    </row>
    <row r="2216" spans="1:10" x14ac:dyDescent="0.35">
      <c r="A2216" t="s">
        <v>20</v>
      </c>
      <c r="B2216" t="s">
        <v>72</v>
      </c>
      <c r="C2216" t="s">
        <v>114</v>
      </c>
      <c r="D2216" t="s">
        <v>115</v>
      </c>
      <c r="E2216" s="6" t="s">
        <v>127</v>
      </c>
      <c r="F2216" s="3">
        <v>2018</v>
      </c>
      <c r="G2216" s="3" t="s">
        <v>97</v>
      </c>
      <c r="H2216" t="s">
        <v>116</v>
      </c>
      <c r="I2216" t="s">
        <v>15</v>
      </c>
      <c r="J2216" s="10">
        <v>75.48</v>
      </c>
    </row>
    <row r="2217" spans="1:10" x14ac:dyDescent="0.35">
      <c r="A2217" t="s">
        <v>28</v>
      </c>
      <c r="B2217" t="s">
        <v>29</v>
      </c>
      <c r="C2217" t="s">
        <v>114</v>
      </c>
      <c r="D2217" t="s">
        <v>115</v>
      </c>
      <c r="E2217" s="6" t="s">
        <v>127</v>
      </c>
      <c r="F2217" s="3">
        <v>2018</v>
      </c>
      <c r="G2217" s="3" t="s">
        <v>97</v>
      </c>
      <c r="H2217" t="s">
        <v>116</v>
      </c>
      <c r="I2217" t="s">
        <v>15</v>
      </c>
      <c r="J2217" s="10">
        <v>77.77</v>
      </c>
    </row>
    <row r="2218" spans="1:10" x14ac:dyDescent="0.35">
      <c r="A2218" t="s">
        <v>22</v>
      </c>
      <c r="B2218" t="s">
        <v>51</v>
      </c>
      <c r="C2218" t="s">
        <v>114</v>
      </c>
      <c r="D2218" t="s">
        <v>115</v>
      </c>
      <c r="E2218" s="6" t="s">
        <v>127</v>
      </c>
      <c r="F2218" s="3">
        <v>2018</v>
      </c>
      <c r="G2218" s="3" t="s">
        <v>97</v>
      </c>
      <c r="H2218" t="s">
        <v>116</v>
      </c>
      <c r="I2218" t="s">
        <v>15</v>
      </c>
      <c r="J2218" s="10">
        <v>78.48</v>
      </c>
    </row>
    <row r="2219" spans="1:10" x14ac:dyDescent="0.35">
      <c r="A2219" t="s">
        <v>33</v>
      </c>
      <c r="B2219" t="s">
        <v>47</v>
      </c>
      <c r="C2219" t="s">
        <v>114</v>
      </c>
      <c r="D2219" t="s">
        <v>115</v>
      </c>
      <c r="E2219" s="6" t="s">
        <v>127</v>
      </c>
      <c r="F2219" s="3">
        <v>2018</v>
      </c>
      <c r="G2219" s="3" t="s">
        <v>97</v>
      </c>
      <c r="H2219" t="s">
        <v>116</v>
      </c>
      <c r="I2219" t="s">
        <v>15</v>
      </c>
      <c r="J2219" s="10">
        <v>78.260000000000005</v>
      </c>
    </row>
    <row r="2220" spans="1:10" x14ac:dyDescent="0.35">
      <c r="A2220" t="s">
        <v>28</v>
      </c>
      <c r="B2220" t="s">
        <v>49</v>
      </c>
      <c r="C2220" t="s">
        <v>114</v>
      </c>
      <c r="D2220" t="s">
        <v>115</v>
      </c>
      <c r="E2220" s="6" t="s">
        <v>127</v>
      </c>
      <c r="F2220" s="3">
        <v>2018</v>
      </c>
      <c r="G2220" s="3" t="s">
        <v>97</v>
      </c>
      <c r="H2220" t="s">
        <v>116</v>
      </c>
      <c r="I2220" t="s">
        <v>15</v>
      </c>
      <c r="J2220" s="10">
        <v>78.81</v>
      </c>
    </row>
    <row r="2221" spans="1:10" x14ac:dyDescent="0.35">
      <c r="A2221" t="s">
        <v>20</v>
      </c>
      <c r="B2221" t="s">
        <v>48</v>
      </c>
      <c r="C2221" t="s">
        <v>114</v>
      </c>
      <c r="D2221" t="s">
        <v>115</v>
      </c>
      <c r="E2221" s="6" t="s">
        <v>127</v>
      </c>
      <c r="F2221" s="3">
        <v>2018</v>
      </c>
      <c r="G2221" s="3" t="s">
        <v>97</v>
      </c>
      <c r="H2221" t="s">
        <v>116</v>
      </c>
      <c r="I2221" t="s">
        <v>15</v>
      </c>
      <c r="J2221" s="10">
        <v>77.36</v>
      </c>
    </row>
    <row r="2222" spans="1:10" x14ac:dyDescent="0.35">
      <c r="A2222" t="s">
        <v>28</v>
      </c>
      <c r="B2222" t="s">
        <v>32</v>
      </c>
      <c r="C2222" t="s">
        <v>114</v>
      </c>
      <c r="D2222" t="s">
        <v>115</v>
      </c>
      <c r="E2222" s="6" t="s">
        <v>127</v>
      </c>
      <c r="F2222" s="3">
        <v>2018</v>
      </c>
      <c r="G2222" s="3" t="s">
        <v>97</v>
      </c>
      <c r="H2222" t="s">
        <v>116</v>
      </c>
      <c r="I2222" t="s">
        <v>15</v>
      </c>
      <c r="J2222" s="10">
        <v>75.98</v>
      </c>
    </row>
    <row r="2223" spans="1:10" x14ac:dyDescent="0.35">
      <c r="A2223" t="s">
        <v>35</v>
      </c>
      <c r="B2223" t="s">
        <v>50</v>
      </c>
      <c r="C2223" t="s">
        <v>114</v>
      </c>
      <c r="D2223" t="s">
        <v>115</v>
      </c>
      <c r="E2223" s="6" t="s">
        <v>127</v>
      </c>
      <c r="F2223" s="3">
        <v>2018</v>
      </c>
      <c r="G2223" s="3" t="s">
        <v>97</v>
      </c>
      <c r="H2223" t="s">
        <v>116</v>
      </c>
      <c r="I2223" t="s">
        <v>15</v>
      </c>
      <c r="J2223" s="10">
        <v>82.15</v>
      </c>
    </row>
    <row r="2224" spans="1:10" x14ac:dyDescent="0.35">
      <c r="A2224" t="s">
        <v>10</v>
      </c>
      <c r="B2224" t="s">
        <v>46</v>
      </c>
      <c r="C2224" t="s">
        <v>114</v>
      </c>
      <c r="D2224" t="s">
        <v>115</v>
      </c>
      <c r="E2224" s="6" t="s">
        <v>127</v>
      </c>
      <c r="F2224" s="3">
        <v>2018</v>
      </c>
      <c r="G2224" s="3" t="s">
        <v>97</v>
      </c>
      <c r="H2224" t="s">
        <v>116</v>
      </c>
      <c r="I2224" t="s">
        <v>15</v>
      </c>
      <c r="J2224" s="10">
        <v>73.66</v>
      </c>
    </row>
    <row r="2225" spans="1:10" x14ac:dyDescent="0.35">
      <c r="A2225" t="s">
        <v>35</v>
      </c>
      <c r="B2225" t="s">
        <v>43</v>
      </c>
      <c r="C2225" t="s">
        <v>114</v>
      </c>
      <c r="D2225" t="s">
        <v>115</v>
      </c>
      <c r="E2225" s="6" t="s">
        <v>127</v>
      </c>
      <c r="F2225" s="3">
        <v>2018</v>
      </c>
      <c r="G2225" s="3" t="s">
        <v>97</v>
      </c>
      <c r="H2225" t="s">
        <v>116</v>
      </c>
      <c r="I2225" t="s">
        <v>15</v>
      </c>
      <c r="J2225" s="10">
        <v>77.05</v>
      </c>
    </row>
    <row r="2226" spans="1:10" x14ac:dyDescent="0.35">
      <c r="A2226" t="s">
        <v>35</v>
      </c>
      <c r="B2226" t="s">
        <v>41</v>
      </c>
      <c r="C2226" t="s">
        <v>114</v>
      </c>
      <c r="D2226" t="s">
        <v>115</v>
      </c>
      <c r="E2226" s="6" t="s">
        <v>127</v>
      </c>
      <c r="F2226" s="3">
        <v>2018</v>
      </c>
      <c r="G2226" s="3" t="s">
        <v>97</v>
      </c>
      <c r="H2226" t="s">
        <v>116</v>
      </c>
      <c r="I2226" t="s">
        <v>15</v>
      </c>
      <c r="J2226" s="10">
        <v>77.040000000000006</v>
      </c>
    </row>
    <row r="2227" spans="1:10" x14ac:dyDescent="0.35">
      <c r="A2227" t="s">
        <v>28</v>
      </c>
      <c r="B2227" t="s">
        <v>44</v>
      </c>
      <c r="C2227" t="s">
        <v>114</v>
      </c>
      <c r="D2227" t="s">
        <v>115</v>
      </c>
      <c r="E2227" s="6" t="s">
        <v>127</v>
      </c>
      <c r="F2227" s="3">
        <v>2018</v>
      </c>
      <c r="G2227" s="3" t="s">
        <v>97</v>
      </c>
      <c r="H2227" t="s">
        <v>116</v>
      </c>
      <c r="I2227" t="s">
        <v>15</v>
      </c>
      <c r="J2227" s="10">
        <v>78.08</v>
      </c>
    </row>
    <row r="2228" spans="1:10" x14ac:dyDescent="0.35">
      <c r="A2228" t="s">
        <v>10</v>
      </c>
      <c r="B2228" t="s">
        <v>45</v>
      </c>
      <c r="C2228" t="s">
        <v>114</v>
      </c>
      <c r="D2228" t="s">
        <v>115</v>
      </c>
      <c r="E2228" s="6" t="s">
        <v>127</v>
      </c>
      <c r="F2228" s="3">
        <v>2018</v>
      </c>
      <c r="G2228" s="3" t="s">
        <v>97</v>
      </c>
      <c r="H2228" t="s">
        <v>116</v>
      </c>
      <c r="I2228" t="s">
        <v>15</v>
      </c>
      <c r="J2228" s="10">
        <v>74.239999999999995</v>
      </c>
    </row>
    <row r="2229" spans="1:10" x14ac:dyDescent="0.35">
      <c r="A2229" t="s">
        <v>35</v>
      </c>
      <c r="B2229" t="s">
        <v>42</v>
      </c>
      <c r="C2229" t="s">
        <v>114</v>
      </c>
      <c r="D2229" t="s">
        <v>115</v>
      </c>
      <c r="E2229" s="6" t="s">
        <v>127</v>
      </c>
      <c r="F2229" s="3">
        <v>2018</v>
      </c>
      <c r="G2229" s="3" t="s">
        <v>97</v>
      </c>
      <c r="H2229" t="s">
        <v>116</v>
      </c>
      <c r="I2229" t="s">
        <v>15</v>
      </c>
      <c r="J2229" s="10">
        <v>75.56</v>
      </c>
    </row>
    <row r="2230" spans="1:10" x14ac:dyDescent="0.35">
      <c r="A2230" t="s">
        <v>20</v>
      </c>
      <c r="B2230" t="s">
        <v>38</v>
      </c>
      <c r="C2230" t="s">
        <v>114</v>
      </c>
      <c r="D2230" t="s">
        <v>115</v>
      </c>
      <c r="E2230" s="6" t="s">
        <v>127</v>
      </c>
      <c r="F2230" s="3">
        <v>2018</v>
      </c>
      <c r="G2230" s="3" t="s">
        <v>97</v>
      </c>
      <c r="H2230" t="s">
        <v>116</v>
      </c>
      <c r="I2230" t="s">
        <v>15</v>
      </c>
      <c r="J2230" s="10">
        <v>75.52</v>
      </c>
    </row>
    <row r="2231" spans="1:10" x14ac:dyDescent="0.35">
      <c r="A2231" t="s">
        <v>28</v>
      </c>
      <c r="B2231" t="s">
        <v>37</v>
      </c>
      <c r="C2231" t="s">
        <v>114</v>
      </c>
      <c r="D2231" t="s">
        <v>115</v>
      </c>
      <c r="E2231" s="6" t="s">
        <v>127</v>
      </c>
      <c r="F2231" s="3">
        <v>2018</v>
      </c>
      <c r="G2231" s="3" t="s">
        <v>97</v>
      </c>
      <c r="H2231" t="s">
        <v>116</v>
      </c>
      <c r="I2231" t="s">
        <v>15</v>
      </c>
      <c r="J2231" s="10">
        <v>78.599999999999994</v>
      </c>
    </row>
    <row r="2232" spans="1:10" x14ac:dyDescent="0.35">
      <c r="A2232" t="s">
        <v>33</v>
      </c>
      <c r="B2232" t="s">
        <v>39</v>
      </c>
      <c r="C2232" t="s">
        <v>114</v>
      </c>
      <c r="D2232" t="s">
        <v>115</v>
      </c>
      <c r="E2232" s="6" t="s">
        <v>127</v>
      </c>
      <c r="F2232" s="3">
        <v>2018</v>
      </c>
      <c r="G2232" s="3" t="s">
        <v>97</v>
      </c>
      <c r="H2232" t="s">
        <v>116</v>
      </c>
      <c r="I2232" t="s">
        <v>15</v>
      </c>
      <c r="J2232" s="10">
        <v>77.36</v>
      </c>
    </row>
    <row r="2233" spans="1:10" x14ac:dyDescent="0.35">
      <c r="A2233" t="s">
        <v>20</v>
      </c>
      <c r="B2233" t="s">
        <v>40</v>
      </c>
      <c r="C2233" t="s">
        <v>114</v>
      </c>
      <c r="D2233" t="s">
        <v>115</v>
      </c>
      <c r="E2233" s="6" t="s">
        <v>127</v>
      </c>
      <c r="F2233" s="3">
        <v>2018</v>
      </c>
      <c r="G2233" s="3" t="s">
        <v>97</v>
      </c>
      <c r="H2233" t="s">
        <v>116</v>
      </c>
      <c r="I2233" t="s">
        <v>15</v>
      </c>
      <c r="J2233" s="10">
        <v>76.989999999999995</v>
      </c>
    </row>
    <row r="2234" spans="1:10" x14ac:dyDescent="0.35">
      <c r="A2234" t="s">
        <v>22</v>
      </c>
      <c r="B2234" t="s">
        <v>52</v>
      </c>
      <c r="C2234" t="s">
        <v>114</v>
      </c>
      <c r="D2234" t="s">
        <v>115</v>
      </c>
      <c r="E2234" s="6" t="s">
        <v>127</v>
      </c>
      <c r="F2234" s="3">
        <v>2018</v>
      </c>
      <c r="G2234" s="3" t="s">
        <v>97</v>
      </c>
      <c r="H2234" t="s">
        <v>116</v>
      </c>
      <c r="I2234" t="s">
        <v>15</v>
      </c>
      <c r="J2234" s="10">
        <v>75.14</v>
      </c>
    </row>
    <row r="2235" spans="1:10" x14ac:dyDescent="0.35">
      <c r="A2235" t="s">
        <v>22</v>
      </c>
      <c r="B2235" t="s">
        <v>55</v>
      </c>
      <c r="C2235" t="s">
        <v>114</v>
      </c>
      <c r="D2235" t="s">
        <v>115</v>
      </c>
      <c r="E2235" s="6" t="s">
        <v>127</v>
      </c>
      <c r="F2235" s="3">
        <v>2018</v>
      </c>
      <c r="G2235" s="3" t="s">
        <v>97</v>
      </c>
      <c r="H2235" t="s">
        <v>116</v>
      </c>
      <c r="I2235" t="s">
        <v>15</v>
      </c>
      <c r="J2235" s="10">
        <v>79.67</v>
      </c>
    </row>
    <row r="2236" spans="1:10" x14ac:dyDescent="0.35">
      <c r="A2236" t="s">
        <v>22</v>
      </c>
      <c r="B2236" t="s">
        <v>56</v>
      </c>
      <c r="C2236" t="s">
        <v>114</v>
      </c>
      <c r="D2236" t="s">
        <v>115</v>
      </c>
      <c r="E2236" s="6" t="s">
        <v>127</v>
      </c>
      <c r="F2236" s="3">
        <v>2018</v>
      </c>
      <c r="G2236" s="3" t="s">
        <v>97</v>
      </c>
      <c r="H2236" t="s">
        <v>116</v>
      </c>
      <c r="I2236" t="s">
        <v>15</v>
      </c>
      <c r="J2236" s="10">
        <v>80</v>
      </c>
    </row>
    <row r="2237" spans="1:10" x14ac:dyDescent="0.35">
      <c r="A2237" t="s">
        <v>22</v>
      </c>
      <c r="B2237" t="s">
        <v>54</v>
      </c>
      <c r="C2237" t="s">
        <v>114</v>
      </c>
      <c r="D2237" t="s">
        <v>115</v>
      </c>
      <c r="E2237" s="6" t="s">
        <v>127</v>
      </c>
      <c r="F2237" s="3">
        <v>2018</v>
      </c>
      <c r="G2237" s="3" t="s">
        <v>97</v>
      </c>
      <c r="H2237" t="s">
        <v>116</v>
      </c>
      <c r="I2237" t="s">
        <v>15</v>
      </c>
      <c r="J2237" s="10">
        <v>79.14</v>
      </c>
    </row>
    <row r="2238" spans="1:10" x14ac:dyDescent="0.35">
      <c r="A2238" t="s">
        <v>28</v>
      </c>
      <c r="B2238" t="s">
        <v>58</v>
      </c>
      <c r="C2238" t="s">
        <v>114</v>
      </c>
      <c r="D2238" t="s">
        <v>115</v>
      </c>
      <c r="E2238" s="6" t="s">
        <v>127</v>
      </c>
      <c r="F2238" s="3">
        <v>2018</v>
      </c>
      <c r="G2238" s="3" t="s">
        <v>97</v>
      </c>
      <c r="H2238" t="s">
        <v>116</v>
      </c>
      <c r="I2238" t="s">
        <v>15</v>
      </c>
      <c r="J2238" s="10">
        <v>78.72</v>
      </c>
    </row>
    <row r="2239" spans="1:10" x14ac:dyDescent="0.35">
      <c r="A2239" t="s">
        <v>22</v>
      </c>
      <c r="B2239" t="s">
        <v>53</v>
      </c>
      <c r="C2239" t="s">
        <v>114</v>
      </c>
      <c r="D2239" t="s">
        <v>115</v>
      </c>
      <c r="E2239" s="6" t="s">
        <v>127</v>
      </c>
      <c r="F2239" s="3">
        <v>2018</v>
      </c>
      <c r="G2239" s="3" t="s">
        <v>97</v>
      </c>
      <c r="H2239" t="s">
        <v>116</v>
      </c>
      <c r="I2239" t="s">
        <v>15</v>
      </c>
      <c r="J2239" s="10">
        <v>76.58</v>
      </c>
    </row>
    <row r="2240" spans="1:10" x14ac:dyDescent="0.35">
      <c r="A2240" t="s">
        <v>28</v>
      </c>
      <c r="B2240" t="s">
        <v>61</v>
      </c>
      <c r="C2240" t="s">
        <v>114</v>
      </c>
      <c r="D2240" t="s">
        <v>115</v>
      </c>
      <c r="E2240" s="6" t="s">
        <v>127</v>
      </c>
      <c r="F2240" s="3">
        <v>2018</v>
      </c>
      <c r="G2240" s="3" t="s">
        <v>97</v>
      </c>
      <c r="H2240" t="s">
        <v>116</v>
      </c>
      <c r="I2240" t="s">
        <v>15</v>
      </c>
      <c r="J2240" s="10">
        <v>77.739999999999995</v>
      </c>
    </row>
    <row r="2241" spans="1:10" x14ac:dyDescent="0.35">
      <c r="A2241" t="s">
        <v>62</v>
      </c>
      <c r="B2241" t="s">
        <v>63</v>
      </c>
      <c r="C2241" t="s">
        <v>114</v>
      </c>
      <c r="D2241" t="s">
        <v>115</v>
      </c>
      <c r="E2241" s="6" t="s">
        <v>127</v>
      </c>
      <c r="F2241" s="3">
        <v>2018</v>
      </c>
      <c r="G2241" s="3" t="s">
        <v>97</v>
      </c>
      <c r="H2241" t="s">
        <v>116</v>
      </c>
      <c r="I2241" t="s">
        <v>15</v>
      </c>
      <c r="J2241" s="10">
        <v>74.260000000000005</v>
      </c>
    </row>
    <row r="2242" spans="1:10" x14ac:dyDescent="0.35">
      <c r="A2242" t="s">
        <v>20</v>
      </c>
      <c r="B2242" t="s">
        <v>60</v>
      </c>
      <c r="C2242" t="s">
        <v>114</v>
      </c>
      <c r="D2242" t="s">
        <v>115</v>
      </c>
      <c r="E2242" s="6" t="s">
        <v>127</v>
      </c>
      <c r="F2242" s="3">
        <v>2018</v>
      </c>
      <c r="G2242" s="3" t="s">
        <v>97</v>
      </c>
      <c r="H2242" t="s">
        <v>116</v>
      </c>
      <c r="I2242" t="s">
        <v>15</v>
      </c>
      <c r="J2242" s="10">
        <v>76.069999999999993</v>
      </c>
    </row>
    <row r="2243" spans="1:10" x14ac:dyDescent="0.35">
      <c r="A2243" t="s">
        <v>20</v>
      </c>
      <c r="B2243" t="s">
        <v>59</v>
      </c>
      <c r="C2243" t="s">
        <v>114</v>
      </c>
      <c r="D2243" t="s">
        <v>115</v>
      </c>
      <c r="E2243" s="6" t="s">
        <v>127</v>
      </c>
      <c r="F2243" s="3">
        <v>2018</v>
      </c>
      <c r="G2243" s="3" t="s">
        <v>97</v>
      </c>
      <c r="H2243" t="s">
        <v>116</v>
      </c>
      <c r="I2243" t="s">
        <v>15</v>
      </c>
      <c r="J2243" s="10">
        <v>78.2</v>
      </c>
    </row>
    <row r="2244" spans="1:10" x14ac:dyDescent="0.35">
      <c r="A2244" t="s">
        <v>35</v>
      </c>
      <c r="B2244" t="s">
        <v>87</v>
      </c>
      <c r="C2244" t="s">
        <v>114</v>
      </c>
      <c r="D2244" t="s">
        <v>115</v>
      </c>
      <c r="E2244" s="6" t="s">
        <v>127</v>
      </c>
      <c r="F2244" s="3">
        <v>2018</v>
      </c>
      <c r="G2244" s="3" t="s">
        <v>97</v>
      </c>
      <c r="H2244" t="s">
        <v>116</v>
      </c>
      <c r="I2244" t="s">
        <v>15</v>
      </c>
      <c r="J2244" s="10">
        <v>77.25</v>
      </c>
    </row>
    <row r="2245" spans="1:10" x14ac:dyDescent="0.35">
      <c r="A2245" t="s">
        <v>33</v>
      </c>
      <c r="B2245" t="s">
        <v>82</v>
      </c>
      <c r="C2245" t="s">
        <v>114</v>
      </c>
      <c r="D2245" t="s">
        <v>115</v>
      </c>
      <c r="E2245" s="6" t="s">
        <v>127</v>
      </c>
      <c r="F2245" s="3">
        <v>2018</v>
      </c>
      <c r="G2245" s="3" t="s">
        <v>97</v>
      </c>
      <c r="H2245" t="s">
        <v>116</v>
      </c>
      <c r="I2245" t="s">
        <v>15</v>
      </c>
      <c r="J2245" s="10">
        <v>79.63</v>
      </c>
    </row>
    <row r="2246" spans="1:10" x14ac:dyDescent="0.35">
      <c r="A2246" t="s">
        <v>22</v>
      </c>
      <c r="B2246" t="s">
        <v>76</v>
      </c>
      <c r="C2246" t="s">
        <v>114</v>
      </c>
      <c r="D2246" t="s">
        <v>115</v>
      </c>
      <c r="E2246" s="6" t="s">
        <v>127</v>
      </c>
      <c r="F2246" s="3">
        <v>2018</v>
      </c>
      <c r="G2246" s="3" t="s">
        <v>97</v>
      </c>
      <c r="H2246" t="s">
        <v>116</v>
      </c>
      <c r="I2246" t="s">
        <v>15</v>
      </c>
      <c r="J2246" s="10">
        <v>77.97</v>
      </c>
    </row>
    <row r="2247" spans="1:10" x14ac:dyDescent="0.35">
      <c r="A2247" t="s">
        <v>33</v>
      </c>
      <c r="B2247" t="s">
        <v>75</v>
      </c>
      <c r="C2247" t="s">
        <v>114</v>
      </c>
      <c r="D2247" t="s">
        <v>115</v>
      </c>
      <c r="E2247" s="6" t="s">
        <v>127</v>
      </c>
      <c r="F2247" s="3">
        <v>2018</v>
      </c>
      <c r="G2247" s="3" t="s">
        <v>97</v>
      </c>
      <c r="H2247" t="s">
        <v>116</v>
      </c>
      <c r="I2247" t="s">
        <v>15</v>
      </c>
      <c r="J2247" s="10">
        <v>74.89</v>
      </c>
    </row>
    <row r="2248" spans="1:10" x14ac:dyDescent="0.35">
      <c r="A2248" t="s">
        <v>33</v>
      </c>
      <c r="B2248" t="s">
        <v>77</v>
      </c>
      <c r="C2248" t="s">
        <v>114</v>
      </c>
      <c r="D2248" t="s">
        <v>115</v>
      </c>
      <c r="E2248" s="6" t="s">
        <v>127</v>
      </c>
      <c r="F2248" s="3">
        <v>2018</v>
      </c>
      <c r="G2248" s="3" t="s">
        <v>97</v>
      </c>
      <c r="H2248" t="s">
        <v>116</v>
      </c>
      <c r="I2248" t="s">
        <v>15</v>
      </c>
      <c r="J2248" s="10">
        <v>76.290000000000006</v>
      </c>
    </row>
    <row r="2249" spans="1:10" x14ac:dyDescent="0.35">
      <c r="A2249" t="s">
        <v>26</v>
      </c>
      <c r="B2249" t="s">
        <v>80</v>
      </c>
      <c r="C2249" t="s">
        <v>114</v>
      </c>
      <c r="D2249" t="s">
        <v>115</v>
      </c>
      <c r="E2249" s="6" t="s">
        <v>127</v>
      </c>
      <c r="F2249" s="3">
        <v>2018</v>
      </c>
      <c r="G2249" s="3" t="s">
        <v>97</v>
      </c>
      <c r="H2249" t="s">
        <v>116</v>
      </c>
      <c r="I2249" t="s">
        <v>15</v>
      </c>
      <c r="J2249" s="10">
        <v>78.709999999999994</v>
      </c>
    </row>
    <row r="2250" spans="1:10" x14ac:dyDescent="0.35">
      <c r="A2250" t="s">
        <v>28</v>
      </c>
      <c r="B2250" t="s">
        <v>79</v>
      </c>
      <c r="C2250" t="s">
        <v>114</v>
      </c>
      <c r="D2250" t="s">
        <v>115</v>
      </c>
      <c r="E2250" s="6" t="s">
        <v>127</v>
      </c>
      <c r="F2250" s="3">
        <v>2018</v>
      </c>
      <c r="G2250" s="3" t="s">
        <v>97</v>
      </c>
      <c r="H2250" t="s">
        <v>116</v>
      </c>
      <c r="I2250" t="s">
        <v>15</v>
      </c>
      <c r="J2250" s="10">
        <v>78.87</v>
      </c>
    </row>
    <row r="2251" spans="1:10" x14ac:dyDescent="0.35">
      <c r="A2251" t="s">
        <v>22</v>
      </c>
      <c r="B2251" t="s">
        <v>78</v>
      </c>
      <c r="C2251" t="s">
        <v>114</v>
      </c>
      <c r="D2251" t="s">
        <v>115</v>
      </c>
      <c r="E2251" s="6" t="s">
        <v>127</v>
      </c>
      <c r="F2251" s="3">
        <v>2018</v>
      </c>
      <c r="G2251" s="3" t="s">
        <v>97</v>
      </c>
      <c r="H2251" t="s">
        <v>116</v>
      </c>
      <c r="I2251" t="s">
        <v>15</v>
      </c>
      <c r="J2251" s="10">
        <v>77.8</v>
      </c>
    </row>
    <row r="2252" spans="1:10" x14ac:dyDescent="0.35">
      <c r="A2252" t="s">
        <v>26</v>
      </c>
      <c r="B2252" t="s">
        <v>91</v>
      </c>
      <c r="C2252" t="s">
        <v>114</v>
      </c>
      <c r="D2252" t="s">
        <v>115</v>
      </c>
      <c r="E2252" s="6" t="s">
        <v>127</v>
      </c>
      <c r="F2252" s="3">
        <v>2018</v>
      </c>
      <c r="G2252" s="3" t="s">
        <v>97</v>
      </c>
      <c r="H2252" t="s">
        <v>116</v>
      </c>
      <c r="I2252" t="s">
        <v>15</v>
      </c>
      <c r="J2252" s="10">
        <v>78.2</v>
      </c>
    </row>
    <row r="2253" spans="1:10" x14ac:dyDescent="0.35">
      <c r="A2253" t="s">
        <v>62</v>
      </c>
      <c r="B2253" t="s">
        <v>89</v>
      </c>
      <c r="C2253" t="s">
        <v>114</v>
      </c>
      <c r="D2253" t="s">
        <v>115</v>
      </c>
      <c r="E2253" s="6" t="s">
        <v>127</v>
      </c>
      <c r="F2253" s="3">
        <v>2018</v>
      </c>
      <c r="G2253" s="3" t="s">
        <v>97</v>
      </c>
      <c r="H2253" t="s">
        <v>116</v>
      </c>
      <c r="I2253" t="s">
        <v>15</v>
      </c>
      <c r="J2253" s="10">
        <v>75.47</v>
      </c>
    </row>
    <row r="2254" spans="1:10" x14ac:dyDescent="0.35">
      <c r="A2254" t="s">
        <v>35</v>
      </c>
      <c r="B2254" t="s">
        <v>88</v>
      </c>
      <c r="C2254" t="s">
        <v>114</v>
      </c>
      <c r="D2254" t="s">
        <v>115</v>
      </c>
      <c r="E2254" s="6" t="s">
        <v>127</v>
      </c>
      <c r="F2254" s="3">
        <v>2018</v>
      </c>
      <c r="G2254" s="3" t="s">
        <v>97</v>
      </c>
      <c r="H2254" t="s">
        <v>116</v>
      </c>
      <c r="I2254" t="s">
        <v>15</v>
      </c>
      <c r="J2254" s="10">
        <v>76.23</v>
      </c>
    </row>
    <row r="2255" spans="1:10" x14ac:dyDescent="0.35">
      <c r="A2255" t="s">
        <v>26</v>
      </c>
      <c r="B2255" t="s">
        <v>90</v>
      </c>
      <c r="C2255" t="s">
        <v>114</v>
      </c>
      <c r="D2255" t="s">
        <v>115</v>
      </c>
      <c r="E2255" s="6" t="s">
        <v>127</v>
      </c>
      <c r="F2255" s="3">
        <v>2018</v>
      </c>
      <c r="G2255" s="3" t="s">
        <v>97</v>
      </c>
      <c r="H2255" t="s">
        <v>116</v>
      </c>
      <c r="I2255" t="s">
        <v>15</v>
      </c>
      <c r="J2255" s="10">
        <v>79.48</v>
      </c>
    </row>
    <row r="2256" spans="1:10" x14ac:dyDescent="0.35">
      <c r="A2256" t="s">
        <v>33</v>
      </c>
      <c r="B2256" t="s">
        <v>92</v>
      </c>
      <c r="C2256" t="s">
        <v>114</v>
      </c>
      <c r="D2256" t="s">
        <v>115</v>
      </c>
      <c r="E2256" s="6" t="s">
        <v>127</v>
      </c>
      <c r="F2256" s="3">
        <v>2018</v>
      </c>
      <c r="G2256" s="3" t="s">
        <v>97</v>
      </c>
      <c r="H2256" t="s">
        <v>116</v>
      </c>
      <c r="I2256" t="s">
        <v>15</v>
      </c>
      <c r="J2256" s="10">
        <v>78.09</v>
      </c>
    </row>
    <row r="2257" spans="1:10" x14ac:dyDescent="0.35">
      <c r="A2257" t="s">
        <v>20</v>
      </c>
      <c r="B2257" t="s">
        <v>94</v>
      </c>
      <c r="C2257" t="s">
        <v>114</v>
      </c>
      <c r="D2257" t="s">
        <v>115</v>
      </c>
      <c r="E2257" s="6" t="s">
        <v>127</v>
      </c>
      <c r="F2257" s="3">
        <v>2018</v>
      </c>
      <c r="G2257" s="3" t="s">
        <v>97</v>
      </c>
      <c r="H2257" t="s">
        <v>116</v>
      </c>
      <c r="I2257" t="s">
        <v>15</v>
      </c>
      <c r="J2257" s="10">
        <v>75.53</v>
      </c>
    </row>
    <row r="2258" spans="1:10" x14ac:dyDescent="0.35">
      <c r="A2258" t="s">
        <v>35</v>
      </c>
      <c r="B2258" t="s">
        <v>93</v>
      </c>
      <c r="C2258" t="s">
        <v>114</v>
      </c>
      <c r="D2258" t="s">
        <v>115</v>
      </c>
      <c r="E2258" s="6" t="s">
        <v>127</v>
      </c>
      <c r="F2258" s="3">
        <v>2018</v>
      </c>
      <c r="G2258" s="3" t="s">
        <v>97</v>
      </c>
      <c r="H2258" t="s">
        <v>116</v>
      </c>
      <c r="I2258" t="s">
        <v>15</v>
      </c>
      <c r="J2258" s="10">
        <v>80.03</v>
      </c>
    </row>
    <row r="2259" spans="1:10" x14ac:dyDescent="0.35">
      <c r="A2259" t="s">
        <v>26</v>
      </c>
      <c r="B2259" t="s">
        <v>83</v>
      </c>
      <c r="C2259" t="s">
        <v>114</v>
      </c>
      <c r="D2259" t="s">
        <v>115</v>
      </c>
      <c r="E2259" s="6" t="s">
        <v>127</v>
      </c>
      <c r="F2259" s="3">
        <v>2018</v>
      </c>
      <c r="G2259" s="3" t="s">
        <v>97</v>
      </c>
      <c r="H2259" t="s">
        <v>116</v>
      </c>
      <c r="I2259" t="s">
        <v>15</v>
      </c>
      <c r="J2259" s="10">
        <v>79.09</v>
      </c>
    </row>
    <row r="2260" spans="1:10" x14ac:dyDescent="0.35">
      <c r="A2260" t="s">
        <v>20</v>
      </c>
      <c r="B2260" t="s">
        <v>81</v>
      </c>
      <c r="C2260" t="s">
        <v>114</v>
      </c>
      <c r="D2260" t="s">
        <v>115</v>
      </c>
      <c r="E2260" s="6" t="s">
        <v>127</v>
      </c>
      <c r="F2260" s="3">
        <v>2018</v>
      </c>
      <c r="G2260" s="3" t="s">
        <v>97</v>
      </c>
      <c r="H2260" t="s">
        <v>116</v>
      </c>
      <c r="I2260" t="s">
        <v>15</v>
      </c>
      <c r="J2260" s="10">
        <v>74.510000000000005</v>
      </c>
    </row>
    <row r="2261" spans="1:10" x14ac:dyDescent="0.35">
      <c r="A2261" t="s">
        <v>26</v>
      </c>
      <c r="B2261" t="s">
        <v>57</v>
      </c>
      <c r="C2261" t="s">
        <v>114</v>
      </c>
      <c r="D2261" t="s">
        <v>115</v>
      </c>
      <c r="E2261" s="6" t="s">
        <v>127</v>
      </c>
      <c r="F2261" s="3">
        <v>2018</v>
      </c>
      <c r="G2261" s="3" t="s">
        <v>97</v>
      </c>
      <c r="H2261" t="s">
        <v>116</v>
      </c>
      <c r="I2261" t="s">
        <v>15</v>
      </c>
      <c r="J2261" s="10">
        <v>77.44</v>
      </c>
    </row>
    <row r="2262" spans="1:10" x14ac:dyDescent="0.35">
      <c r="A2262" t="s">
        <v>33</v>
      </c>
      <c r="B2262" t="s">
        <v>86</v>
      </c>
      <c r="C2262" t="s">
        <v>114</v>
      </c>
      <c r="D2262" t="s">
        <v>115</v>
      </c>
      <c r="E2262" s="6" t="s">
        <v>127</v>
      </c>
      <c r="F2262" s="3">
        <v>2018</v>
      </c>
      <c r="G2262" s="3" t="s">
        <v>97</v>
      </c>
      <c r="H2262" t="s">
        <v>116</v>
      </c>
      <c r="I2262" t="s">
        <v>15</v>
      </c>
      <c r="J2262" s="10">
        <v>80.510000000000005</v>
      </c>
    </row>
    <row r="2263" spans="1:10" x14ac:dyDescent="0.35">
      <c r="A2263" t="s">
        <v>33</v>
      </c>
      <c r="B2263" t="s">
        <v>85</v>
      </c>
      <c r="C2263" t="s">
        <v>114</v>
      </c>
      <c r="D2263" t="s">
        <v>115</v>
      </c>
      <c r="E2263" s="6" t="s">
        <v>127</v>
      </c>
      <c r="F2263" s="3">
        <v>2018</v>
      </c>
      <c r="G2263" s="3" t="s">
        <v>97</v>
      </c>
      <c r="H2263" t="s">
        <v>116</v>
      </c>
      <c r="I2263" t="s">
        <v>15</v>
      </c>
      <c r="J2263" s="10">
        <v>77.8</v>
      </c>
    </row>
    <row r="2264" spans="1:10" x14ac:dyDescent="0.35">
      <c r="A2264" t="s">
        <v>35</v>
      </c>
      <c r="B2264" t="s">
        <v>84</v>
      </c>
      <c r="C2264" t="s">
        <v>114</v>
      </c>
      <c r="D2264" t="s">
        <v>115</v>
      </c>
      <c r="E2264" s="6" t="s">
        <v>127</v>
      </c>
      <c r="F2264" s="3">
        <v>2018</v>
      </c>
      <c r="G2264" s="3" t="s">
        <v>97</v>
      </c>
      <c r="H2264" t="s">
        <v>116</v>
      </c>
      <c r="I2264" t="s">
        <v>15</v>
      </c>
      <c r="J2264" s="10">
        <v>75.040000000000006</v>
      </c>
    </row>
    <row r="2265" spans="1:10" x14ac:dyDescent="0.35">
      <c r="A2265" t="s">
        <v>10</v>
      </c>
      <c r="B2265" t="s">
        <v>18</v>
      </c>
      <c r="C2265" t="s">
        <v>114</v>
      </c>
      <c r="D2265" t="s">
        <v>115</v>
      </c>
      <c r="E2265" s="6" t="s">
        <v>127</v>
      </c>
      <c r="F2265" s="3">
        <v>2018</v>
      </c>
      <c r="G2265" s="3" t="s">
        <v>98</v>
      </c>
      <c r="H2265" t="s">
        <v>116</v>
      </c>
      <c r="I2265" t="s">
        <v>15</v>
      </c>
      <c r="J2265" s="10">
        <v>83.16</v>
      </c>
    </row>
    <row r="2266" spans="1:10" x14ac:dyDescent="0.35">
      <c r="A2266" t="s">
        <v>10</v>
      </c>
      <c r="B2266" t="s">
        <v>19</v>
      </c>
      <c r="C2266" t="s">
        <v>114</v>
      </c>
      <c r="D2266" t="s">
        <v>115</v>
      </c>
      <c r="E2266" s="6" t="s">
        <v>127</v>
      </c>
      <c r="F2266" s="3">
        <v>2018</v>
      </c>
      <c r="G2266" s="3" t="s">
        <v>98</v>
      </c>
      <c r="H2266" t="s">
        <v>116</v>
      </c>
      <c r="I2266" t="s">
        <v>15</v>
      </c>
      <c r="J2266" s="10">
        <v>83.95</v>
      </c>
    </row>
    <row r="2267" spans="1:10" x14ac:dyDescent="0.35">
      <c r="A2267" t="s">
        <v>10</v>
      </c>
      <c r="B2267" t="s">
        <v>16</v>
      </c>
      <c r="C2267" t="s">
        <v>114</v>
      </c>
      <c r="D2267" t="s">
        <v>115</v>
      </c>
      <c r="E2267" s="6" t="s">
        <v>127</v>
      </c>
      <c r="F2267" s="3">
        <v>2018</v>
      </c>
      <c r="G2267" s="3" t="s">
        <v>98</v>
      </c>
      <c r="H2267" t="s">
        <v>116</v>
      </c>
      <c r="I2267" t="s">
        <v>15</v>
      </c>
      <c r="J2267" s="10">
        <v>80.75</v>
      </c>
    </row>
    <row r="2268" spans="1:10" x14ac:dyDescent="0.35">
      <c r="A2268" t="s">
        <v>10</v>
      </c>
      <c r="B2268" t="s">
        <v>11</v>
      </c>
      <c r="C2268" t="s">
        <v>114</v>
      </c>
      <c r="D2268" t="s">
        <v>115</v>
      </c>
      <c r="E2268" s="6" t="s">
        <v>127</v>
      </c>
      <c r="F2268" s="3">
        <v>2018</v>
      </c>
      <c r="G2268" s="3" t="s">
        <v>98</v>
      </c>
      <c r="H2268" t="s">
        <v>116</v>
      </c>
      <c r="I2268" t="s">
        <v>15</v>
      </c>
      <c r="J2268" s="10">
        <v>80.760000000000005</v>
      </c>
    </row>
    <row r="2269" spans="1:10" x14ac:dyDescent="0.35">
      <c r="A2269" t="s">
        <v>10</v>
      </c>
      <c r="B2269" t="s">
        <v>17</v>
      </c>
      <c r="C2269" t="s">
        <v>114</v>
      </c>
      <c r="D2269" t="s">
        <v>115</v>
      </c>
      <c r="E2269" s="6" t="s">
        <v>127</v>
      </c>
      <c r="F2269" s="3">
        <v>2018</v>
      </c>
      <c r="G2269" s="3" t="s">
        <v>98</v>
      </c>
      <c r="H2269" t="s">
        <v>116</v>
      </c>
      <c r="I2269" t="s">
        <v>15</v>
      </c>
      <c r="J2269" s="10">
        <v>82.58</v>
      </c>
    </row>
    <row r="2270" spans="1:10" x14ac:dyDescent="0.35">
      <c r="A2270" t="s">
        <v>35</v>
      </c>
      <c r="B2270" t="s">
        <v>50</v>
      </c>
      <c r="C2270" t="s">
        <v>114</v>
      </c>
      <c r="D2270" t="s">
        <v>115</v>
      </c>
      <c r="E2270" s="6" t="s">
        <v>127</v>
      </c>
      <c r="F2270" s="3">
        <v>2018</v>
      </c>
      <c r="G2270" s="3" t="s">
        <v>98</v>
      </c>
      <c r="H2270" t="s">
        <v>116</v>
      </c>
      <c r="I2270" t="s">
        <v>15</v>
      </c>
      <c r="J2270" s="10">
        <v>84.29</v>
      </c>
    </row>
    <row r="2271" spans="1:10" x14ac:dyDescent="0.35">
      <c r="A2271" t="s">
        <v>35</v>
      </c>
      <c r="B2271" t="s">
        <v>43</v>
      </c>
      <c r="C2271" t="s">
        <v>114</v>
      </c>
      <c r="D2271" t="s">
        <v>115</v>
      </c>
      <c r="E2271" s="6" t="s">
        <v>127</v>
      </c>
      <c r="F2271" s="3">
        <v>2018</v>
      </c>
      <c r="G2271" s="3" t="s">
        <v>98</v>
      </c>
      <c r="H2271" t="s">
        <v>116</v>
      </c>
      <c r="I2271" t="s">
        <v>15</v>
      </c>
      <c r="J2271" s="10">
        <v>80.61</v>
      </c>
    </row>
    <row r="2272" spans="1:10" x14ac:dyDescent="0.35">
      <c r="A2272" t="s">
        <v>28</v>
      </c>
      <c r="B2272" t="s">
        <v>44</v>
      </c>
      <c r="C2272" t="s">
        <v>114</v>
      </c>
      <c r="D2272" t="s">
        <v>115</v>
      </c>
      <c r="E2272" s="6" t="s">
        <v>127</v>
      </c>
      <c r="F2272" s="3">
        <v>2018</v>
      </c>
      <c r="G2272" s="3" t="s">
        <v>98</v>
      </c>
      <c r="H2272" t="s">
        <v>116</v>
      </c>
      <c r="I2272" t="s">
        <v>15</v>
      </c>
      <c r="J2272" s="10">
        <v>81.89</v>
      </c>
    </row>
    <row r="2273" spans="1:10" x14ac:dyDescent="0.35">
      <c r="A2273" t="s">
        <v>35</v>
      </c>
      <c r="B2273" t="s">
        <v>42</v>
      </c>
      <c r="C2273" t="s">
        <v>114</v>
      </c>
      <c r="D2273" t="s">
        <v>115</v>
      </c>
      <c r="E2273" s="6" t="s">
        <v>127</v>
      </c>
      <c r="F2273" s="3">
        <v>2018</v>
      </c>
      <c r="G2273" s="3" t="s">
        <v>98</v>
      </c>
      <c r="H2273" t="s">
        <v>116</v>
      </c>
      <c r="I2273" t="s">
        <v>15</v>
      </c>
      <c r="J2273" s="10">
        <v>78.81</v>
      </c>
    </row>
    <row r="2274" spans="1:10" x14ac:dyDescent="0.35">
      <c r="A2274" t="s">
        <v>35</v>
      </c>
      <c r="B2274" t="s">
        <v>88</v>
      </c>
      <c r="C2274" t="s">
        <v>114</v>
      </c>
      <c r="D2274" t="s">
        <v>115</v>
      </c>
      <c r="E2274" s="6" t="s">
        <v>127</v>
      </c>
      <c r="F2274" s="3">
        <v>2018</v>
      </c>
      <c r="G2274" s="3" t="s">
        <v>98</v>
      </c>
      <c r="H2274" t="s">
        <v>116</v>
      </c>
      <c r="I2274" t="s">
        <v>15</v>
      </c>
      <c r="J2274" s="10">
        <v>81.45</v>
      </c>
    </row>
    <row r="2275" spans="1:10" x14ac:dyDescent="0.35">
      <c r="A2275" t="s">
        <v>20</v>
      </c>
      <c r="B2275" t="s">
        <v>60</v>
      </c>
      <c r="C2275" t="s">
        <v>114</v>
      </c>
      <c r="D2275" t="s">
        <v>115</v>
      </c>
      <c r="E2275" s="6" t="s">
        <v>127</v>
      </c>
      <c r="F2275" s="3">
        <v>2018</v>
      </c>
      <c r="G2275" s="3" t="s">
        <v>98</v>
      </c>
      <c r="H2275" t="s">
        <v>116</v>
      </c>
      <c r="I2275" t="s">
        <v>15</v>
      </c>
      <c r="J2275" s="10">
        <v>79.67</v>
      </c>
    </row>
    <row r="2276" spans="1:10" x14ac:dyDescent="0.35">
      <c r="A2276" t="s">
        <v>22</v>
      </c>
      <c r="B2276" t="s">
        <v>23</v>
      </c>
      <c r="C2276" t="s">
        <v>114</v>
      </c>
      <c r="D2276" t="s">
        <v>115</v>
      </c>
      <c r="E2276" s="6" t="s">
        <v>127</v>
      </c>
      <c r="F2276" s="3">
        <v>2018</v>
      </c>
      <c r="G2276" s="3" t="s">
        <v>98</v>
      </c>
      <c r="H2276" t="s">
        <v>116</v>
      </c>
      <c r="I2276" t="s">
        <v>15</v>
      </c>
      <c r="J2276" s="10">
        <v>80.650000000000006</v>
      </c>
    </row>
    <row r="2277" spans="1:10" x14ac:dyDescent="0.35">
      <c r="A2277" t="s">
        <v>10</v>
      </c>
      <c r="B2277" t="s">
        <v>24</v>
      </c>
      <c r="C2277" t="s">
        <v>114</v>
      </c>
      <c r="D2277" t="s">
        <v>115</v>
      </c>
      <c r="E2277" s="6" t="s">
        <v>127</v>
      </c>
      <c r="F2277" s="3">
        <v>2018</v>
      </c>
      <c r="G2277" s="3" t="s">
        <v>98</v>
      </c>
      <c r="H2277" t="s">
        <v>116</v>
      </c>
      <c r="I2277" t="s">
        <v>15</v>
      </c>
      <c r="J2277" s="10">
        <v>82.34</v>
      </c>
    </row>
    <row r="2278" spans="1:10" x14ac:dyDescent="0.35">
      <c r="A2278" t="s">
        <v>10</v>
      </c>
      <c r="B2278" t="s">
        <v>25</v>
      </c>
      <c r="C2278" t="s">
        <v>114</v>
      </c>
      <c r="D2278" t="s">
        <v>115</v>
      </c>
      <c r="E2278" s="6" t="s">
        <v>127</v>
      </c>
      <c r="F2278" s="3">
        <v>2018</v>
      </c>
      <c r="G2278" s="3" t="s">
        <v>98</v>
      </c>
      <c r="H2278" t="s">
        <v>116</v>
      </c>
      <c r="I2278" t="s">
        <v>15</v>
      </c>
      <c r="J2278" s="10">
        <v>81.55</v>
      </c>
    </row>
    <row r="2279" spans="1:10" x14ac:dyDescent="0.35">
      <c r="A2279" t="s">
        <v>28</v>
      </c>
      <c r="B2279" t="s">
        <v>61</v>
      </c>
      <c r="C2279" t="s">
        <v>114</v>
      </c>
      <c r="D2279" t="s">
        <v>115</v>
      </c>
      <c r="E2279" s="6" t="s">
        <v>127</v>
      </c>
      <c r="F2279" s="3">
        <v>2018</v>
      </c>
      <c r="G2279" s="3" t="s">
        <v>98</v>
      </c>
      <c r="H2279" t="s">
        <v>116</v>
      </c>
      <c r="I2279" t="s">
        <v>15</v>
      </c>
      <c r="J2279" s="10">
        <v>81.62</v>
      </c>
    </row>
    <row r="2280" spans="1:10" x14ac:dyDescent="0.35">
      <c r="A2280" t="s">
        <v>20</v>
      </c>
      <c r="B2280" t="s">
        <v>21</v>
      </c>
      <c r="C2280" t="s">
        <v>114</v>
      </c>
      <c r="D2280" t="s">
        <v>115</v>
      </c>
      <c r="E2280" s="6" t="s">
        <v>127</v>
      </c>
      <c r="F2280" s="3">
        <v>2018</v>
      </c>
      <c r="G2280" s="3" t="s">
        <v>98</v>
      </c>
      <c r="H2280" t="s">
        <v>116</v>
      </c>
      <c r="I2280" t="s">
        <v>15</v>
      </c>
      <c r="J2280" s="10">
        <v>79.69</v>
      </c>
    </row>
    <row r="2281" spans="1:10" x14ac:dyDescent="0.35">
      <c r="A2281" t="s">
        <v>62</v>
      </c>
      <c r="B2281" t="s">
        <v>63</v>
      </c>
      <c r="C2281" t="s">
        <v>114</v>
      </c>
      <c r="D2281" t="s">
        <v>115</v>
      </c>
      <c r="E2281" s="6" t="s">
        <v>127</v>
      </c>
      <c r="F2281" s="3">
        <v>2018</v>
      </c>
      <c r="G2281" s="3" t="s">
        <v>98</v>
      </c>
      <c r="H2281" t="s">
        <v>116</v>
      </c>
      <c r="I2281" t="s">
        <v>15</v>
      </c>
      <c r="J2281" s="10">
        <v>79.010000000000005</v>
      </c>
    </row>
    <row r="2282" spans="1:10" x14ac:dyDescent="0.35">
      <c r="A2282" t="s">
        <v>62</v>
      </c>
      <c r="B2282" t="s">
        <v>64</v>
      </c>
      <c r="C2282" t="s">
        <v>114</v>
      </c>
      <c r="D2282" t="s">
        <v>115</v>
      </c>
      <c r="E2282" s="6" t="s">
        <v>127</v>
      </c>
      <c r="F2282" s="3">
        <v>2018</v>
      </c>
      <c r="G2282" s="3" t="s">
        <v>98</v>
      </c>
      <c r="H2282" t="s">
        <v>116</v>
      </c>
      <c r="I2282" t="s">
        <v>15</v>
      </c>
      <c r="J2282" s="10">
        <v>81.25</v>
      </c>
    </row>
    <row r="2283" spans="1:10" x14ac:dyDescent="0.35">
      <c r="A2283" t="s">
        <v>22</v>
      </c>
      <c r="B2283" t="s">
        <v>55</v>
      </c>
      <c r="C2283" t="s">
        <v>114</v>
      </c>
      <c r="D2283" t="s">
        <v>115</v>
      </c>
      <c r="E2283" s="6" t="s">
        <v>127</v>
      </c>
      <c r="F2283" s="3">
        <v>2018</v>
      </c>
      <c r="G2283" s="3" t="s">
        <v>98</v>
      </c>
      <c r="H2283" t="s">
        <v>116</v>
      </c>
      <c r="I2283" t="s">
        <v>15</v>
      </c>
      <c r="J2283" s="10">
        <v>83.85</v>
      </c>
    </row>
    <row r="2284" spans="1:10" x14ac:dyDescent="0.35">
      <c r="A2284" t="s">
        <v>22</v>
      </c>
      <c r="B2284" t="s">
        <v>56</v>
      </c>
      <c r="C2284" t="s">
        <v>114</v>
      </c>
      <c r="D2284" t="s">
        <v>115</v>
      </c>
      <c r="E2284" s="6" t="s">
        <v>127</v>
      </c>
      <c r="F2284" s="3">
        <v>2018</v>
      </c>
      <c r="G2284" s="3" t="s">
        <v>98</v>
      </c>
      <c r="H2284" t="s">
        <v>116</v>
      </c>
      <c r="I2284" t="s">
        <v>15</v>
      </c>
      <c r="J2284" s="10">
        <v>84.12</v>
      </c>
    </row>
    <row r="2285" spans="1:10" x14ac:dyDescent="0.35">
      <c r="A2285" t="s">
        <v>28</v>
      </c>
      <c r="B2285" t="s">
        <v>58</v>
      </c>
      <c r="C2285" t="s">
        <v>114</v>
      </c>
      <c r="D2285" t="s">
        <v>115</v>
      </c>
      <c r="E2285" s="6" t="s">
        <v>127</v>
      </c>
      <c r="F2285" s="3">
        <v>2018</v>
      </c>
      <c r="G2285" s="3" t="s">
        <v>98</v>
      </c>
      <c r="H2285" t="s">
        <v>116</v>
      </c>
      <c r="I2285" t="s">
        <v>15</v>
      </c>
      <c r="J2285" s="10">
        <v>81.87</v>
      </c>
    </row>
    <row r="2286" spans="1:10" x14ac:dyDescent="0.35">
      <c r="A2286" t="s">
        <v>20</v>
      </c>
      <c r="B2286" t="s">
        <v>59</v>
      </c>
      <c r="C2286" t="s">
        <v>114</v>
      </c>
      <c r="D2286" t="s">
        <v>115</v>
      </c>
      <c r="E2286" s="6" t="s">
        <v>127</v>
      </c>
      <c r="F2286" s="3">
        <v>2018</v>
      </c>
      <c r="G2286" s="3" t="s">
        <v>98</v>
      </c>
      <c r="H2286" t="s">
        <v>116</v>
      </c>
      <c r="I2286" t="s">
        <v>15</v>
      </c>
      <c r="J2286" s="10">
        <v>80.94</v>
      </c>
    </row>
    <row r="2287" spans="1:10" x14ac:dyDescent="0.35">
      <c r="A2287" t="s">
        <v>28</v>
      </c>
      <c r="B2287" t="s">
        <v>29</v>
      </c>
      <c r="C2287" t="s">
        <v>114</v>
      </c>
      <c r="D2287" t="s">
        <v>115</v>
      </c>
      <c r="E2287" s="6" t="s">
        <v>127</v>
      </c>
      <c r="F2287" s="3">
        <v>2018</v>
      </c>
      <c r="G2287" s="3" t="s">
        <v>98</v>
      </c>
      <c r="H2287" t="s">
        <v>116</v>
      </c>
      <c r="I2287" t="s">
        <v>15</v>
      </c>
      <c r="J2287" s="10">
        <v>81.05</v>
      </c>
    </row>
    <row r="2288" spans="1:10" x14ac:dyDescent="0.35">
      <c r="A2288" t="s">
        <v>22</v>
      </c>
      <c r="B2288" t="s">
        <v>52</v>
      </c>
      <c r="C2288" t="s">
        <v>114</v>
      </c>
      <c r="D2288" t="s">
        <v>115</v>
      </c>
      <c r="E2288" s="6" t="s">
        <v>127</v>
      </c>
      <c r="F2288" s="3">
        <v>2018</v>
      </c>
      <c r="G2288" s="3" t="s">
        <v>98</v>
      </c>
      <c r="H2288" t="s">
        <v>116</v>
      </c>
      <c r="I2288" t="s">
        <v>15</v>
      </c>
      <c r="J2288" s="10">
        <v>79.98</v>
      </c>
    </row>
    <row r="2289" spans="1:10" x14ac:dyDescent="0.35">
      <c r="A2289" t="s">
        <v>22</v>
      </c>
      <c r="B2289" t="s">
        <v>54</v>
      </c>
      <c r="C2289" t="s">
        <v>114</v>
      </c>
      <c r="D2289" t="s">
        <v>115</v>
      </c>
      <c r="E2289" s="6" t="s">
        <v>127</v>
      </c>
      <c r="F2289" s="3">
        <v>2018</v>
      </c>
      <c r="G2289" s="3" t="s">
        <v>98</v>
      </c>
      <c r="H2289" t="s">
        <v>116</v>
      </c>
      <c r="I2289" t="s">
        <v>15</v>
      </c>
      <c r="J2289" s="10">
        <v>83.19</v>
      </c>
    </row>
    <row r="2290" spans="1:10" x14ac:dyDescent="0.35">
      <c r="A2290" t="s">
        <v>22</v>
      </c>
      <c r="B2290" t="s">
        <v>53</v>
      </c>
      <c r="C2290" t="s">
        <v>114</v>
      </c>
      <c r="D2290" t="s">
        <v>115</v>
      </c>
      <c r="E2290" s="6" t="s">
        <v>127</v>
      </c>
      <c r="F2290" s="3">
        <v>2018</v>
      </c>
      <c r="G2290" s="3" t="s">
        <v>98</v>
      </c>
      <c r="H2290" t="s">
        <v>116</v>
      </c>
      <c r="I2290" t="s">
        <v>15</v>
      </c>
      <c r="J2290" s="10">
        <v>80.12</v>
      </c>
    </row>
    <row r="2291" spans="1:10" x14ac:dyDescent="0.35">
      <c r="A2291" t="s">
        <v>26</v>
      </c>
      <c r="B2291" t="s">
        <v>27</v>
      </c>
      <c r="C2291" t="s">
        <v>114</v>
      </c>
      <c r="D2291" t="s">
        <v>115</v>
      </c>
      <c r="E2291" s="6" t="s">
        <v>127</v>
      </c>
      <c r="F2291" s="3">
        <v>2018</v>
      </c>
      <c r="G2291" s="3" t="s">
        <v>98</v>
      </c>
      <c r="H2291" t="s">
        <v>116</v>
      </c>
      <c r="I2291" t="s">
        <v>15</v>
      </c>
      <c r="J2291" s="10">
        <v>81.59</v>
      </c>
    </row>
    <row r="2292" spans="1:10" x14ac:dyDescent="0.35">
      <c r="A2292" t="s">
        <v>35</v>
      </c>
      <c r="B2292" t="s">
        <v>36</v>
      </c>
      <c r="C2292" t="s">
        <v>114</v>
      </c>
      <c r="D2292" t="s">
        <v>115</v>
      </c>
      <c r="E2292" s="6" t="s">
        <v>127</v>
      </c>
      <c r="F2292" s="3">
        <v>2018</v>
      </c>
      <c r="G2292" s="3" t="s">
        <v>98</v>
      </c>
      <c r="H2292" t="s">
        <v>116</v>
      </c>
      <c r="I2292" t="s">
        <v>15</v>
      </c>
      <c r="J2292" s="10">
        <v>81.25</v>
      </c>
    </row>
    <row r="2293" spans="1:10" x14ac:dyDescent="0.35">
      <c r="A2293" t="s">
        <v>33</v>
      </c>
      <c r="B2293" t="s">
        <v>34</v>
      </c>
      <c r="C2293" t="s">
        <v>114</v>
      </c>
      <c r="D2293" t="s">
        <v>115</v>
      </c>
      <c r="E2293" s="6" t="s">
        <v>127</v>
      </c>
      <c r="F2293" s="3">
        <v>2018</v>
      </c>
      <c r="G2293" s="3" t="s">
        <v>98</v>
      </c>
      <c r="H2293" t="s">
        <v>116</v>
      </c>
      <c r="I2293" t="s">
        <v>15</v>
      </c>
      <c r="J2293" s="10">
        <v>81.44</v>
      </c>
    </row>
    <row r="2294" spans="1:10" x14ac:dyDescent="0.35">
      <c r="A2294" t="s">
        <v>35</v>
      </c>
      <c r="B2294" t="s">
        <v>41</v>
      </c>
      <c r="C2294" t="s">
        <v>114</v>
      </c>
      <c r="D2294" t="s">
        <v>115</v>
      </c>
      <c r="E2294" s="6" t="s">
        <v>127</v>
      </c>
      <c r="F2294" s="3">
        <v>2018</v>
      </c>
      <c r="G2294" s="3" t="s">
        <v>98</v>
      </c>
      <c r="H2294" t="s">
        <v>116</v>
      </c>
      <c r="I2294" t="s">
        <v>15</v>
      </c>
      <c r="J2294" s="10">
        <v>80.77</v>
      </c>
    </row>
    <row r="2295" spans="1:10" x14ac:dyDescent="0.35">
      <c r="A2295" t="s">
        <v>28</v>
      </c>
      <c r="B2295" t="s">
        <v>37</v>
      </c>
      <c r="C2295" t="s">
        <v>114</v>
      </c>
      <c r="D2295" t="s">
        <v>115</v>
      </c>
      <c r="E2295" s="6" t="s">
        <v>127</v>
      </c>
      <c r="F2295" s="3">
        <v>2018</v>
      </c>
      <c r="G2295" s="3" t="s">
        <v>98</v>
      </c>
      <c r="H2295" t="s">
        <v>116</v>
      </c>
      <c r="I2295" t="s">
        <v>15</v>
      </c>
      <c r="J2295" s="10">
        <v>81.239999999999995</v>
      </c>
    </row>
    <row r="2296" spans="1:10" x14ac:dyDescent="0.35">
      <c r="A2296" t="s">
        <v>62</v>
      </c>
      <c r="B2296" t="s">
        <v>66</v>
      </c>
      <c r="C2296" t="s">
        <v>114</v>
      </c>
      <c r="D2296" t="s">
        <v>115</v>
      </c>
      <c r="E2296" s="6" t="s">
        <v>127</v>
      </c>
      <c r="F2296" s="3">
        <v>2018</v>
      </c>
      <c r="G2296" s="3" t="s">
        <v>98</v>
      </c>
      <c r="H2296" t="s">
        <v>116</v>
      </c>
      <c r="I2296" t="s">
        <v>15</v>
      </c>
      <c r="J2296" s="10">
        <v>77.239999999999995</v>
      </c>
    </row>
    <row r="2297" spans="1:10" x14ac:dyDescent="0.35">
      <c r="A2297" t="s">
        <v>26</v>
      </c>
      <c r="B2297" t="s">
        <v>73</v>
      </c>
      <c r="C2297" t="s">
        <v>114</v>
      </c>
      <c r="D2297" t="s">
        <v>115</v>
      </c>
      <c r="E2297" s="6" t="s">
        <v>127</v>
      </c>
      <c r="F2297" s="3">
        <v>2018</v>
      </c>
      <c r="G2297" s="3" t="s">
        <v>98</v>
      </c>
      <c r="H2297" t="s">
        <v>116</v>
      </c>
      <c r="I2297" t="s">
        <v>15</v>
      </c>
      <c r="J2297" s="10">
        <v>81.96</v>
      </c>
    </row>
    <row r="2298" spans="1:10" x14ac:dyDescent="0.35">
      <c r="A2298" t="s">
        <v>28</v>
      </c>
      <c r="B2298" t="s">
        <v>32</v>
      </c>
      <c r="C2298" t="s">
        <v>114</v>
      </c>
      <c r="D2298" t="s">
        <v>115</v>
      </c>
      <c r="E2298" s="6" t="s">
        <v>127</v>
      </c>
      <c r="F2298" s="3">
        <v>2018</v>
      </c>
      <c r="G2298" s="3" t="s">
        <v>98</v>
      </c>
      <c r="H2298" t="s">
        <v>116</v>
      </c>
      <c r="I2298" t="s">
        <v>15</v>
      </c>
      <c r="J2298" s="10">
        <v>80.3</v>
      </c>
    </row>
    <row r="2299" spans="1:10" x14ac:dyDescent="0.35">
      <c r="A2299" t="s">
        <v>10</v>
      </c>
      <c r="B2299" t="s">
        <v>30</v>
      </c>
      <c r="C2299" t="s">
        <v>114</v>
      </c>
      <c r="D2299" t="s">
        <v>115</v>
      </c>
      <c r="E2299" s="6" t="s">
        <v>127</v>
      </c>
      <c r="F2299" s="3">
        <v>2018</v>
      </c>
      <c r="G2299" s="3" t="s">
        <v>98</v>
      </c>
      <c r="H2299" t="s">
        <v>116</v>
      </c>
      <c r="I2299" t="s">
        <v>15</v>
      </c>
      <c r="J2299" s="10">
        <v>81.03</v>
      </c>
    </row>
    <row r="2300" spans="1:10" x14ac:dyDescent="0.35">
      <c r="A2300" t="s">
        <v>26</v>
      </c>
      <c r="B2300" t="s">
        <v>31</v>
      </c>
      <c r="C2300" t="s">
        <v>114</v>
      </c>
      <c r="D2300" t="s">
        <v>115</v>
      </c>
      <c r="E2300" s="6" t="s">
        <v>127</v>
      </c>
      <c r="F2300" s="3">
        <v>2018</v>
      </c>
      <c r="G2300" s="3" t="s">
        <v>98</v>
      </c>
      <c r="H2300" t="s">
        <v>116</v>
      </c>
      <c r="I2300" t="s">
        <v>15</v>
      </c>
      <c r="J2300" s="10">
        <v>82.29</v>
      </c>
    </row>
    <row r="2301" spans="1:10" x14ac:dyDescent="0.35">
      <c r="A2301" t="s">
        <v>20</v>
      </c>
      <c r="B2301" t="s">
        <v>40</v>
      </c>
      <c r="C2301" t="s">
        <v>114</v>
      </c>
      <c r="D2301" t="s">
        <v>115</v>
      </c>
      <c r="E2301" s="6" t="s">
        <v>127</v>
      </c>
      <c r="F2301" s="3">
        <v>2018</v>
      </c>
      <c r="G2301" s="3" t="s">
        <v>98</v>
      </c>
      <c r="H2301" t="s">
        <v>116</v>
      </c>
      <c r="I2301" t="s">
        <v>15</v>
      </c>
      <c r="J2301" s="10">
        <v>81.09</v>
      </c>
    </row>
    <row r="2302" spans="1:10" x14ac:dyDescent="0.35">
      <c r="A2302" t="s">
        <v>33</v>
      </c>
      <c r="B2302" t="s">
        <v>39</v>
      </c>
      <c r="C2302" t="s">
        <v>114</v>
      </c>
      <c r="D2302" t="s">
        <v>115</v>
      </c>
      <c r="E2302" s="6" t="s">
        <v>127</v>
      </c>
      <c r="F2302" s="3">
        <v>2018</v>
      </c>
      <c r="G2302" s="3" t="s">
        <v>98</v>
      </c>
      <c r="H2302" t="s">
        <v>116</v>
      </c>
      <c r="I2302" t="s">
        <v>15</v>
      </c>
      <c r="J2302" s="10">
        <v>79.75</v>
      </c>
    </row>
    <row r="2303" spans="1:10" x14ac:dyDescent="0.35">
      <c r="A2303" t="s">
        <v>33</v>
      </c>
      <c r="B2303" t="s">
        <v>47</v>
      </c>
      <c r="C2303" t="s">
        <v>114</v>
      </c>
      <c r="D2303" t="s">
        <v>115</v>
      </c>
      <c r="E2303" s="6" t="s">
        <v>127</v>
      </c>
      <c r="F2303" s="3">
        <v>2018</v>
      </c>
      <c r="G2303" s="3" t="s">
        <v>98</v>
      </c>
      <c r="H2303" t="s">
        <v>116</v>
      </c>
      <c r="I2303" t="s">
        <v>15</v>
      </c>
      <c r="J2303" s="10">
        <v>82.11</v>
      </c>
    </row>
    <row r="2304" spans="1:10" x14ac:dyDescent="0.35">
      <c r="A2304" t="s">
        <v>10</v>
      </c>
      <c r="B2304" t="s">
        <v>46</v>
      </c>
      <c r="C2304" t="s">
        <v>114</v>
      </c>
      <c r="D2304" t="s">
        <v>115</v>
      </c>
      <c r="E2304" s="6" t="s">
        <v>127</v>
      </c>
      <c r="F2304" s="3">
        <v>2018</v>
      </c>
      <c r="G2304" s="3" t="s">
        <v>98</v>
      </c>
      <c r="H2304" t="s">
        <v>116</v>
      </c>
      <c r="I2304" t="s">
        <v>15</v>
      </c>
      <c r="J2304" s="10">
        <v>78.12</v>
      </c>
    </row>
    <row r="2305" spans="1:10" x14ac:dyDescent="0.35">
      <c r="A2305" t="s">
        <v>22</v>
      </c>
      <c r="B2305" t="s">
        <v>51</v>
      </c>
      <c r="C2305" t="s">
        <v>114</v>
      </c>
      <c r="D2305" t="s">
        <v>115</v>
      </c>
      <c r="E2305" s="6" t="s">
        <v>127</v>
      </c>
      <c r="F2305" s="3">
        <v>2018</v>
      </c>
      <c r="G2305" s="3" t="s">
        <v>98</v>
      </c>
      <c r="H2305" t="s">
        <v>116</v>
      </c>
      <c r="I2305" t="s">
        <v>15</v>
      </c>
      <c r="J2305" s="10">
        <v>83.34</v>
      </c>
    </row>
    <row r="2306" spans="1:10" x14ac:dyDescent="0.35">
      <c r="A2306" t="s">
        <v>20</v>
      </c>
      <c r="B2306" t="s">
        <v>48</v>
      </c>
      <c r="C2306" t="s">
        <v>114</v>
      </c>
      <c r="D2306" t="s">
        <v>115</v>
      </c>
      <c r="E2306" s="6" t="s">
        <v>127</v>
      </c>
      <c r="F2306" s="3">
        <v>2018</v>
      </c>
      <c r="G2306" s="3" t="s">
        <v>98</v>
      </c>
      <c r="H2306" t="s">
        <v>116</v>
      </c>
      <c r="I2306" t="s">
        <v>15</v>
      </c>
      <c r="J2306" s="10">
        <v>81.55</v>
      </c>
    </row>
    <row r="2307" spans="1:10" x14ac:dyDescent="0.35">
      <c r="A2307" t="s">
        <v>28</v>
      </c>
      <c r="B2307" t="s">
        <v>49</v>
      </c>
      <c r="C2307" t="s">
        <v>114</v>
      </c>
      <c r="D2307" t="s">
        <v>115</v>
      </c>
      <c r="E2307" s="6" t="s">
        <v>127</v>
      </c>
      <c r="F2307" s="3">
        <v>2018</v>
      </c>
      <c r="G2307" s="3" t="s">
        <v>98</v>
      </c>
      <c r="H2307" t="s">
        <v>116</v>
      </c>
      <c r="I2307" t="s">
        <v>15</v>
      </c>
      <c r="J2307" s="10">
        <v>82.55</v>
      </c>
    </row>
    <row r="2308" spans="1:10" x14ac:dyDescent="0.35">
      <c r="A2308" t="s">
        <v>62</v>
      </c>
      <c r="B2308" t="s">
        <v>67</v>
      </c>
      <c r="C2308" t="s">
        <v>114</v>
      </c>
      <c r="D2308" t="s">
        <v>115</v>
      </c>
      <c r="E2308" s="6" t="s">
        <v>127</v>
      </c>
      <c r="F2308" s="3">
        <v>2018</v>
      </c>
      <c r="G2308" s="3" t="s">
        <v>98</v>
      </c>
      <c r="H2308" t="s">
        <v>116</v>
      </c>
      <c r="I2308" t="s">
        <v>15</v>
      </c>
      <c r="J2308" s="10">
        <v>77.81</v>
      </c>
    </row>
    <row r="2309" spans="1:10" x14ac:dyDescent="0.35">
      <c r="A2309" t="s">
        <v>62</v>
      </c>
      <c r="B2309" t="s">
        <v>68</v>
      </c>
      <c r="C2309" t="s">
        <v>114</v>
      </c>
      <c r="D2309" t="s">
        <v>115</v>
      </c>
      <c r="E2309" s="6" t="s">
        <v>127</v>
      </c>
      <c r="F2309" s="3">
        <v>2018</v>
      </c>
      <c r="G2309" s="3" t="s">
        <v>98</v>
      </c>
      <c r="H2309" t="s">
        <v>116</v>
      </c>
      <c r="I2309" t="s">
        <v>15</v>
      </c>
      <c r="J2309" s="10">
        <v>77.81</v>
      </c>
    </row>
    <row r="2310" spans="1:10" x14ac:dyDescent="0.35">
      <c r="A2310" t="s">
        <v>20</v>
      </c>
      <c r="B2310" t="s">
        <v>38</v>
      </c>
      <c r="C2310" t="s">
        <v>114</v>
      </c>
      <c r="D2310" t="s">
        <v>115</v>
      </c>
      <c r="E2310" s="6" t="s">
        <v>127</v>
      </c>
      <c r="F2310" s="3">
        <v>2018</v>
      </c>
      <c r="G2310" s="3" t="s">
        <v>98</v>
      </c>
      <c r="H2310" t="s">
        <v>116</v>
      </c>
      <c r="I2310" t="s">
        <v>15</v>
      </c>
      <c r="J2310" s="10">
        <v>79.45</v>
      </c>
    </row>
    <row r="2311" spans="1:10" x14ac:dyDescent="0.35">
      <c r="A2311" t="s">
        <v>35</v>
      </c>
      <c r="B2311" t="s">
        <v>71</v>
      </c>
      <c r="C2311" t="s">
        <v>114</v>
      </c>
      <c r="D2311" t="s">
        <v>115</v>
      </c>
      <c r="E2311" s="6" t="s">
        <v>127</v>
      </c>
      <c r="F2311" s="3">
        <v>2018</v>
      </c>
      <c r="G2311" s="3" t="s">
        <v>98</v>
      </c>
      <c r="H2311" t="s">
        <v>116</v>
      </c>
      <c r="I2311" t="s">
        <v>15</v>
      </c>
      <c r="J2311" s="10">
        <v>79.22</v>
      </c>
    </row>
    <row r="2312" spans="1:10" x14ac:dyDescent="0.35">
      <c r="A2312" t="s">
        <v>62</v>
      </c>
      <c r="B2312" t="s">
        <v>70</v>
      </c>
      <c r="C2312" t="s">
        <v>114</v>
      </c>
      <c r="D2312" t="s">
        <v>115</v>
      </c>
      <c r="E2312" s="6" t="s">
        <v>127</v>
      </c>
      <c r="F2312" s="3">
        <v>2018</v>
      </c>
      <c r="G2312" s="3" t="s">
        <v>98</v>
      </c>
      <c r="H2312" t="s">
        <v>116</v>
      </c>
      <c r="I2312" t="s">
        <v>15</v>
      </c>
      <c r="J2312" s="10">
        <v>78.209999999999994</v>
      </c>
    </row>
    <row r="2313" spans="1:10" x14ac:dyDescent="0.35">
      <c r="A2313" t="s">
        <v>28</v>
      </c>
      <c r="B2313" t="s">
        <v>74</v>
      </c>
      <c r="C2313" t="s">
        <v>114</v>
      </c>
      <c r="D2313" t="s">
        <v>115</v>
      </c>
      <c r="E2313" s="6" t="s">
        <v>127</v>
      </c>
      <c r="F2313" s="3">
        <v>2018</v>
      </c>
      <c r="G2313" s="3" t="s">
        <v>98</v>
      </c>
      <c r="H2313" t="s">
        <v>116</v>
      </c>
      <c r="I2313" t="s">
        <v>15</v>
      </c>
      <c r="J2313" s="10">
        <v>80.41</v>
      </c>
    </row>
    <row r="2314" spans="1:10" x14ac:dyDescent="0.35">
      <c r="A2314" t="s">
        <v>62</v>
      </c>
      <c r="B2314" t="s">
        <v>69</v>
      </c>
      <c r="C2314" t="s">
        <v>114</v>
      </c>
      <c r="D2314" t="s">
        <v>115</v>
      </c>
      <c r="E2314" s="6" t="s">
        <v>127</v>
      </c>
      <c r="F2314" s="3">
        <v>2018</v>
      </c>
      <c r="G2314" s="3" t="s">
        <v>98</v>
      </c>
      <c r="H2314" t="s">
        <v>116</v>
      </c>
      <c r="I2314" t="s">
        <v>15</v>
      </c>
      <c r="J2314" s="10">
        <v>78.599999999999994</v>
      </c>
    </row>
    <row r="2315" spans="1:10" x14ac:dyDescent="0.35">
      <c r="A2315" t="s">
        <v>20</v>
      </c>
      <c r="B2315" t="s">
        <v>72</v>
      </c>
      <c r="C2315" t="s">
        <v>114</v>
      </c>
      <c r="D2315" t="s">
        <v>115</v>
      </c>
      <c r="E2315" s="6" t="s">
        <v>127</v>
      </c>
      <c r="F2315" s="3">
        <v>2018</v>
      </c>
      <c r="G2315" s="3" t="s">
        <v>98</v>
      </c>
      <c r="H2315" t="s">
        <v>116</v>
      </c>
      <c r="I2315" t="s">
        <v>15</v>
      </c>
      <c r="J2315" s="10">
        <v>79.739999999999995</v>
      </c>
    </row>
    <row r="2316" spans="1:10" x14ac:dyDescent="0.35">
      <c r="A2316" t="s">
        <v>10</v>
      </c>
      <c r="B2316" t="s">
        <v>45</v>
      </c>
      <c r="C2316" t="s">
        <v>114</v>
      </c>
      <c r="D2316" t="s">
        <v>115</v>
      </c>
      <c r="E2316" s="6" t="s">
        <v>127</v>
      </c>
      <c r="F2316" s="3">
        <v>2018</v>
      </c>
      <c r="G2316" s="3" t="s">
        <v>98</v>
      </c>
      <c r="H2316" t="s">
        <v>116</v>
      </c>
      <c r="I2316" t="s">
        <v>15</v>
      </c>
      <c r="J2316" s="10">
        <v>80.33</v>
      </c>
    </row>
    <row r="2317" spans="1:10" x14ac:dyDescent="0.35">
      <c r="A2317" t="s">
        <v>62</v>
      </c>
      <c r="B2317" t="s">
        <v>65</v>
      </c>
      <c r="C2317" t="s">
        <v>114</v>
      </c>
      <c r="D2317" t="s">
        <v>115</v>
      </c>
      <c r="E2317" s="6" t="s">
        <v>127</v>
      </c>
      <c r="F2317" s="3">
        <v>2018</v>
      </c>
      <c r="G2317" s="3" t="s">
        <v>98</v>
      </c>
      <c r="H2317" t="s">
        <v>116</v>
      </c>
      <c r="I2317" t="s">
        <v>15</v>
      </c>
      <c r="J2317" s="10">
        <v>79.97</v>
      </c>
    </row>
    <row r="2318" spans="1:10" x14ac:dyDescent="0.35">
      <c r="A2318" t="s">
        <v>20</v>
      </c>
      <c r="B2318" t="s">
        <v>94</v>
      </c>
      <c r="C2318" t="s">
        <v>114</v>
      </c>
      <c r="D2318" t="s">
        <v>115</v>
      </c>
      <c r="E2318" s="6" t="s">
        <v>127</v>
      </c>
      <c r="F2318" s="3">
        <v>2018</v>
      </c>
      <c r="G2318" s="3" t="s">
        <v>98</v>
      </c>
      <c r="H2318" t="s">
        <v>116</v>
      </c>
      <c r="I2318" t="s">
        <v>15</v>
      </c>
      <c r="J2318" s="10">
        <v>79.78</v>
      </c>
    </row>
    <row r="2319" spans="1:10" x14ac:dyDescent="0.35">
      <c r="A2319" t="s">
        <v>22</v>
      </c>
      <c r="B2319" t="s">
        <v>78</v>
      </c>
      <c r="C2319" t="s">
        <v>114</v>
      </c>
      <c r="D2319" t="s">
        <v>115</v>
      </c>
      <c r="E2319" s="6" t="s">
        <v>127</v>
      </c>
      <c r="F2319" s="3">
        <v>2018</v>
      </c>
      <c r="G2319" s="3" t="s">
        <v>98</v>
      </c>
      <c r="H2319" t="s">
        <v>116</v>
      </c>
      <c r="I2319" t="s">
        <v>15</v>
      </c>
      <c r="J2319" s="10">
        <v>81.22</v>
      </c>
    </row>
    <row r="2320" spans="1:10" x14ac:dyDescent="0.35">
      <c r="A2320" t="s">
        <v>33</v>
      </c>
      <c r="B2320" t="s">
        <v>92</v>
      </c>
      <c r="C2320" t="s">
        <v>114</v>
      </c>
      <c r="D2320" t="s">
        <v>115</v>
      </c>
      <c r="E2320" s="6" t="s">
        <v>127</v>
      </c>
      <c r="F2320" s="3">
        <v>2018</v>
      </c>
      <c r="G2320" s="3" t="s">
        <v>98</v>
      </c>
      <c r="H2320" t="s">
        <v>116</v>
      </c>
      <c r="I2320" t="s">
        <v>15</v>
      </c>
      <c r="J2320" s="10">
        <v>82.57</v>
      </c>
    </row>
    <row r="2321" spans="1:10" x14ac:dyDescent="0.35">
      <c r="A2321" t="s">
        <v>35</v>
      </c>
      <c r="B2321" t="s">
        <v>93</v>
      </c>
      <c r="C2321" t="s">
        <v>114</v>
      </c>
      <c r="D2321" t="s">
        <v>115</v>
      </c>
      <c r="E2321" s="6" t="s">
        <v>127</v>
      </c>
      <c r="F2321" s="3">
        <v>2018</v>
      </c>
      <c r="G2321" s="3" t="s">
        <v>98</v>
      </c>
      <c r="H2321" t="s">
        <v>116</v>
      </c>
      <c r="I2321" t="s">
        <v>15</v>
      </c>
      <c r="J2321" s="10">
        <v>82.75</v>
      </c>
    </row>
    <row r="2322" spans="1:10" x14ac:dyDescent="0.35">
      <c r="A2322" t="s">
        <v>35</v>
      </c>
      <c r="B2322" t="s">
        <v>87</v>
      </c>
      <c r="C2322" t="s">
        <v>114</v>
      </c>
      <c r="D2322" t="s">
        <v>115</v>
      </c>
      <c r="E2322" s="6" t="s">
        <v>127</v>
      </c>
      <c r="F2322" s="3">
        <v>2018</v>
      </c>
      <c r="G2322" s="3" t="s">
        <v>98</v>
      </c>
      <c r="H2322" t="s">
        <v>116</v>
      </c>
      <c r="I2322" t="s">
        <v>15</v>
      </c>
      <c r="J2322" s="10">
        <v>81.459999999999994</v>
      </c>
    </row>
    <row r="2323" spans="1:10" x14ac:dyDescent="0.35">
      <c r="A2323" t="s">
        <v>33</v>
      </c>
      <c r="B2323" t="s">
        <v>85</v>
      </c>
      <c r="C2323" t="s">
        <v>114</v>
      </c>
      <c r="D2323" t="s">
        <v>115</v>
      </c>
      <c r="E2323" s="6" t="s">
        <v>127</v>
      </c>
      <c r="F2323" s="3">
        <v>2018</v>
      </c>
      <c r="G2323" s="3" t="s">
        <v>98</v>
      </c>
      <c r="H2323" t="s">
        <v>116</v>
      </c>
      <c r="I2323" t="s">
        <v>15</v>
      </c>
      <c r="J2323" s="10">
        <v>82.48</v>
      </c>
    </row>
    <row r="2324" spans="1:10" x14ac:dyDescent="0.35">
      <c r="A2324" t="s">
        <v>26</v>
      </c>
      <c r="B2324" t="s">
        <v>91</v>
      </c>
      <c r="C2324" t="s">
        <v>114</v>
      </c>
      <c r="D2324" t="s">
        <v>115</v>
      </c>
      <c r="E2324" s="6" t="s">
        <v>127</v>
      </c>
      <c r="F2324" s="3">
        <v>2018</v>
      </c>
      <c r="G2324" s="3" t="s">
        <v>98</v>
      </c>
      <c r="H2324" t="s">
        <v>116</v>
      </c>
      <c r="I2324" t="s">
        <v>15</v>
      </c>
      <c r="J2324" s="10">
        <v>82.9</v>
      </c>
    </row>
    <row r="2325" spans="1:10" x14ac:dyDescent="0.35">
      <c r="A2325" t="s">
        <v>26</v>
      </c>
      <c r="B2325" t="s">
        <v>90</v>
      </c>
      <c r="C2325" t="s">
        <v>114</v>
      </c>
      <c r="D2325" t="s">
        <v>115</v>
      </c>
      <c r="E2325" s="6" t="s">
        <v>127</v>
      </c>
      <c r="F2325" s="3">
        <v>2018</v>
      </c>
      <c r="G2325" s="3" t="s">
        <v>98</v>
      </c>
      <c r="H2325" t="s">
        <v>116</v>
      </c>
      <c r="I2325" t="s">
        <v>15</v>
      </c>
      <c r="J2325" s="10">
        <v>83.37</v>
      </c>
    </row>
    <row r="2326" spans="1:10" x14ac:dyDescent="0.35">
      <c r="A2326" t="s">
        <v>28</v>
      </c>
      <c r="B2326" t="s">
        <v>79</v>
      </c>
      <c r="C2326" t="s">
        <v>114</v>
      </c>
      <c r="D2326" t="s">
        <v>115</v>
      </c>
      <c r="E2326" s="6" t="s">
        <v>127</v>
      </c>
      <c r="F2326" s="3">
        <v>2018</v>
      </c>
      <c r="G2326" s="3" t="s">
        <v>98</v>
      </c>
      <c r="H2326" t="s">
        <v>116</v>
      </c>
      <c r="I2326" t="s">
        <v>15</v>
      </c>
      <c r="J2326" s="10">
        <v>82.73</v>
      </c>
    </row>
    <row r="2327" spans="1:10" x14ac:dyDescent="0.35">
      <c r="A2327" t="s">
        <v>26</v>
      </c>
      <c r="B2327" t="s">
        <v>57</v>
      </c>
      <c r="C2327" t="s">
        <v>114</v>
      </c>
      <c r="D2327" t="s">
        <v>115</v>
      </c>
      <c r="E2327" s="6" t="s">
        <v>127</v>
      </c>
      <c r="F2327" s="3">
        <v>2018</v>
      </c>
      <c r="G2327" s="3" t="s">
        <v>98</v>
      </c>
      <c r="H2327" t="s">
        <v>116</v>
      </c>
      <c r="I2327" t="s">
        <v>15</v>
      </c>
      <c r="J2327" s="10">
        <v>82.75</v>
      </c>
    </row>
    <row r="2328" spans="1:10" x14ac:dyDescent="0.35">
      <c r="A2328" t="s">
        <v>22</v>
      </c>
      <c r="B2328" t="s">
        <v>76</v>
      </c>
      <c r="C2328" t="s">
        <v>114</v>
      </c>
      <c r="D2328" t="s">
        <v>115</v>
      </c>
      <c r="E2328" s="6" t="s">
        <v>127</v>
      </c>
      <c r="F2328" s="3">
        <v>2018</v>
      </c>
      <c r="G2328" s="3" t="s">
        <v>98</v>
      </c>
      <c r="H2328" t="s">
        <v>116</v>
      </c>
      <c r="I2328" t="s">
        <v>15</v>
      </c>
      <c r="J2328" s="10">
        <v>80.91</v>
      </c>
    </row>
    <row r="2329" spans="1:10" x14ac:dyDescent="0.35">
      <c r="A2329" t="s">
        <v>33</v>
      </c>
      <c r="B2329" t="s">
        <v>77</v>
      </c>
      <c r="C2329" t="s">
        <v>114</v>
      </c>
      <c r="D2329" t="s">
        <v>115</v>
      </c>
      <c r="E2329" s="6" t="s">
        <v>127</v>
      </c>
      <c r="F2329" s="3">
        <v>2018</v>
      </c>
      <c r="G2329" s="3" t="s">
        <v>98</v>
      </c>
      <c r="H2329" t="s">
        <v>116</v>
      </c>
      <c r="I2329" t="s">
        <v>15</v>
      </c>
      <c r="J2329" s="10">
        <v>80.489999999999995</v>
      </c>
    </row>
    <row r="2330" spans="1:10" x14ac:dyDescent="0.35">
      <c r="A2330" t="s">
        <v>33</v>
      </c>
      <c r="B2330" t="s">
        <v>75</v>
      </c>
      <c r="C2330" t="s">
        <v>114</v>
      </c>
      <c r="D2330" t="s">
        <v>115</v>
      </c>
      <c r="E2330" s="6" t="s">
        <v>127</v>
      </c>
      <c r="F2330" s="3">
        <v>2018</v>
      </c>
      <c r="G2330" s="3" t="s">
        <v>98</v>
      </c>
      <c r="H2330" t="s">
        <v>116</v>
      </c>
      <c r="I2330" t="s">
        <v>15</v>
      </c>
      <c r="J2330" s="10">
        <v>79.849999999999994</v>
      </c>
    </row>
    <row r="2331" spans="1:10" x14ac:dyDescent="0.35">
      <c r="A2331" t="s">
        <v>26</v>
      </c>
      <c r="B2331" t="s">
        <v>83</v>
      </c>
      <c r="C2331" t="s">
        <v>114</v>
      </c>
      <c r="D2331" t="s">
        <v>115</v>
      </c>
      <c r="E2331" s="6" t="s">
        <v>127</v>
      </c>
      <c r="F2331" s="3">
        <v>2018</v>
      </c>
      <c r="G2331" s="3" t="s">
        <v>98</v>
      </c>
      <c r="H2331" t="s">
        <v>116</v>
      </c>
      <c r="I2331" t="s">
        <v>15</v>
      </c>
      <c r="J2331" s="10">
        <v>82.07</v>
      </c>
    </row>
    <row r="2332" spans="1:10" x14ac:dyDescent="0.35">
      <c r="A2332" t="s">
        <v>62</v>
      </c>
      <c r="B2332" t="s">
        <v>89</v>
      </c>
      <c r="C2332" t="s">
        <v>114</v>
      </c>
      <c r="D2332" t="s">
        <v>115</v>
      </c>
      <c r="E2332" s="6" t="s">
        <v>127</v>
      </c>
      <c r="F2332" s="3">
        <v>2018</v>
      </c>
      <c r="G2332" s="3" t="s">
        <v>98</v>
      </c>
      <c r="H2332" t="s">
        <v>116</v>
      </c>
      <c r="I2332" t="s">
        <v>15</v>
      </c>
      <c r="J2332" s="10">
        <v>79.489999999999995</v>
      </c>
    </row>
    <row r="2333" spans="1:10" x14ac:dyDescent="0.35">
      <c r="A2333" t="s">
        <v>33</v>
      </c>
      <c r="B2333" t="s">
        <v>86</v>
      </c>
      <c r="C2333" t="s">
        <v>114</v>
      </c>
      <c r="D2333" t="s">
        <v>115</v>
      </c>
      <c r="E2333" s="6" t="s">
        <v>127</v>
      </c>
      <c r="F2333" s="3">
        <v>2018</v>
      </c>
      <c r="G2333" s="3" t="s">
        <v>98</v>
      </c>
      <c r="H2333" t="s">
        <v>116</v>
      </c>
      <c r="I2333" t="s">
        <v>15</v>
      </c>
      <c r="J2333" s="10">
        <v>83.13</v>
      </c>
    </row>
    <row r="2334" spans="1:10" x14ac:dyDescent="0.35">
      <c r="A2334" t="s">
        <v>20</v>
      </c>
      <c r="B2334" t="s">
        <v>81</v>
      </c>
      <c r="C2334" t="s">
        <v>114</v>
      </c>
      <c r="D2334" t="s">
        <v>115</v>
      </c>
      <c r="E2334" s="6" t="s">
        <v>127</v>
      </c>
      <c r="F2334" s="3">
        <v>2018</v>
      </c>
      <c r="G2334" s="3" t="s">
        <v>98</v>
      </c>
      <c r="H2334" t="s">
        <v>116</v>
      </c>
      <c r="I2334" t="s">
        <v>15</v>
      </c>
      <c r="J2334" s="10">
        <v>79.11</v>
      </c>
    </row>
    <row r="2335" spans="1:10" x14ac:dyDescent="0.35">
      <c r="A2335" t="s">
        <v>26</v>
      </c>
      <c r="B2335" t="s">
        <v>80</v>
      </c>
      <c r="C2335" t="s">
        <v>114</v>
      </c>
      <c r="D2335" t="s">
        <v>115</v>
      </c>
      <c r="E2335" s="6" t="s">
        <v>127</v>
      </c>
      <c r="F2335" s="3">
        <v>2018</v>
      </c>
      <c r="G2335" s="3" t="s">
        <v>98</v>
      </c>
      <c r="H2335" t="s">
        <v>116</v>
      </c>
      <c r="I2335" t="s">
        <v>15</v>
      </c>
      <c r="J2335" s="10">
        <v>81.84</v>
      </c>
    </row>
    <row r="2336" spans="1:10" x14ac:dyDescent="0.35">
      <c r="A2336" t="s">
        <v>35</v>
      </c>
      <c r="B2336" t="s">
        <v>84</v>
      </c>
      <c r="C2336" t="s">
        <v>114</v>
      </c>
      <c r="D2336" t="s">
        <v>115</v>
      </c>
      <c r="E2336" s="6" t="s">
        <v>127</v>
      </c>
      <c r="F2336" s="3">
        <v>2018</v>
      </c>
      <c r="G2336" s="3" t="s">
        <v>98</v>
      </c>
      <c r="H2336" t="s">
        <v>116</v>
      </c>
      <c r="I2336" t="s">
        <v>15</v>
      </c>
      <c r="J2336" s="10">
        <v>79.290000000000006</v>
      </c>
    </row>
    <row r="2337" spans="1:10" x14ac:dyDescent="0.35">
      <c r="A2337" t="s">
        <v>33</v>
      </c>
      <c r="B2337" t="s">
        <v>82</v>
      </c>
      <c r="C2337" t="s">
        <v>114</v>
      </c>
      <c r="D2337" t="s">
        <v>115</v>
      </c>
      <c r="E2337" s="6" t="s">
        <v>127</v>
      </c>
      <c r="F2337" s="3">
        <v>2018</v>
      </c>
      <c r="G2337" s="3" t="s">
        <v>98</v>
      </c>
      <c r="H2337" t="s">
        <v>116</v>
      </c>
      <c r="I2337" t="s">
        <v>15</v>
      </c>
      <c r="J2337" s="10">
        <v>83.05</v>
      </c>
    </row>
    <row r="2338" spans="1:10" x14ac:dyDescent="0.35">
      <c r="A2338" t="s">
        <v>10</v>
      </c>
      <c r="B2338" t="s">
        <v>18</v>
      </c>
      <c r="C2338" t="s">
        <v>114</v>
      </c>
      <c r="D2338" t="s">
        <v>115</v>
      </c>
      <c r="E2338" s="6" t="s">
        <v>130</v>
      </c>
      <c r="F2338" s="3">
        <v>2019</v>
      </c>
      <c r="G2338" s="3" t="s">
        <v>97</v>
      </c>
      <c r="H2338" t="s">
        <v>116</v>
      </c>
      <c r="I2338" t="s">
        <v>15</v>
      </c>
      <c r="J2338" s="10">
        <v>79.930000000000007</v>
      </c>
    </row>
    <row r="2339" spans="1:10" x14ac:dyDescent="0.35">
      <c r="A2339" t="s">
        <v>10</v>
      </c>
      <c r="B2339" t="s">
        <v>19</v>
      </c>
      <c r="C2339" t="s">
        <v>114</v>
      </c>
      <c r="D2339" t="s">
        <v>115</v>
      </c>
      <c r="E2339" s="6" t="s">
        <v>130</v>
      </c>
      <c r="F2339" s="3">
        <v>2019</v>
      </c>
      <c r="G2339" s="3" t="s">
        <v>97</v>
      </c>
      <c r="H2339" t="s">
        <v>116</v>
      </c>
      <c r="I2339" t="s">
        <v>15</v>
      </c>
      <c r="J2339" s="10">
        <v>81.150000000000006</v>
      </c>
    </row>
    <row r="2340" spans="1:10" x14ac:dyDescent="0.35">
      <c r="A2340" t="s">
        <v>20</v>
      </c>
      <c r="B2340" t="s">
        <v>38</v>
      </c>
      <c r="C2340" t="s">
        <v>114</v>
      </c>
      <c r="D2340" t="s">
        <v>115</v>
      </c>
      <c r="E2340" s="6" t="s">
        <v>130</v>
      </c>
      <c r="F2340" s="3">
        <v>2019</v>
      </c>
      <c r="G2340" s="3" t="s">
        <v>97</v>
      </c>
      <c r="H2340" t="s">
        <v>116</v>
      </c>
      <c r="I2340" t="s">
        <v>15</v>
      </c>
      <c r="J2340" s="10">
        <v>75.95</v>
      </c>
    </row>
    <row r="2341" spans="1:10" x14ac:dyDescent="0.35">
      <c r="A2341" t="s">
        <v>35</v>
      </c>
      <c r="B2341" t="s">
        <v>41</v>
      </c>
      <c r="C2341" t="s">
        <v>114</v>
      </c>
      <c r="D2341" t="s">
        <v>115</v>
      </c>
      <c r="E2341" s="6" t="s">
        <v>130</v>
      </c>
      <c r="F2341" s="3">
        <v>2019</v>
      </c>
      <c r="G2341" s="3" t="s">
        <v>97</v>
      </c>
      <c r="H2341" t="s">
        <v>116</v>
      </c>
      <c r="I2341" t="s">
        <v>15</v>
      </c>
      <c r="J2341" s="10">
        <v>76.45</v>
      </c>
    </row>
    <row r="2342" spans="1:10" x14ac:dyDescent="0.35">
      <c r="A2342" t="s">
        <v>28</v>
      </c>
      <c r="B2342" t="s">
        <v>37</v>
      </c>
      <c r="C2342" t="s">
        <v>114</v>
      </c>
      <c r="D2342" t="s">
        <v>115</v>
      </c>
      <c r="E2342" s="6" t="s">
        <v>130</v>
      </c>
      <c r="F2342" s="3">
        <v>2019</v>
      </c>
      <c r="G2342" s="3" t="s">
        <v>97</v>
      </c>
      <c r="H2342" t="s">
        <v>116</v>
      </c>
      <c r="I2342" t="s">
        <v>15</v>
      </c>
      <c r="J2342" s="10">
        <v>78.650000000000006</v>
      </c>
    </row>
    <row r="2343" spans="1:10" x14ac:dyDescent="0.35">
      <c r="A2343" t="s">
        <v>35</v>
      </c>
      <c r="B2343" t="s">
        <v>42</v>
      </c>
      <c r="C2343" t="s">
        <v>114</v>
      </c>
      <c r="D2343" t="s">
        <v>115</v>
      </c>
      <c r="E2343" s="6" t="s">
        <v>130</v>
      </c>
      <c r="F2343" s="3">
        <v>2019</v>
      </c>
      <c r="G2343" s="3" t="s">
        <v>97</v>
      </c>
      <c r="H2343" t="s">
        <v>116</v>
      </c>
      <c r="I2343" t="s">
        <v>15</v>
      </c>
      <c r="J2343" s="10">
        <v>75.64</v>
      </c>
    </row>
    <row r="2344" spans="1:10" x14ac:dyDescent="0.35">
      <c r="A2344" t="s">
        <v>35</v>
      </c>
      <c r="B2344" t="s">
        <v>36</v>
      </c>
      <c r="C2344" t="s">
        <v>114</v>
      </c>
      <c r="D2344" t="s">
        <v>115</v>
      </c>
      <c r="E2344" s="6" t="s">
        <v>130</v>
      </c>
      <c r="F2344" s="3">
        <v>2019</v>
      </c>
      <c r="G2344" s="3" t="s">
        <v>97</v>
      </c>
      <c r="H2344" t="s">
        <v>116</v>
      </c>
      <c r="I2344" t="s">
        <v>15</v>
      </c>
      <c r="J2344" s="10">
        <v>77.19</v>
      </c>
    </row>
    <row r="2345" spans="1:10" x14ac:dyDescent="0.35">
      <c r="A2345" t="s">
        <v>33</v>
      </c>
      <c r="B2345" t="s">
        <v>39</v>
      </c>
      <c r="C2345" t="s">
        <v>114</v>
      </c>
      <c r="D2345" t="s">
        <v>115</v>
      </c>
      <c r="E2345" s="6" t="s">
        <v>130</v>
      </c>
      <c r="F2345" s="3">
        <v>2019</v>
      </c>
      <c r="G2345" s="3" t="s">
        <v>97</v>
      </c>
      <c r="H2345" t="s">
        <v>116</v>
      </c>
      <c r="I2345" t="s">
        <v>15</v>
      </c>
      <c r="J2345" s="10">
        <v>77.400000000000006</v>
      </c>
    </row>
    <row r="2346" spans="1:10" x14ac:dyDescent="0.35">
      <c r="A2346" t="s">
        <v>10</v>
      </c>
      <c r="B2346" t="s">
        <v>11</v>
      </c>
      <c r="C2346" t="s">
        <v>114</v>
      </c>
      <c r="D2346" t="s">
        <v>115</v>
      </c>
      <c r="E2346" s="6" t="s">
        <v>130</v>
      </c>
      <c r="F2346" s="3">
        <v>2019</v>
      </c>
      <c r="G2346" s="3" t="s">
        <v>97</v>
      </c>
      <c r="H2346" t="s">
        <v>116</v>
      </c>
      <c r="I2346" t="s">
        <v>15</v>
      </c>
      <c r="J2346" s="10">
        <v>75.84</v>
      </c>
    </row>
    <row r="2347" spans="1:10" x14ac:dyDescent="0.35">
      <c r="A2347" t="s">
        <v>22</v>
      </c>
      <c r="B2347" t="s">
        <v>23</v>
      </c>
      <c r="C2347" t="s">
        <v>114</v>
      </c>
      <c r="D2347" t="s">
        <v>115</v>
      </c>
      <c r="E2347" s="6" t="s">
        <v>130</v>
      </c>
      <c r="F2347" s="3">
        <v>2019</v>
      </c>
      <c r="G2347" s="3" t="s">
        <v>97</v>
      </c>
      <c r="H2347" t="s">
        <v>116</v>
      </c>
      <c r="I2347" t="s">
        <v>15</v>
      </c>
      <c r="J2347" s="10">
        <v>77.67</v>
      </c>
    </row>
    <row r="2348" spans="1:10" x14ac:dyDescent="0.35">
      <c r="A2348" t="s">
        <v>10</v>
      </c>
      <c r="B2348" t="s">
        <v>25</v>
      </c>
      <c r="C2348" t="s">
        <v>114</v>
      </c>
      <c r="D2348" t="s">
        <v>115</v>
      </c>
      <c r="E2348" s="6" t="s">
        <v>130</v>
      </c>
      <c r="F2348" s="3">
        <v>2019</v>
      </c>
      <c r="G2348" s="3" t="s">
        <v>97</v>
      </c>
      <c r="H2348" t="s">
        <v>116</v>
      </c>
      <c r="I2348" t="s">
        <v>15</v>
      </c>
      <c r="J2348" s="10">
        <v>78.400000000000006</v>
      </c>
    </row>
    <row r="2349" spans="1:10" x14ac:dyDescent="0.35">
      <c r="A2349" t="s">
        <v>20</v>
      </c>
      <c r="B2349" t="s">
        <v>21</v>
      </c>
      <c r="C2349" t="s">
        <v>114</v>
      </c>
      <c r="D2349" t="s">
        <v>115</v>
      </c>
      <c r="E2349" s="6" t="s">
        <v>130</v>
      </c>
      <c r="F2349" s="3">
        <v>2019</v>
      </c>
      <c r="G2349" s="3" t="s">
        <v>97</v>
      </c>
      <c r="H2349" t="s">
        <v>116</v>
      </c>
      <c r="I2349" t="s">
        <v>15</v>
      </c>
      <c r="J2349" s="10">
        <v>74.739999999999995</v>
      </c>
    </row>
    <row r="2350" spans="1:10" x14ac:dyDescent="0.35">
      <c r="A2350" t="s">
        <v>20</v>
      </c>
      <c r="B2350" t="s">
        <v>40</v>
      </c>
      <c r="C2350" t="s">
        <v>114</v>
      </c>
      <c r="D2350" t="s">
        <v>115</v>
      </c>
      <c r="E2350" s="6" t="s">
        <v>130</v>
      </c>
      <c r="F2350" s="3">
        <v>2019</v>
      </c>
      <c r="G2350" s="3" t="s">
        <v>97</v>
      </c>
      <c r="H2350" t="s">
        <v>116</v>
      </c>
      <c r="I2350" t="s">
        <v>15</v>
      </c>
      <c r="J2350" s="10">
        <v>76.66</v>
      </c>
    </row>
    <row r="2351" spans="1:10" x14ac:dyDescent="0.35">
      <c r="A2351" t="s">
        <v>10</v>
      </c>
      <c r="B2351" t="s">
        <v>24</v>
      </c>
      <c r="C2351" t="s">
        <v>114</v>
      </c>
      <c r="D2351" t="s">
        <v>115</v>
      </c>
      <c r="E2351" s="6" t="s">
        <v>130</v>
      </c>
      <c r="F2351" s="3">
        <v>2019</v>
      </c>
      <c r="G2351" s="3" t="s">
        <v>97</v>
      </c>
      <c r="H2351" t="s">
        <v>116</v>
      </c>
      <c r="I2351" t="s">
        <v>15</v>
      </c>
      <c r="J2351" s="10">
        <v>78.78</v>
      </c>
    </row>
    <row r="2352" spans="1:10" x14ac:dyDescent="0.35">
      <c r="A2352" t="s">
        <v>10</v>
      </c>
      <c r="B2352" t="s">
        <v>16</v>
      </c>
      <c r="C2352" t="s">
        <v>114</v>
      </c>
      <c r="D2352" t="s">
        <v>115</v>
      </c>
      <c r="E2352" s="6" t="s">
        <v>130</v>
      </c>
      <c r="F2352" s="3">
        <v>2019</v>
      </c>
      <c r="G2352" s="3" t="s">
        <v>97</v>
      </c>
      <c r="H2352" t="s">
        <v>116</v>
      </c>
      <c r="I2352" t="s">
        <v>15</v>
      </c>
      <c r="J2352" s="10">
        <v>77.31</v>
      </c>
    </row>
    <row r="2353" spans="1:10" x14ac:dyDescent="0.35">
      <c r="A2353" t="s">
        <v>10</v>
      </c>
      <c r="B2353" t="s">
        <v>17</v>
      </c>
      <c r="C2353" t="s">
        <v>114</v>
      </c>
      <c r="D2353" t="s">
        <v>115</v>
      </c>
      <c r="E2353" s="6" t="s">
        <v>130</v>
      </c>
      <c r="F2353" s="3">
        <v>2019</v>
      </c>
      <c r="G2353" s="3" t="s">
        <v>97</v>
      </c>
      <c r="H2353" t="s">
        <v>116</v>
      </c>
      <c r="I2353" t="s">
        <v>15</v>
      </c>
      <c r="J2353" s="10">
        <v>78.41</v>
      </c>
    </row>
    <row r="2354" spans="1:10" x14ac:dyDescent="0.35">
      <c r="A2354" t="s">
        <v>22</v>
      </c>
      <c r="B2354" t="s">
        <v>53</v>
      </c>
      <c r="C2354" t="s">
        <v>114</v>
      </c>
      <c r="D2354" t="s">
        <v>115</v>
      </c>
      <c r="E2354" s="6" t="s">
        <v>130</v>
      </c>
      <c r="F2354" s="3">
        <v>2019</v>
      </c>
      <c r="G2354" s="3" t="s">
        <v>97</v>
      </c>
      <c r="H2354" t="s">
        <v>116</v>
      </c>
      <c r="I2354" t="s">
        <v>15</v>
      </c>
      <c r="J2354" s="10">
        <v>76.760000000000005</v>
      </c>
    </row>
    <row r="2355" spans="1:10" x14ac:dyDescent="0.35">
      <c r="A2355" t="s">
        <v>35</v>
      </c>
      <c r="B2355" t="s">
        <v>87</v>
      </c>
      <c r="C2355" t="s">
        <v>114</v>
      </c>
      <c r="D2355" t="s">
        <v>115</v>
      </c>
      <c r="E2355" s="6" t="s">
        <v>130</v>
      </c>
      <c r="F2355" s="3">
        <v>2019</v>
      </c>
      <c r="G2355" s="3" t="s">
        <v>97</v>
      </c>
      <c r="H2355" t="s">
        <v>116</v>
      </c>
      <c r="I2355" t="s">
        <v>15</v>
      </c>
      <c r="J2355" s="10">
        <v>77.56</v>
      </c>
    </row>
    <row r="2356" spans="1:10" x14ac:dyDescent="0.35">
      <c r="A2356" t="s">
        <v>28</v>
      </c>
      <c r="B2356" t="s">
        <v>32</v>
      </c>
      <c r="C2356" t="s">
        <v>114</v>
      </c>
      <c r="D2356" t="s">
        <v>115</v>
      </c>
      <c r="E2356" s="6" t="s">
        <v>130</v>
      </c>
      <c r="F2356" s="3">
        <v>2019</v>
      </c>
      <c r="G2356" s="3" t="s">
        <v>97</v>
      </c>
      <c r="H2356" t="s">
        <v>116</v>
      </c>
      <c r="I2356" t="s">
        <v>15</v>
      </c>
      <c r="J2356" s="10">
        <v>76.33</v>
      </c>
    </row>
    <row r="2357" spans="1:10" x14ac:dyDescent="0.35">
      <c r="A2357" t="s">
        <v>33</v>
      </c>
      <c r="B2357" t="s">
        <v>92</v>
      </c>
      <c r="C2357" t="s">
        <v>114</v>
      </c>
      <c r="D2357" t="s">
        <v>115</v>
      </c>
      <c r="E2357" s="6" t="s">
        <v>130</v>
      </c>
      <c r="F2357" s="3">
        <v>2019</v>
      </c>
      <c r="G2357" s="3" t="s">
        <v>97</v>
      </c>
      <c r="H2357" t="s">
        <v>116</v>
      </c>
      <c r="I2357" t="s">
        <v>15</v>
      </c>
      <c r="J2357" s="10">
        <v>77.44</v>
      </c>
    </row>
    <row r="2358" spans="1:10" x14ac:dyDescent="0.35">
      <c r="A2358" t="s">
        <v>20</v>
      </c>
      <c r="B2358" t="s">
        <v>94</v>
      </c>
      <c r="C2358" t="s">
        <v>114</v>
      </c>
      <c r="D2358" t="s">
        <v>115</v>
      </c>
      <c r="E2358" s="6" t="s">
        <v>130</v>
      </c>
      <c r="F2358" s="3">
        <v>2019</v>
      </c>
      <c r="G2358" s="3" t="s">
        <v>97</v>
      </c>
      <c r="H2358" t="s">
        <v>116</v>
      </c>
      <c r="I2358" t="s">
        <v>15</v>
      </c>
      <c r="J2358" s="10">
        <v>75.349999999999994</v>
      </c>
    </row>
    <row r="2359" spans="1:10" x14ac:dyDescent="0.35">
      <c r="A2359" t="s">
        <v>26</v>
      </c>
      <c r="B2359" t="s">
        <v>90</v>
      </c>
      <c r="C2359" t="s">
        <v>114</v>
      </c>
      <c r="D2359" t="s">
        <v>115</v>
      </c>
      <c r="E2359" s="6" t="s">
        <v>130</v>
      </c>
      <c r="F2359" s="3">
        <v>2019</v>
      </c>
      <c r="G2359" s="3" t="s">
        <v>97</v>
      </c>
      <c r="H2359" t="s">
        <v>116</v>
      </c>
      <c r="I2359" t="s">
        <v>15</v>
      </c>
      <c r="J2359" s="10">
        <v>80.16</v>
      </c>
    </row>
    <row r="2360" spans="1:10" x14ac:dyDescent="0.35">
      <c r="A2360" t="s">
        <v>35</v>
      </c>
      <c r="B2360" t="s">
        <v>88</v>
      </c>
      <c r="C2360" t="s">
        <v>114</v>
      </c>
      <c r="D2360" t="s">
        <v>115</v>
      </c>
      <c r="E2360" s="6" t="s">
        <v>130</v>
      </c>
      <c r="F2360" s="3">
        <v>2019</v>
      </c>
      <c r="G2360" s="3" t="s">
        <v>97</v>
      </c>
      <c r="H2360" t="s">
        <v>116</v>
      </c>
      <c r="I2360" t="s">
        <v>15</v>
      </c>
      <c r="J2360" s="10">
        <v>76.2</v>
      </c>
    </row>
    <row r="2361" spans="1:10" x14ac:dyDescent="0.35">
      <c r="A2361" t="s">
        <v>10</v>
      </c>
      <c r="B2361" t="s">
        <v>45</v>
      </c>
      <c r="C2361" t="s">
        <v>114</v>
      </c>
      <c r="D2361" t="s">
        <v>115</v>
      </c>
      <c r="E2361" s="6" t="s">
        <v>130</v>
      </c>
      <c r="F2361" s="3">
        <v>2019</v>
      </c>
      <c r="G2361" s="3" t="s">
        <v>97</v>
      </c>
      <c r="H2361" t="s">
        <v>116</v>
      </c>
      <c r="I2361" t="s">
        <v>15</v>
      </c>
      <c r="J2361" s="10">
        <v>74.28</v>
      </c>
    </row>
    <row r="2362" spans="1:10" x14ac:dyDescent="0.35">
      <c r="A2362" t="s">
        <v>10</v>
      </c>
      <c r="B2362" t="s">
        <v>46</v>
      </c>
      <c r="C2362" t="s">
        <v>114</v>
      </c>
      <c r="D2362" t="s">
        <v>115</v>
      </c>
      <c r="E2362" s="6" t="s">
        <v>130</v>
      </c>
      <c r="F2362" s="3">
        <v>2019</v>
      </c>
      <c r="G2362" s="3" t="s">
        <v>97</v>
      </c>
      <c r="H2362" t="s">
        <v>116</v>
      </c>
      <c r="I2362" t="s">
        <v>15</v>
      </c>
      <c r="J2362" s="10">
        <v>73.59</v>
      </c>
    </row>
    <row r="2363" spans="1:10" x14ac:dyDescent="0.35">
      <c r="A2363" t="s">
        <v>28</v>
      </c>
      <c r="B2363" t="s">
        <v>29</v>
      </c>
      <c r="C2363" t="s">
        <v>114</v>
      </c>
      <c r="D2363" t="s">
        <v>115</v>
      </c>
      <c r="E2363" s="6" t="s">
        <v>130</v>
      </c>
      <c r="F2363" s="3">
        <v>2019</v>
      </c>
      <c r="G2363" s="3" t="s">
        <v>97</v>
      </c>
      <c r="H2363" t="s">
        <v>116</v>
      </c>
      <c r="I2363" t="s">
        <v>15</v>
      </c>
      <c r="J2363" s="10">
        <v>77.37</v>
      </c>
    </row>
    <row r="2364" spans="1:10" x14ac:dyDescent="0.35">
      <c r="A2364" t="s">
        <v>22</v>
      </c>
      <c r="B2364" t="s">
        <v>55</v>
      </c>
      <c r="C2364" t="s">
        <v>114</v>
      </c>
      <c r="D2364" t="s">
        <v>115</v>
      </c>
      <c r="E2364" s="6" t="s">
        <v>130</v>
      </c>
      <c r="F2364" s="3">
        <v>2019</v>
      </c>
      <c r="G2364" s="3" t="s">
        <v>97</v>
      </c>
      <c r="H2364" t="s">
        <v>116</v>
      </c>
      <c r="I2364" t="s">
        <v>15</v>
      </c>
      <c r="J2364" s="10">
        <v>79.680000000000007</v>
      </c>
    </row>
    <row r="2365" spans="1:10" x14ac:dyDescent="0.35">
      <c r="A2365" t="s">
        <v>35</v>
      </c>
      <c r="B2365" t="s">
        <v>43</v>
      </c>
      <c r="C2365" t="s">
        <v>114</v>
      </c>
      <c r="D2365" t="s">
        <v>115</v>
      </c>
      <c r="E2365" s="6" t="s">
        <v>130</v>
      </c>
      <c r="F2365" s="3">
        <v>2019</v>
      </c>
      <c r="G2365" s="3" t="s">
        <v>97</v>
      </c>
      <c r="H2365" t="s">
        <v>116</v>
      </c>
      <c r="I2365" t="s">
        <v>15</v>
      </c>
      <c r="J2365" s="10">
        <v>77.38</v>
      </c>
    </row>
    <row r="2366" spans="1:10" x14ac:dyDescent="0.35">
      <c r="A2366" t="s">
        <v>26</v>
      </c>
      <c r="B2366" t="s">
        <v>91</v>
      </c>
      <c r="C2366" t="s">
        <v>114</v>
      </c>
      <c r="D2366" t="s">
        <v>115</v>
      </c>
      <c r="E2366" s="6" t="s">
        <v>130</v>
      </c>
      <c r="F2366" s="3">
        <v>2019</v>
      </c>
      <c r="G2366" s="3" t="s">
        <v>97</v>
      </c>
      <c r="H2366" t="s">
        <v>116</v>
      </c>
      <c r="I2366" t="s">
        <v>15</v>
      </c>
      <c r="J2366" s="10">
        <v>78.58</v>
      </c>
    </row>
    <row r="2367" spans="1:10" x14ac:dyDescent="0.35">
      <c r="A2367" t="s">
        <v>62</v>
      </c>
      <c r="B2367" t="s">
        <v>89</v>
      </c>
      <c r="C2367" t="s">
        <v>114</v>
      </c>
      <c r="D2367" t="s">
        <v>115</v>
      </c>
      <c r="E2367" s="6" t="s">
        <v>130</v>
      </c>
      <c r="F2367" s="3">
        <v>2019</v>
      </c>
      <c r="G2367" s="3" t="s">
        <v>97</v>
      </c>
      <c r="H2367" t="s">
        <v>116</v>
      </c>
      <c r="I2367" t="s">
        <v>15</v>
      </c>
      <c r="J2367" s="10">
        <v>75.260000000000005</v>
      </c>
    </row>
    <row r="2368" spans="1:10" x14ac:dyDescent="0.35">
      <c r="A2368" t="s">
        <v>22</v>
      </c>
      <c r="B2368" t="s">
        <v>52</v>
      </c>
      <c r="C2368" t="s">
        <v>114</v>
      </c>
      <c r="D2368" t="s">
        <v>115</v>
      </c>
      <c r="E2368" s="6" t="s">
        <v>130</v>
      </c>
      <c r="F2368" s="3">
        <v>2019</v>
      </c>
      <c r="G2368" s="3" t="s">
        <v>97</v>
      </c>
      <c r="H2368" t="s">
        <v>116</v>
      </c>
      <c r="I2368" t="s">
        <v>15</v>
      </c>
      <c r="J2368" s="10">
        <v>75.05</v>
      </c>
    </row>
    <row r="2369" spans="1:10" x14ac:dyDescent="0.35">
      <c r="A2369" t="s">
        <v>26</v>
      </c>
      <c r="B2369" t="s">
        <v>31</v>
      </c>
      <c r="C2369" t="s">
        <v>114</v>
      </c>
      <c r="D2369" t="s">
        <v>115</v>
      </c>
      <c r="E2369" s="6" t="s">
        <v>130</v>
      </c>
      <c r="F2369" s="3">
        <v>2019</v>
      </c>
      <c r="G2369" s="3" t="s">
        <v>97</v>
      </c>
      <c r="H2369" t="s">
        <v>116</v>
      </c>
      <c r="I2369" t="s">
        <v>15</v>
      </c>
      <c r="J2369" s="10">
        <v>77.84</v>
      </c>
    </row>
    <row r="2370" spans="1:10" x14ac:dyDescent="0.35">
      <c r="A2370" t="s">
        <v>62</v>
      </c>
      <c r="B2370" t="s">
        <v>68</v>
      </c>
      <c r="C2370" t="s">
        <v>114</v>
      </c>
      <c r="D2370" t="s">
        <v>115</v>
      </c>
      <c r="E2370" s="6" t="s">
        <v>130</v>
      </c>
      <c r="F2370" s="3">
        <v>2019</v>
      </c>
      <c r="G2370" s="3" t="s">
        <v>97</v>
      </c>
      <c r="H2370" t="s">
        <v>116</v>
      </c>
      <c r="I2370" t="s">
        <v>15</v>
      </c>
      <c r="J2370" s="10">
        <v>73.069999999999993</v>
      </c>
    </row>
    <row r="2371" spans="1:10" x14ac:dyDescent="0.35">
      <c r="A2371" t="s">
        <v>22</v>
      </c>
      <c r="B2371" t="s">
        <v>78</v>
      </c>
      <c r="C2371" t="s">
        <v>114</v>
      </c>
      <c r="D2371" t="s">
        <v>115</v>
      </c>
      <c r="E2371" s="6" t="s">
        <v>130</v>
      </c>
      <c r="F2371" s="3">
        <v>2019</v>
      </c>
      <c r="G2371" s="3" t="s">
        <v>97</v>
      </c>
      <c r="H2371" t="s">
        <v>116</v>
      </c>
      <c r="I2371" t="s">
        <v>15</v>
      </c>
      <c r="J2371" s="10">
        <v>77.69</v>
      </c>
    </row>
    <row r="2372" spans="1:10" x14ac:dyDescent="0.35">
      <c r="A2372" t="s">
        <v>28</v>
      </c>
      <c r="B2372" t="s">
        <v>79</v>
      </c>
      <c r="C2372" t="s">
        <v>114</v>
      </c>
      <c r="D2372" t="s">
        <v>115</v>
      </c>
      <c r="E2372" s="6" t="s">
        <v>130</v>
      </c>
      <c r="F2372" s="3">
        <v>2019</v>
      </c>
      <c r="G2372" s="3" t="s">
        <v>97</v>
      </c>
      <c r="H2372" t="s">
        <v>116</v>
      </c>
      <c r="I2372" t="s">
        <v>15</v>
      </c>
      <c r="J2372" s="10">
        <v>79.23</v>
      </c>
    </row>
    <row r="2373" spans="1:10" x14ac:dyDescent="0.35">
      <c r="A2373" t="s">
        <v>33</v>
      </c>
      <c r="B2373" t="s">
        <v>34</v>
      </c>
      <c r="C2373" t="s">
        <v>114</v>
      </c>
      <c r="D2373" t="s">
        <v>115</v>
      </c>
      <c r="E2373" s="6" t="s">
        <v>130</v>
      </c>
      <c r="F2373" s="3">
        <v>2019</v>
      </c>
      <c r="G2373" s="3" t="s">
        <v>97</v>
      </c>
      <c r="H2373" t="s">
        <v>116</v>
      </c>
      <c r="I2373" t="s">
        <v>15</v>
      </c>
      <c r="J2373" s="10">
        <v>77.97</v>
      </c>
    </row>
    <row r="2374" spans="1:10" x14ac:dyDescent="0.35">
      <c r="A2374" t="s">
        <v>22</v>
      </c>
      <c r="B2374" t="s">
        <v>54</v>
      </c>
      <c r="C2374" t="s">
        <v>114</v>
      </c>
      <c r="D2374" t="s">
        <v>115</v>
      </c>
      <c r="E2374" s="6" t="s">
        <v>130</v>
      </c>
      <c r="F2374" s="3">
        <v>2019</v>
      </c>
      <c r="G2374" s="3" t="s">
        <v>97</v>
      </c>
      <c r="H2374" t="s">
        <v>116</v>
      </c>
      <c r="I2374" t="s">
        <v>15</v>
      </c>
      <c r="J2374" s="10">
        <v>79.209999999999994</v>
      </c>
    </row>
    <row r="2375" spans="1:10" x14ac:dyDescent="0.35">
      <c r="A2375" t="s">
        <v>10</v>
      </c>
      <c r="B2375" t="s">
        <v>30</v>
      </c>
      <c r="C2375" t="s">
        <v>114</v>
      </c>
      <c r="D2375" t="s">
        <v>115</v>
      </c>
      <c r="E2375" s="6" t="s">
        <v>130</v>
      </c>
      <c r="F2375" s="3">
        <v>2019</v>
      </c>
      <c r="G2375" s="3" t="s">
        <v>97</v>
      </c>
      <c r="H2375" t="s">
        <v>116</v>
      </c>
      <c r="I2375" t="s">
        <v>15</v>
      </c>
      <c r="J2375" s="10">
        <v>76.84</v>
      </c>
    </row>
    <row r="2376" spans="1:10" x14ac:dyDescent="0.35">
      <c r="A2376" t="s">
        <v>22</v>
      </c>
      <c r="B2376" t="s">
        <v>56</v>
      </c>
      <c r="C2376" t="s">
        <v>114</v>
      </c>
      <c r="D2376" t="s">
        <v>115</v>
      </c>
      <c r="E2376" s="6" t="s">
        <v>130</v>
      </c>
      <c r="F2376" s="3">
        <v>2019</v>
      </c>
      <c r="G2376" s="3" t="s">
        <v>97</v>
      </c>
      <c r="H2376" t="s">
        <v>116</v>
      </c>
      <c r="I2376" t="s">
        <v>15</v>
      </c>
      <c r="J2376" s="10">
        <v>80.84</v>
      </c>
    </row>
    <row r="2377" spans="1:10" x14ac:dyDescent="0.35">
      <c r="A2377" t="s">
        <v>26</v>
      </c>
      <c r="B2377" t="s">
        <v>27</v>
      </c>
      <c r="C2377" t="s">
        <v>114</v>
      </c>
      <c r="D2377" t="s">
        <v>115</v>
      </c>
      <c r="E2377" s="6" t="s">
        <v>130</v>
      </c>
      <c r="F2377" s="3">
        <v>2019</v>
      </c>
      <c r="G2377" s="3" t="s">
        <v>97</v>
      </c>
      <c r="H2377" t="s">
        <v>116</v>
      </c>
      <c r="I2377" t="s">
        <v>15</v>
      </c>
      <c r="J2377" s="10">
        <v>77.52</v>
      </c>
    </row>
    <row r="2378" spans="1:10" x14ac:dyDescent="0.35">
      <c r="A2378" t="s">
        <v>22</v>
      </c>
      <c r="B2378" t="s">
        <v>51</v>
      </c>
      <c r="C2378" t="s">
        <v>114</v>
      </c>
      <c r="D2378" t="s">
        <v>115</v>
      </c>
      <c r="E2378" s="6" t="s">
        <v>130</v>
      </c>
      <c r="F2378" s="3">
        <v>2019</v>
      </c>
      <c r="G2378" s="3" t="s">
        <v>97</v>
      </c>
      <c r="H2378" t="s">
        <v>116</v>
      </c>
      <c r="I2378" t="s">
        <v>15</v>
      </c>
      <c r="J2378" s="10">
        <v>79.180000000000007</v>
      </c>
    </row>
    <row r="2379" spans="1:10" x14ac:dyDescent="0.35">
      <c r="A2379" t="s">
        <v>35</v>
      </c>
      <c r="B2379" t="s">
        <v>50</v>
      </c>
      <c r="C2379" t="s">
        <v>114</v>
      </c>
      <c r="D2379" t="s">
        <v>115</v>
      </c>
      <c r="E2379" s="6" t="s">
        <v>130</v>
      </c>
      <c r="F2379" s="3">
        <v>2019</v>
      </c>
      <c r="G2379" s="3" t="s">
        <v>97</v>
      </c>
      <c r="H2379" t="s">
        <v>116</v>
      </c>
      <c r="I2379" t="s">
        <v>15</v>
      </c>
      <c r="J2379" s="10">
        <v>81.73</v>
      </c>
    </row>
    <row r="2380" spans="1:10" x14ac:dyDescent="0.35">
      <c r="A2380" t="s">
        <v>33</v>
      </c>
      <c r="B2380" t="s">
        <v>47</v>
      </c>
      <c r="C2380" t="s">
        <v>114</v>
      </c>
      <c r="D2380" t="s">
        <v>115</v>
      </c>
      <c r="E2380" s="6" t="s">
        <v>130</v>
      </c>
      <c r="F2380" s="3">
        <v>2019</v>
      </c>
      <c r="G2380" s="3" t="s">
        <v>97</v>
      </c>
      <c r="H2380" t="s">
        <v>116</v>
      </c>
      <c r="I2380" t="s">
        <v>15</v>
      </c>
      <c r="J2380" s="10">
        <v>78.209999999999994</v>
      </c>
    </row>
    <row r="2381" spans="1:10" x14ac:dyDescent="0.35">
      <c r="A2381" t="s">
        <v>28</v>
      </c>
      <c r="B2381" t="s">
        <v>49</v>
      </c>
      <c r="C2381" t="s">
        <v>114</v>
      </c>
      <c r="D2381" t="s">
        <v>115</v>
      </c>
      <c r="E2381" s="6" t="s">
        <v>130</v>
      </c>
      <c r="F2381" s="3">
        <v>2019</v>
      </c>
      <c r="G2381" s="3" t="s">
        <v>97</v>
      </c>
      <c r="H2381" t="s">
        <v>116</v>
      </c>
      <c r="I2381" t="s">
        <v>15</v>
      </c>
      <c r="J2381" s="10">
        <v>79.150000000000006</v>
      </c>
    </row>
    <row r="2382" spans="1:10" x14ac:dyDescent="0.35">
      <c r="A2382" t="s">
        <v>28</v>
      </c>
      <c r="B2382" t="s">
        <v>44</v>
      </c>
      <c r="C2382" t="s">
        <v>114</v>
      </c>
      <c r="D2382" t="s">
        <v>115</v>
      </c>
      <c r="E2382" s="6" t="s">
        <v>130</v>
      </c>
      <c r="F2382" s="3">
        <v>2019</v>
      </c>
      <c r="G2382" s="3" t="s">
        <v>97</v>
      </c>
      <c r="H2382" t="s">
        <v>116</v>
      </c>
      <c r="I2382" t="s">
        <v>15</v>
      </c>
      <c r="J2382" s="10">
        <v>78.61</v>
      </c>
    </row>
    <row r="2383" spans="1:10" x14ac:dyDescent="0.35">
      <c r="A2383" t="s">
        <v>35</v>
      </c>
      <c r="B2383" t="s">
        <v>93</v>
      </c>
      <c r="C2383" t="s">
        <v>114</v>
      </c>
      <c r="D2383" t="s">
        <v>115</v>
      </c>
      <c r="E2383" s="6" t="s">
        <v>130</v>
      </c>
      <c r="F2383" s="3">
        <v>2019</v>
      </c>
      <c r="G2383" s="3" t="s">
        <v>97</v>
      </c>
      <c r="H2383" t="s">
        <v>116</v>
      </c>
      <c r="I2383" t="s">
        <v>15</v>
      </c>
      <c r="J2383" s="10">
        <v>80.069999999999993</v>
      </c>
    </row>
    <row r="2384" spans="1:10" x14ac:dyDescent="0.35">
      <c r="A2384" t="s">
        <v>33</v>
      </c>
      <c r="B2384" t="s">
        <v>85</v>
      </c>
      <c r="C2384" t="s">
        <v>114</v>
      </c>
      <c r="D2384" t="s">
        <v>115</v>
      </c>
      <c r="E2384" s="6" t="s">
        <v>130</v>
      </c>
      <c r="F2384" s="3">
        <v>2019</v>
      </c>
      <c r="G2384" s="3" t="s">
        <v>97</v>
      </c>
      <c r="H2384" t="s">
        <v>116</v>
      </c>
      <c r="I2384" t="s">
        <v>15</v>
      </c>
      <c r="J2384" s="10">
        <v>78.010000000000005</v>
      </c>
    </row>
    <row r="2385" spans="1:10" x14ac:dyDescent="0.35">
      <c r="A2385" t="s">
        <v>20</v>
      </c>
      <c r="B2385" t="s">
        <v>81</v>
      </c>
      <c r="C2385" t="s">
        <v>114</v>
      </c>
      <c r="D2385" t="s">
        <v>115</v>
      </c>
      <c r="E2385" s="6" t="s">
        <v>130</v>
      </c>
      <c r="F2385" s="3">
        <v>2019</v>
      </c>
      <c r="G2385" s="3" t="s">
        <v>97</v>
      </c>
      <c r="H2385" t="s">
        <v>116</v>
      </c>
      <c r="I2385" t="s">
        <v>15</v>
      </c>
      <c r="J2385" s="10">
        <v>74.19</v>
      </c>
    </row>
    <row r="2386" spans="1:10" x14ac:dyDescent="0.35">
      <c r="A2386" t="s">
        <v>26</v>
      </c>
      <c r="B2386" t="s">
        <v>80</v>
      </c>
      <c r="C2386" t="s">
        <v>114</v>
      </c>
      <c r="D2386" t="s">
        <v>115</v>
      </c>
      <c r="E2386" s="6" t="s">
        <v>130</v>
      </c>
      <c r="F2386" s="3">
        <v>2019</v>
      </c>
      <c r="G2386" s="3" t="s">
        <v>97</v>
      </c>
      <c r="H2386" t="s">
        <v>116</v>
      </c>
      <c r="I2386" t="s">
        <v>15</v>
      </c>
      <c r="J2386" s="10">
        <v>78.94</v>
      </c>
    </row>
    <row r="2387" spans="1:10" x14ac:dyDescent="0.35">
      <c r="A2387" t="s">
        <v>26</v>
      </c>
      <c r="B2387" t="s">
        <v>83</v>
      </c>
      <c r="C2387" t="s">
        <v>114</v>
      </c>
      <c r="D2387" t="s">
        <v>115</v>
      </c>
      <c r="E2387" s="6" t="s">
        <v>130</v>
      </c>
      <c r="F2387" s="3">
        <v>2019</v>
      </c>
      <c r="G2387" s="3" t="s">
        <v>97</v>
      </c>
      <c r="H2387" t="s">
        <v>116</v>
      </c>
      <c r="I2387" t="s">
        <v>15</v>
      </c>
      <c r="J2387" s="10">
        <v>79.040000000000006</v>
      </c>
    </row>
    <row r="2388" spans="1:10" x14ac:dyDescent="0.35">
      <c r="A2388" t="s">
        <v>33</v>
      </c>
      <c r="B2388" t="s">
        <v>77</v>
      </c>
      <c r="C2388" t="s">
        <v>114</v>
      </c>
      <c r="D2388" t="s">
        <v>115</v>
      </c>
      <c r="E2388" s="6" t="s">
        <v>130</v>
      </c>
      <c r="F2388" s="3">
        <v>2019</v>
      </c>
      <c r="G2388" s="3" t="s">
        <v>97</v>
      </c>
      <c r="H2388" t="s">
        <v>116</v>
      </c>
      <c r="I2388" t="s">
        <v>15</v>
      </c>
      <c r="J2388" s="10">
        <v>76.349999999999994</v>
      </c>
    </row>
    <row r="2389" spans="1:10" x14ac:dyDescent="0.35">
      <c r="A2389" t="s">
        <v>33</v>
      </c>
      <c r="B2389" t="s">
        <v>86</v>
      </c>
      <c r="C2389" t="s">
        <v>114</v>
      </c>
      <c r="D2389" t="s">
        <v>115</v>
      </c>
      <c r="E2389" s="6" t="s">
        <v>130</v>
      </c>
      <c r="F2389" s="3">
        <v>2019</v>
      </c>
      <c r="G2389" s="3" t="s">
        <v>97</v>
      </c>
      <c r="H2389" t="s">
        <v>116</v>
      </c>
      <c r="I2389" t="s">
        <v>15</v>
      </c>
      <c r="J2389" s="10">
        <v>80.08</v>
      </c>
    </row>
    <row r="2390" spans="1:10" x14ac:dyDescent="0.35">
      <c r="A2390" t="s">
        <v>26</v>
      </c>
      <c r="B2390" t="s">
        <v>73</v>
      </c>
      <c r="C2390" t="s">
        <v>114</v>
      </c>
      <c r="D2390" t="s">
        <v>115</v>
      </c>
      <c r="E2390" s="6" t="s">
        <v>130</v>
      </c>
      <c r="F2390" s="3">
        <v>2019</v>
      </c>
      <c r="G2390" s="3" t="s">
        <v>97</v>
      </c>
      <c r="H2390" t="s">
        <v>116</v>
      </c>
      <c r="I2390" t="s">
        <v>15</v>
      </c>
      <c r="J2390" s="10">
        <v>77.180000000000007</v>
      </c>
    </row>
    <row r="2391" spans="1:10" x14ac:dyDescent="0.35">
      <c r="A2391" t="s">
        <v>35</v>
      </c>
      <c r="B2391" t="s">
        <v>84</v>
      </c>
      <c r="C2391" t="s">
        <v>114</v>
      </c>
      <c r="D2391" t="s">
        <v>115</v>
      </c>
      <c r="E2391" s="6" t="s">
        <v>130</v>
      </c>
      <c r="F2391" s="3">
        <v>2019</v>
      </c>
      <c r="G2391" s="3" t="s">
        <v>97</v>
      </c>
      <c r="H2391" t="s">
        <v>116</v>
      </c>
      <c r="I2391" t="s">
        <v>15</v>
      </c>
      <c r="J2391" s="10">
        <v>74.819999999999993</v>
      </c>
    </row>
    <row r="2392" spans="1:10" x14ac:dyDescent="0.35">
      <c r="A2392" t="s">
        <v>33</v>
      </c>
      <c r="B2392" t="s">
        <v>75</v>
      </c>
      <c r="C2392" t="s">
        <v>114</v>
      </c>
      <c r="D2392" t="s">
        <v>115</v>
      </c>
      <c r="E2392" s="6" t="s">
        <v>130</v>
      </c>
      <c r="F2392" s="3">
        <v>2019</v>
      </c>
      <c r="G2392" s="3" t="s">
        <v>97</v>
      </c>
      <c r="H2392" t="s">
        <v>116</v>
      </c>
      <c r="I2392" t="s">
        <v>15</v>
      </c>
      <c r="J2392" s="10">
        <v>74.95</v>
      </c>
    </row>
    <row r="2393" spans="1:10" x14ac:dyDescent="0.35">
      <c r="A2393" t="s">
        <v>33</v>
      </c>
      <c r="B2393" t="s">
        <v>82</v>
      </c>
      <c r="C2393" t="s">
        <v>114</v>
      </c>
      <c r="D2393" t="s">
        <v>115</v>
      </c>
      <c r="E2393" s="6" t="s">
        <v>130</v>
      </c>
      <c r="F2393" s="3">
        <v>2019</v>
      </c>
      <c r="G2393" s="3" t="s">
        <v>97</v>
      </c>
      <c r="H2393" t="s">
        <v>116</v>
      </c>
      <c r="I2393" t="s">
        <v>15</v>
      </c>
      <c r="J2393" s="10">
        <v>79.91</v>
      </c>
    </row>
    <row r="2394" spans="1:10" x14ac:dyDescent="0.35">
      <c r="A2394" t="s">
        <v>28</v>
      </c>
      <c r="B2394" t="s">
        <v>74</v>
      </c>
      <c r="C2394" t="s">
        <v>114</v>
      </c>
      <c r="D2394" t="s">
        <v>115</v>
      </c>
      <c r="E2394" s="6" t="s">
        <v>130</v>
      </c>
      <c r="F2394" s="3">
        <v>2019</v>
      </c>
      <c r="G2394" s="3" t="s">
        <v>97</v>
      </c>
      <c r="H2394" t="s">
        <v>116</v>
      </c>
      <c r="I2394" t="s">
        <v>15</v>
      </c>
      <c r="J2394" s="10">
        <v>76.03</v>
      </c>
    </row>
    <row r="2395" spans="1:10" x14ac:dyDescent="0.35">
      <c r="A2395" t="s">
        <v>22</v>
      </c>
      <c r="B2395" t="s">
        <v>76</v>
      </c>
      <c r="C2395" t="s">
        <v>114</v>
      </c>
      <c r="D2395" t="s">
        <v>115</v>
      </c>
      <c r="E2395" s="6" t="s">
        <v>130</v>
      </c>
      <c r="F2395" s="3">
        <v>2019</v>
      </c>
      <c r="G2395" s="3" t="s">
        <v>97</v>
      </c>
      <c r="H2395" t="s">
        <v>116</v>
      </c>
      <c r="I2395" t="s">
        <v>15</v>
      </c>
      <c r="J2395" s="10">
        <v>78.06</v>
      </c>
    </row>
    <row r="2396" spans="1:10" x14ac:dyDescent="0.35">
      <c r="A2396" t="s">
        <v>62</v>
      </c>
      <c r="B2396" t="s">
        <v>63</v>
      </c>
      <c r="C2396" t="s">
        <v>114</v>
      </c>
      <c r="D2396" t="s">
        <v>115</v>
      </c>
      <c r="E2396" s="6" t="s">
        <v>130</v>
      </c>
      <c r="F2396" s="3">
        <v>2019</v>
      </c>
      <c r="G2396" s="3" t="s">
        <v>97</v>
      </c>
      <c r="H2396" t="s">
        <v>116</v>
      </c>
      <c r="I2396" t="s">
        <v>15</v>
      </c>
      <c r="J2396" s="10">
        <v>74.14</v>
      </c>
    </row>
    <row r="2397" spans="1:10" x14ac:dyDescent="0.35">
      <c r="A2397" t="s">
        <v>28</v>
      </c>
      <c r="B2397" t="s">
        <v>58</v>
      </c>
      <c r="C2397" t="s">
        <v>114</v>
      </c>
      <c r="D2397" t="s">
        <v>115</v>
      </c>
      <c r="E2397" s="6" t="s">
        <v>130</v>
      </c>
      <c r="F2397" s="3">
        <v>2019</v>
      </c>
      <c r="G2397" s="3" t="s">
        <v>97</v>
      </c>
      <c r="H2397" t="s">
        <v>116</v>
      </c>
      <c r="I2397" t="s">
        <v>15</v>
      </c>
      <c r="J2397" s="10">
        <v>78.88</v>
      </c>
    </row>
    <row r="2398" spans="1:10" x14ac:dyDescent="0.35">
      <c r="A2398" t="s">
        <v>62</v>
      </c>
      <c r="B2398" t="s">
        <v>69</v>
      </c>
      <c r="C2398" t="s">
        <v>114</v>
      </c>
      <c r="D2398" t="s">
        <v>115</v>
      </c>
      <c r="E2398" s="6" t="s">
        <v>130</v>
      </c>
      <c r="F2398" s="3">
        <v>2019</v>
      </c>
      <c r="G2398" s="3" t="s">
        <v>97</v>
      </c>
      <c r="H2398" t="s">
        <v>116</v>
      </c>
      <c r="I2398" t="s">
        <v>15</v>
      </c>
      <c r="J2398" s="10">
        <v>72.98</v>
      </c>
    </row>
    <row r="2399" spans="1:10" x14ac:dyDescent="0.35">
      <c r="A2399" t="s">
        <v>28</v>
      </c>
      <c r="B2399" t="s">
        <v>61</v>
      </c>
      <c r="C2399" t="s">
        <v>114</v>
      </c>
      <c r="D2399" t="s">
        <v>115</v>
      </c>
      <c r="E2399" s="6" t="s">
        <v>130</v>
      </c>
      <c r="F2399" s="3">
        <v>2019</v>
      </c>
      <c r="G2399" s="3" t="s">
        <v>97</v>
      </c>
      <c r="H2399" t="s">
        <v>116</v>
      </c>
      <c r="I2399" t="s">
        <v>15</v>
      </c>
      <c r="J2399" s="10">
        <v>77.760000000000005</v>
      </c>
    </row>
    <row r="2400" spans="1:10" x14ac:dyDescent="0.35">
      <c r="A2400" t="s">
        <v>20</v>
      </c>
      <c r="B2400" t="s">
        <v>72</v>
      </c>
      <c r="C2400" t="s">
        <v>114</v>
      </c>
      <c r="D2400" t="s">
        <v>115</v>
      </c>
      <c r="E2400" s="6" t="s">
        <v>130</v>
      </c>
      <c r="F2400" s="3">
        <v>2019</v>
      </c>
      <c r="G2400" s="3" t="s">
        <v>97</v>
      </c>
      <c r="H2400" t="s">
        <v>116</v>
      </c>
      <c r="I2400" t="s">
        <v>15</v>
      </c>
      <c r="J2400" s="10">
        <v>76.05</v>
      </c>
    </row>
    <row r="2401" spans="1:10" x14ac:dyDescent="0.35">
      <c r="A2401" t="s">
        <v>20</v>
      </c>
      <c r="B2401" t="s">
        <v>48</v>
      </c>
      <c r="C2401" t="s">
        <v>114</v>
      </c>
      <c r="D2401" t="s">
        <v>115</v>
      </c>
      <c r="E2401" s="6" t="s">
        <v>130</v>
      </c>
      <c r="F2401" s="3">
        <v>2019</v>
      </c>
      <c r="G2401" s="3" t="s">
        <v>97</v>
      </c>
      <c r="H2401" t="s">
        <v>116</v>
      </c>
      <c r="I2401" t="s">
        <v>15</v>
      </c>
      <c r="J2401" s="10">
        <v>77.52</v>
      </c>
    </row>
    <row r="2402" spans="1:10" x14ac:dyDescent="0.35">
      <c r="A2402" t="s">
        <v>62</v>
      </c>
      <c r="B2402" t="s">
        <v>67</v>
      </c>
      <c r="C2402" t="s">
        <v>114</v>
      </c>
      <c r="D2402" t="s">
        <v>115</v>
      </c>
      <c r="E2402" s="6" t="s">
        <v>130</v>
      </c>
      <c r="F2402" s="3">
        <v>2019</v>
      </c>
      <c r="G2402" s="3" t="s">
        <v>97</v>
      </c>
      <c r="H2402" t="s">
        <v>116</v>
      </c>
      <c r="I2402" t="s">
        <v>15</v>
      </c>
      <c r="J2402" s="10">
        <v>72.459999999999994</v>
      </c>
    </row>
    <row r="2403" spans="1:10" x14ac:dyDescent="0.35">
      <c r="A2403" t="s">
        <v>20</v>
      </c>
      <c r="B2403" t="s">
        <v>60</v>
      </c>
      <c r="C2403" t="s">
        <v>114</v>
      </c>
      <c r="D2403" t="s">
        <v>115</v>
      </c>
      <c r="E2403" s="6" t="s">
        <v>130</v>
      </c>
      <c r="F2403" s="3">
        <v>2019</v>
      </c>
      <c r="G2403" s="3" t="s">
        <v>97</v>
      </c>
      <c r="H2403" t="s">
        <v>116</v>
      </c>
      <c r="I2403" t="s">
        <v>15</v>
      </c>
      <c r="J2403" s="10">
        <v>76.81</v>
      </c>
    </row>
    <row r="2404" spans="1:10" x14ac:dyDescent="0.35">
      <c r="A2404" t="s">
        <v>62</v>
      </c>
      <c r="B2404" t="s">
        <v>64</v>
      </c>
      <c r="C2404" t="s">
        <v>114</v>
      </c>
      <c r="D2404" t="s">
        <v>115</v>
      </c>
      <c r="E2404" s="6" t="s">
        <v>130</v>
      </c>
      <c r="F2404" s="3">
        <v>2019</v>
      </c>
      <c r="G2404" s="3" t="s">
        <v>97</v>
      </c>
      <c r="H2404" t="s">
        <v>116</v>
      </c>
      <c r="I2404" t="s">
        <v>15</v>
      </c>
      <c r="J2404" s="10">
        <v>75.83</v>
      </c>
    </row>
    <row r="2405" spans="1:10" x14ac:dyDescent="0.35">
      <c r="A2405" t="s">
        <v>20</v>
      </c>
      <c r="B2405" t="s">
        <v>59</v>
      </c>
      <c r="C2405" t="s">
        <v>114</v>
      </c>
      <c r="D2405" t="s">
        <v>115</v>
      </c>
      <c r="E2405" s="6" t="s">
        <v>130</v>
      </c>
      <c r="F2405" s="3">
        <v>2019</v>
      </c>
      <c r="G2405" s="3" t="s">
        <v>97</v>
      </c>
      <c r="H2405" t="s">
        <v>116</v>
      </c>
      <c r="I2405" t="s">
        <v>15</v>
      </c>
      <c r="J2405" s="10">
        <v>77.87</v>
      </c>
    </row>
    <row r="2406" spans="1:10" x14ac:dyDescent="0.35">
      <c r="A2406" t="s">
        <v>26</v>
      </c>
      <c r="B2406" t="s">
        <v>57</v>
      </c>
      <c r="C2406" t="s">
        <v>114</v>
      </c>
      <c r="D2406" t="s">
        <v>115</v>
      </c>
      <c r="E2406" s="6" t="s">
        <v>130</v>
      </c>
      <c r="F2406" s="3">
        <v>2019</v>
      </c>
      <c r="G2406" s="3" t="s">
        <v>97</v>
      </c>
      <c r="H2406" t="s">
        <v>116</v>
      </c>
      <c r="I2406" t="s">
        <v>15</v>
      </c>
      <c r="J2406" s="10">
        <v>77.84</v>
      </c>
    </row>
    <row r="2407" spans="1:10" x14ac:dyDescent="0.35">
      <c r="A2407" t="s">
        <v>62</v>
      </c>
      <c r="B2407" t="s">
        <v>70</v>
      </c>
      <c r="C2407" t="s">
        <v>114</v>
      </c>
      <c r="D2407" t="s">
        <v>115</v>
      </c>
      <c r="E2407" s="6" t="s">
        <v>130</v>
      </c>
      <c r="F2407" s="3">
        <v>2019</v>
      </c>
      <c r="G2407" s="3" t="s">
        <v>97</v>
      </c>
      <c r="H2407" t="s">
        <v>116</v>
      </c>
      <c r="I2407" t="s">
        <v>15</v>
      </c>
      <c r="J2407" s="10">
        <v>74.17</v>
      </c>
    </row>
    <row r="2408" spans="1:10" x14ac:dyDescent="0.35">
      <c r="A2408" t="s">
        <v>35</v>
      </c>
      <c r="B2408" t="s">
        <v>71</v>
      </c>
      <c r="C2408" t="s">
        <v>114</v>
      </c>
      <c r="D2408" t="s">
        <v>115</v>
      </c>
      <c r="E2408" s="6" t="s">
        <v>130</v>
      </c>
      <c r="F2408" s="3">
        <v>2019</v>
      </c>
      <c r="G2408" s="3" t="s">
        <v>97</v>
      </c>
      <c r="H2408" t="s">
        <v>116</v>
      </c>
      <c r="I2408" t="s">
        <v>15</v>
      </c>
      <c r="J2408" s="10">
        <v>74.430000000000007</v>
      </c>
    </row>
    <row r="2409" spans="1:10" x14ac:dyDescent="0.35">
      <c r="A2409" t="s">
        <v>62</v>
      </c>
      <c r="B2409" t="s">
        <v>66</v>
      </c>
      <c r="C2409" t="s">
        <v>114</v>
      </c>
      <c r="D2409" t="s">
        <v>115</v>
      </c>
      <c r="E2409" s="6" t="s">
        <v>130</v>
      </c>
      <c r="F2409" s="3">
        <v>2019</v>
      </c>
      <c r="G2409" s="3" t="s">
        <v>97</v>
      </c>
      <c r="H2409" t="s">
        <v>116</v>
      </c>
      <c r="I2409" t="s">
        <v>15</v>
      </c>
      <c r="J2409" s="10">
        <v>71.41</v>
      </c>
    </row>
    <row r="2410" spans="1:10" x14ac:dyDescent="0.35">
      <c r="A2410" t="s">
        <v>62</v>
      </c>
      <c r="B2410" t="s">
        <v>65</v>
      </c>
      <c r="C2410" t="s">
        <v>114</v>
      </c>
      <c r="D2410" t="s">
        <v>115</v>
      </c>
      <c r="E2410" s="6" t="s">
        <v>130</v>
      </c>
      <c r="F2410" s="3">
        <v>2019</v>
      </c>
      <c r="G2410" s="3" t="s">
        <v>97</v>
      </c>
      <c r="H2410" t="s">
        <v>116</v>
      </c>
      <c r="I2410" t="s">
        <v>15</v>
      </c>
      <c r="J2410" s="10">
        <v>74.3</v>
      </c>
    </row>
    <row r="2411" spans="1:10" x14ac:dyDescent="0.35">
      <c r="A2411" t="s">
        <v>62</v>
      </c>
      <c r="B2411" t="s">
        <v>70</v>
      </c>
      <c r="C2411" t="s">
        <v>114</v>
      </c>
      <c r="D2411" t="s">
        <v>115</v>
      </c>
      <c r="E2411" s="6" t="s">
        <v>130</v>
      </c>
      <c r="F2411" s="3">
        <v>2019</v>
      </c>
      <c r="G2411" s="3" t="s">
        <v>98</v>
      </c>
      <c r="H2411" t="s">
        <v>116</v>
      </c>
      <c r="I2411" t="s">
        <v>15</v>
      </c>
      <c r="J2411" s="10">
        <v>77.510000000000005</v>
      </c>
    </row>
    <row r="2412" spans="1:10" x14ac:dyDescent="0.35">
      <c r="A2412" t="s">
        <v>35</v>
      </c>
      <c r="B2412" t="s">
        <v>71</v>
      </c>
      <c r="C2412" t="s">
        <v>114</v>
      </c>
      <c r="D2412" t="s">
        <v>115</v>
      </c>
      <c r="E2412" s="6" t="s">
        <v>130</v>
      </c>
      <c r="F2412" s="3">
        <v>2019</v>
      </c>
      <c r="G2412" s="3" t="s">
        <v>98</v>
      </c>
      <c r="H2412" t="s">
        <v>116</v>
      </c>
      <c r="I2412" t="s">
        <v>15</v>
      </c>
      <c r="J2412" s="10">
        <v>78.75</v>
      </c>
    </row>
    <row r="2413" spans="1:10" x14ac:dyDescent="0.35">
      <c r="A2413" t="s">
        <v>28</v>
      </c>
      <c r="B2413" t="s">
        <v>58</v>
      </c>
      <c r="C2413" t="s">
        <v>114</v>
      </c>
      <c r="D2413" t="s">
        <v>115</v>
      </c>
      <c r="E2413" s="6" t="s">
        <v>130</v>
      </c>
      <c r="F2413" s="3">
        <v>2019</v>
      </c>
      <c r="G2413" s="3" t="s">
        <v>98</v>
      </c>
      <c r="H2413" t="s">
        <v>116</v>
      </c>
      <c r="I2413" t="s">
        <v>15</v>
      </c>
      <c r="J2413" s="10">
        <v>81.569999999999993</v>
      </c>
    </row>
    <row r="2414" spans="1:10" x14ac:dyDescent="0.35">
      <c r="A2414" t="s">
        <v>62</v>
      </c>
      <c r="B2414" t="s">
        <v>65</v>
      </c>
      <c r="C2414" t="s">
        <v>114</v>
      </c>
      <c r="D2414" t="s">
        <v>115</v>
      </c>
      <c r="E2414" s="6" t="s">
        <v>130</v>
      </c>
      <c r="F2414" s="3">
        <v>2019</v>
      </c>
      <c r="G2414" s="3" t="s">
        <v>98</v>
      </c>
      <c r="H2414" t="s">
        <v>116</v>
      </c>
      <c r="I2414" t="s">
        <v>15</v>
      </c>
      <c r="J2414" s="10">
        <v>79.709999999999994</v>
      </c>
    </row>
    <row r="2415" spans="1:10" x14ac:dyDescent="0.35">
      <c r="A2415" t="s">
        <v>20</v>
      </c>
      <c r="B2415" t="s">
        <v>72</v>
      </c>
      <c r="C2415" t="s">
        <v>114</v>
      </c>
      <c r="D2415" t="s">
        <v>115</v>
      </c>
      <c r="E2415" s="6" t="s">
        <v>130</v>
      </c>
      <c r="F2415" s="3">
        <v>2019</v>
      </c>
      <c r="G2415" s="3" t="s">
        <v>98</v>
      </c>
      <c r="H2415" t="s">
        <v>116</v>
      </c>
      <c r="I2415" t="s">
        <v>15</v>
      </c>
      <c r="J2415" s="10">
        <v>80.05</v>
      </c>
    </row>
    <row r="2416" spans="1:10" x14ac:dyDescent="0.35">
      <c r="A2416" t="s">
        <v>20</v>
      </c>
      <c r="B2416" t="s">
        <v>60</v>
      </c>
      <c r="C2416" t="s">
        <v>114</v>
      </c>
      <c r="D2416" t="s">
        <v>115</v>
      </c>
      <c r="E2416" s="6" t="s">
        <v>130</v>
      </c>
      <c r="F2416" s="3">
        <v>2019</v>
      </c>
      <c r="G2416" s="3" t="s">
        <v>98</v>
      </c>
      <c r="H2416" t="s">
        <v>116</v>
      </c>
      <c r="I2416" t="s">
        <v>15</v>
      </c>
      <c r="J2416" s="10">
        <v>80.11</v>
      </c>
    </row>
    <row r="2417" spans="1:10" x14ac:dyDescent="0.35">
      <c r="A2417" t="s">
        <v>62</v>
      </c>
      <c r="B2417" t="s">
        <v>63</v>
      </c>
      <c r="C2417" t="s">
        <v>114</v>
      </c>
      <c r="D2417" t="s">
        <v>115</v>
      </c>
      <c r="E2417" s="6" t="s">
        <v>130</v>
      </c>
      <c r="F2417" s="3">
        <v>2019</v>
      </c>
      <c r="G2417" s="3" t="s">
        <v>98</v>
      </c>
      <c r="H2417" t="s">
        <v>116</v>
      </c>
      <c r="I2417" t="s">
        <v>15</v>
      </c>
      <c r="J2417" s="10">
        <v>79.25</v>
      </c>
    </row>
    <row r="2418" spans="1:10" x14ac:dyDescent="0.35">
      <c r="A2418" t="s">
        <v>20</v>
      </c>
      <c r="B2418" t="s">
        <v>48</v>
      </c>
      <c r="C2418" t="s">
        <v>114</v>
      </c>
      <c r="D2418" t="s">
        <v>115</v>
      </c>
      <c r="E2418" s="6" t="s">
        <v>130</v>
      </c>
      <c r="F2418" s="3">
        <v>2019</v>
      </c>
      <c r="G2418" s="3" t="s">
        <v>98</v>
      </c>
      <c r="H2418" t="s">
        <v>116</v>
      </c>
      <c r="I2418" t="s">
        <v>15</v>
      </c>
      <c r="J2418" s="10">
        <v>82.13</v>
      </c>
    </row>
    <row r="2419" spans="1:10" x14ac:dyDescent="0.35">
      <c r="A2419" t="s">
        <v>26</v>
      </c>
      <c r="B2419" t="s">
        <v>73</v>
      </c>
      <c r="C2419" t="s">
        <v>114</v>
      </c>
      <c r="D2419" t="s">
        <v>115</v>
      </c>
      <c r="E2419" s="6" t="s">
        <v>130</v>
      </c>
      <c r="F2419" s="3">
        <v>2019</v>
      </c>
      <c r="G2419" s="3" t="s">
        <v>98</v>
      </c>
      <c r="H2419" t="s">
        <v>116</v>
      </c>
      <c r="I2419" t="s">
        <v>15</v>
      </c>
      <c r="J2419" s="10">
        <v>81.7</v>
      </c>
    </row>
    <row r="2420" spans="1:10" x14ac:dyDescent="0.35">
      <c r="A2420" t="s">
        <v>62</v>
      </c>
      <c r="B2420" t="s">
        <v>67</v>
      </c>
      <c r="C2420" t="s">
        <v>114</v>
      </c>
      <c r="D2420" t="s">
        <v>115</v>
      </c>
      <c r="E2420" s="6" t="s">
        <v>130</v>
      </c>
      <c r="F2420" s="3">
        <v>2019</v>
      </c>
      <c r="G2420" s="3" t="s">
        <v>98</v>
      </c>
      <c r="H2420" t="s">
        <v>116</v>
      </c>
      <c r="I2420" t="s">
        <v>15</v>
      </c>
      <c r="J2420" s="10">
        <v>78.260000000000005</v>
      </c>
    </row>
    <row r="2421" spans="1:10" x14ac:dyDescent="0.35">
      <c r="A2421" t="s">
        <v>28</v>
      </c>
      <c r="B2421" t="s">
        <v>61</v>
      </c>
      <c r="C2421" t="s">
        <v>114</v>
      </c>
      <c r="D2421" t="s">
        <v>115</v>
      </c>
      <c r="E2421" s="6" t="s">
        <v>130</v>
      </c>
      <c r="F2421" s="3">
        <v>2019</v>
      </c>
      <c r="G2421" s="3" t="s">
        <v>98</v>
      </c>
      <c r="H2421" t="s">
        <v>116</v>
      </c>
      <c r="I2421" t="s">
        <v>15</v>
      </c>
      <c r="J2421" s="10">
        <v>81.290000000000006</v>
      </c>
    </row>
    <row r="2422" spans="1:10" x14ac:dyDescent="0.35">
      <c r="A2422" t="s">
        <v>20</v>
      </c>
      <c r="B2422" t="s">
        <v>59</v>
      </c>
      <c r="C2422" t="s">
        <v>114</v>
      </c>
      <c r="D2422" t="s">
        <v>115</v>
      </c>
      <c r="E2422" s="6" t="s">
        <v>130</v>
      </c>
      <c r="F2422" s="3">
        <v>2019</v>
      </c>
      <c r="G2422" s="3" t="s">
        <v>98</v>
      </c>
      <c r="H2422" t="s">
        <v>116</v>
      </c>
      <c r="I2422" t="s">
        <v>15</v>
      </c>
      <c r="J2422" s="10">
        <v>80.819999999999993</v>
      </c>
    </row>
    <row r="2423" spans="1:10" x14ac:dyDescent="0.35">
      <c r="A2423" t="s">
        <v>62</v>
      </c>
      <c r="B2423" t="s">
        <v>64</v>
      </c>
      <c r="C2423" t="s">
        <v>114</v>
      </c>
      <c r="D2423" t="s">
        <v>115</v>
      </c>
      <c r="E2423" s="6" t="s">
        <v>130</v>
      </c>
      <c r="F2423" s="3">
        <v>2019</v>
      </c>
      <c r="G2423" s="3" t="s">
        <v>98</v>
      </c>
      <c r="H2423" t="s">
        <v>116</v>
      </c>
      <c r="I2423" t="s">
        <v>15</v>
      </c>
      <c r="J2423" s="10">
        <v>80.680000000000007</v>
      </c>
    </row>
    <row r="2424" spans="1:10" x14ac:dyDescent="0.35">
      <c r="A2424" t="s">
        <v>62</v>
      </c>
      <c r="B2424" t="s">
        <v>69</v>
      </c>
      <c r="C2424" t="s">
        <v>114</v>
      </c>
      <c r="D2424" t="s">
        <v>115</v>
      </c>
      <c r="E2424" s="6" t="s">
        <v>130</v>
      </c>
      <c r="F2424" s="3">
        <v>2019</v>
      </c>
      <c r="G2424" s="3" t="s">
        <v>98</v>
      </c>
      <c r="H2424" t="s">
        <v>116</v>
      </c>
      <c r="I2424" t="s">
        <v>15</v>
      </c>
      <c r="J2424" s="10">
        <v>78.650000000000006</v>
      </c>
    </row>
    <row r="2425" spans="1:10" x14ac:dyDescent="0.35">
      <c r="A2425" t="s">
        <v>62</v>
      </c>
      <c r="B2425" t="s">
        <v>66</v>
      </c>
      <c r="C2425" t="s">
        <v>114</v>
      </c>
      <c r="D2425" t="s">
        <v>115</v>
      </c>
      <c r="E2425" s="6" t="s">
        <v>130</v>
      </c>
      <c r="F2425" s="3">
        <v>2019</v>
      </c>
      <c r="G2425" s="3" t="s">
        <v>98</v>
      </c>
      <c r="H2425" t="s">
        <v>116</v>
      </c>
      <c r="I2425" t="s">
        <v>15</v>
      </c>
      <c r="J2425" s="10">
        <v>76.790000000000006</v>
      </c>
    </row>
    <row r="2426" spans="1:10" x14ac:dyDescent="0.35">
      <c r="A2426" t="s">
        <v>26</v>
      </c>
      <c r="B2426" t="s">
        <v>57</v>
      </c>
      <c r="C2426" t="s">
        <v>114</v>
      </c>
      <c r="D2426" t="s">
        <v>115</v>
      </c>
      <c r="E2426" s="6" t="s">
        <v>130</v>
      </c>
      <c r="F2426" s="3">
        <v>2019</v>
      </c>
      <c r="G2426" s="3" t="s">
        <v>98</v>
      </c>
      <c r="H2426" t="s">
        <v>116</v>
      </c>
      <c r="I2426" t="s">
        <v>15</v>
      </c>
      <c r="J2426" s="10">
        <v>83.39</v>
      </c>
    </row>
    <row r="2427" spans="1:10" x14ac:dyDescent="0.35">
      <c r="A2427" t="s">
        <v>22</v>
      </c>
      <c r="B2427" t="s">
        <v>56</v>
      </c>
      <c r="C2427" t="s">
        <v>114</v>
      </c>
      <c r="D2427" t="s">
        <v>115</v>
      </c>
      <c r="E2427" s="6" t="s">
        <v>130</v>
      </c>
      <c r="F2427" s="3">
        <v>2019</v>
      </c>
      <c r="G2427" s="3" t="s">
        <v>98</v>
      </c>
      <c r="H2427" t="s">
        <v>116</v>
      </c>
      <c r="I2427" t="s">
        <v>15</v>
      </c>
      <c r="J2427" s="10">
        <v>84.22</v>
      </c>
    </row>
    <row r="2428" spans="1:10" x14ac:dyDescent="0.35">
      <c r="A2428" t="s">
        <v>33</v>
      </c>
      <c r="B2428" t="s">
        <v>34</v>
      </c>
      <c r="C2428" t="s">
        <v>114</v>
      </c>
      <c r="D2428" t="s">
        <v>115</v>
      </c>
      <c r="E2428" s="6" t="s">
        <v>130</v>
      </c>
      <c r="F2428" s="3">
        <v>2019</v>
      </c>
      <c r="G2428" s="3" t="s">
        <v>98</v>
      </c>
      <c r="H2428" t="s">
        <v>116</v>
      </c>
      <c r="I2428" t="s">
        <v>15</v>
      </c>
      <c r="J2428" s="10">
        <v>81.5</v>
      </c>
    </row>
    <row r="2429" spans="1:10" x14ac:dyDescent="0.35">
      <c r="A2429" t="s">
        <v>22</v>
      </c>
      <c r="B2429" t="s">
        <v>52</v>
      </c>
      <c r="C2429" t="s">
        <v>114</v>
      </c>
      <c r="D2429" t="s">
        <v>115</v>
      </c>
      <c r="E2429" s="6" t="s">
        <v>130</v>
      </c>
      <c r="F2429" s="3">
        <v>2019</v>
      </c>
      <c r="G2429" s="3" t="s">
        <v>98</v>
      </c>
      <c r="H2429" t="s">
        <v>116</v>
      </c>
      <c r="I2429" t="s">
        <v>15</v>
      </c>
      <c r="J2429" s="10">
        <v>79.959999999999994</v>
      </c>
    </row>
    <row r="2430" spans="1:10" x14ac:dyDescent="0.35">
      <c r="A2430" t="s">
        <v>10</v>
      </c>
      <c r="B2430" t="s">
        <v>45</v>
      </c>
      <c r="C2430" t="s">
        <v>114</v>
      </c>
      <c r="D2430" t="s">
        <v>115</v>
      </c>
      <c r="E2430" s="6" t="s">
        <v>130</v>
      </c>
      <c r="F2430" s="3">
        <v>2019</v>
      </c>
      <c r="G2430" s="3" t="s">
        <v>98</v>
      </c>
      <c r="H2430" t="s">
        <v>116</v>
      </c>
      <c r="I2430" t="s">
        <v>15</v>
      </c>
      <c r="J2430" s="10">
        <v>80.42</v>
      </c>
    </row>
    <row r="2431" spans="1:10" x14ac:dyDescent="0.35">
      <c r="A2431" t="s">
        <v>10</v>
      </c>
      <c r="B2431" t="s">
        <v>30</v>
      </c>
      <c r="C2431" t="s">
        <v>114</v>
      </c>
      <c r="D2431" t="s">
        <v>115</v>
      </c>
      <c r="E2431" s="6" t="s">
        <v>130</v>
      </c>
      <c r="F2431" s="3">
        <v>2019</v>
      </c>
      <c r="G2431" s="3" t="s">
        <v>98</v>
      </c>
      <c r="H2431" t="s">
        <v>116</v>
      </c>
      <c r="I2431" t="s">
        <v>15</v>
      </c>
      <c r="J2431" s="10">
        <v>80.63</v>
      </c>
    </row>
    <row r="2432" spans="1:10" x14ac:dyDescent="0.35">
      <c r="A2432" t="s">
        <v>33</v>
      </c>
      <c r="B2432" t="s">
        <v>85</v>
      </c>
      <c r="C2432" t="s">
        <v>114</v>
      </c>
      <c r="D2432" t="s">
        <v>115</v>
      </c>
      <c r="E2432" s="6" t="s">
        <v>130</v>
      </c>
      <c r="F2432" s="3">
        <v>2019</v>
      </c>
      <c r="G2432" s="3" t="s">
        <v>98</v>
      </c>
      <c r="H2432" t="s">
        <v>116</v>
      </c>
      <c r="I2432" t="s">
        <v>15</v>
      </c>
      <c r="J2432" s="10">
        <v>82.9</v>
      </c>
    </row>
    <row r="2433" spans="1:10" x14ac:dyDescent="0.35">
      <c r="A2433" t="s">
        <v>35</v>
      </c>
      <c r="B2433" t="s">
        <v>84</v>
      </c>
      <c r="C2433" t="s">
        <v>114</v>
      </c>
      <c r="D2433" t="s">
        <v>115</v>
      </c>
      <c r="E2433" s="6" t="s">
        <v>130</v>
      </c>
      <c r="F2433" s="3">
        <v>2019</v>
      </c>
      <c r="G2433" s="3" t="s">
        <v>98</v>
      </c>
      <c r="H2433" t="s">
        <v>116</v>
      </c>
      <c r="I2433" t="s">
        <v>15</v>
      </c>
      <c r="J2433" s="10">
        <v>79.42</v>
      </c>
    </row>
    <row r="2434" spans="1:10" x14ac:dyDescent="0.35">
      <c r="A2434" t="s">
        <v>33</v>
      </c>
      <c r="B2434" t="s">
        <v>75</v>
      </c>
      <c r="C2434" t="s">
        <v>114</v>
      </c>
      <c r="D2434" t="s">
        <v>115</v>
      </c>
      <c r="E2434" s="6" t="s">
        <v>130</v>
      </c>
      <c r="F2434" s="3">
        <v>2019</v>
      </c>
      <c r="G2434" s="3" t="s">
        <v>98</v>
      </c>
      <c r="H2434" t="s">
        <v>116</v>
      </c>
      <c r="I2434" t="s">
        <v>15</v>
      </c>
      <c r="J2434" s="10">
        <v>79.739999999999995</v>
      </c>
    </row>
    <row r="2435" spans="1:10" x14ac:dyDescent="0.35">
      <c r="A2435" t="s">
        <v>22</v>
      </c>
      <c r="B2435" t="s">
        <v>54</v>
      </c>
      <c r="C2435" t="s">
        <v>114</v>
      </c>
      <c r="D2435" t="s">
        <v>115</v>
      </c>
      <c r="E2435" s="6" t="s">
        <v>130</v>
      </c>
      <c r="F2435" s="3">
        <v>2019</v>
      </c>
      <c r="G2435" s="3" t="s">
        <v>98</v>
      </c>
      <c r="H2435" t="s">
        <v>116</v>
      </c>
      <c r="I2435" t="s">
        <v>15</v>
      </c>
      <c r="J2435" s="10">
        <v>83.77</v>
      </c>
    </row>
    <row r="2436" spans="1:10" x14ac:dyDescent="0.35">
      <c r="A2436" t="s">
        <v>28</v>
      </c>
      <c r="B2436" t="s">
        <v>29</v>
      </c>
      <c r="C2436" t="s">
        <v>114</v>
      </c>
      <c r="D2436" t="s">
        <v>115</v>
      </c>
      <c r="E2436" s="6" t="s">
        <v>130</v>
      </c>
      <c r="F2436" s="3">
        <v>2019</v>
      </c>
      <c r="G2436" s="3" t="s">
        <v>98</v>
      </c>
      <c r="H2436" t="s">
        <v>116</v>
      </c>
      <c r="I2436" t="s">
        <v>15</v>
      </c>
      <c r="J2436" s="10">
        <v>81.56</v>
      </c>
    </row>
    <row r="2437" spans="1:10" x14ac:dyDescent="0.35">
      <c r="A2437" t="s">
        <v>26</v>
      </c>
      <c r="B2437" t="s">
        <v>27</v>
      </c>
      <c r="C2437" t="s">
        <v>114</v>
      </c>
      <c r="D2437" t="s">
        <v>115</v>
      </c>
      <c r="E2437" s="6" t="s">
        <v>130</v>
      </c>
      <c r="F2437" s="3">
        <v>2019</v>
      </c>
      <c r="G2437" s="3" t="s">
        <v>98</v>
      </c>
      <c r="H2437" t="s">
        <v>116</v>
      </c>
      <c r="I2437" t="s">
        <v>15</v>
      </c>
      <c r="J2437" s="10">
        <v>81.42</v>
      </c>
    </row>
    <row r="2438" spans="1:10" x14ac:dyDescent="0.35">
      <c r="A2438" t="s">
        <v>35</v>
      </c>
      <c r="B2438" t="s">
        <v>41</v>
      </c>
      <c r="C2438" t="s">
        <v>114</v>
      </c>
      <c r="D2438" t="s">
        <v>115</v>
      </c>
      <c r="E2438" s="6" t="s">
        <v>130</v>
      </c>
      <c r="F2438" s="3">
        <v>2019</v>
      </c>
      <c r="G2438" s="3" t="s">
        <v>98</v>
      </c>
      <c r="H2438" t="s">
        <v>116</v>
      </c>
      <c r="I2438" t="s">
        <v>15</v>
      </c>
      <c r="J2438" s="10">
        <v>81.19</v>
      </c>
    </row>
    <row r="2439" spans="1:10" x14ac:dyDescent="0.35">
      <c r="A2439" t="s">
        <v>62</v>
      </c>
      <c r="B2439" t="s">
        <v>89</v>
      </c>
      <c r="C2439" t="s">
        <v>114</v>
      </c>
      <c r="D2439" t="s">
        <v>115</v>
      </c>
      <c r="E2439" s="6" t="s">
        <v>130</v>
      </c>
      <c r="F2439" s="3">
        <v>2019</v>
      </c>
      <c r="G2439" s="3" t="s">
        <v>98</v>
      </c>
      <c r="H2439" t="s">
        <v>116</v>
      </c>
      <c r="I2439" t="s">
        <v>15</v>
      </c>
      <c r="J2439" s="10">
        <v>80.180000000000007</v>
      </c>
    </row>
    <row r="2440" spans="1:10" x14ac:dyDescent="0.35">
      <c r="A2440" t="s">
        <v>20</v>
      </c>
      <c r="B2440" t="s">
        <v>40</v>
      </c>
      <c r="C2440" t="s">
        <v>114</v>
      </c>
      <c r="D2440" t="s">
        <v>115</v>
      </c>
      <c r="E2440" s="6" t="s">
        <v>130</v>
      </c>
      <c r="F2440" s="3">
        <v>2019</v>
      </c>
      <c r="G2440" s="3" t="s">
        <v>98</v>
      </c>
      <c r="H2440" t="s">
        <v>116</v>
      </c>
      <c r="I2440" t="s">
        <v>15</v>
      </c>
      <c r="J2440" s="10">
        <v>81.42</v>
      </c>
    </row>
    <row r="2441" spans="1:10" x14ac:dyDescent="0.35">
      <c r="A2441" t="s">
        <v>10</v>
      </c>
      <c r="B2441" t="s">
        <v>25</v>
      </c>
      <c r="C2441" t="s">
        <v>114</v>
      </c>
      <c r="D2441" t="s">
        <v>115</v>
      </c>
      <c r="E2441" s="6" t="s">
        <v>130</v>
      </c>
      <c r="F2441" s="3">
        <v>2019</v>
      </c>
      <c r="G2441" s="3" t="s">
        <v>98</v>
      </c>
      <c r="H2441" t="s">
        <v>116</v>
      </c>
      <c r="I2441" t="s">
        <v>15</v>
      </c>
      <c r="J2441" s="10">
        <v>82.1</v>
      </c>
    </row>
    <row r="2442" spans="1:10" x14ac:dyDescent="0.35">
      <c r="A2442" t="s">
        <v>35</v>
      </c>
      <c r="B2442" t="s">
        <v>43</v>
      </c>
      <c r="C2442" t="s">
        <v>114</v>
      </c>
      <c r="D2442" t="s">
        <v>115</v>
      </c>
      <c r="E2442" s="6" t="s">
        <v>130</v>
      </c>
      <c r="F2442" s="3">
        <v>2019</v>
      </c>
      <c r="G2442" s="3" t="s">
        <v>98</v>
      </c>
      <c r="H2442" t="s">
        <v>116</v>
      </c>
      <c r="I2442" t="s">
        <v>15</v>
      </c>
      <c r="J2442" s="10">
        <v>80.349999999999994</v>
      </c>
    </row>
    <row r="2443" spans="1:10" x14ac:dyDescent="0.35">
      <c r="A2443" t="s">
        <v>26</v>
      </c>
      <c r="B2443" t="s">
        <v>91</v>
      </c>
      <c r="C2443" t="s">
        <v>114</v>
      </c>
      <c r="D2443" t="s">
        <v>115</v>
      </c>
      <c r="E2443" s="6" t="s">
        <v>130</v>
      </c>
      <c r="F2443" s="3">
        <v>2019</v>
      </c>
      <c r="G2443" s="3" t="s">
        <v>98</v>
      </c>
      <c r="H2443" t="s">
        <v>116</v>
      </c>
      <c r="I2443" t="s">
        <v>15</v>
      </c>
      <c r="J2443" s="10">
        <v>82.49</v>
      </c>
    </row>
    <row r="2444" spans="1:10" x14ac:dyDescent="0.35">
      <c r="A2444" t="s">
        <v>62</v>
      </c>
      <c r="B2444" t="s">
        <v>68</v>
      </c>
      <c r="C2444" t="s">
        <v>114</v>
      </c>
      <c r="D2444" t="s">
        <v>115</v>
      </c>
      <c r="E2444" s="6" t="s">
        <v>130</v>
      </c>
      <c r="F2444" s="3">
        <v>2019</v>
      </c>
      <c r="G2444" s="3" t="s">
        <v>98</v>
      </c>
      <c r="H2444" t="s">
        <v>116</v>
      </c>
      <c r="I2444" t="s">
        <v>15</v>
      </c>
      <c r="J2444" s="10">
        <v>77.45</v>
      </c>
    </row>
    <row r="2445" spans="1:10" x14ac:dyDescent="0.35">
      <c r="A2445" t="s">
        <v>35</v>
      </c>
      <c r="B2445" t="s">
        <v>42</v>
      </c>
      <c r="C2445" t="s">
        <v>114</v>
      </c>
      <c r="D2445" t="s">
        <v>115</v>
      </c>
      <c r="E2445" s="6" t="s">
        <v>130</v>
      </c>
      <c r="F2445" s="3">
        <v>2019</v>
      </c>
      <c r="G2445" s="3" t="s">
        <v>98</v>
      </c>
      <c r="H2445" t="s">
        <v>116</v>
      </c>
      <c r="I2445" t="s">
        <v>15</v>
      </c>
      <c r="J2445" s="10">
        <v>78.66</v>
      </c>
    </row>
    <row r="2446" spans="1:10" x14ac:dyDescent="0.35">
      <c r="A2446" t="s">
        <v>20</v>
      </c>
      <c r="B2446" t="s">
        <v>38</v>
      </c>
      <c r="C2446" t="s">
        <v>114</v>
      </c>
      <c r="D2446" t="s">
        <v>115</v>
      </c>
      <c r="E2446" s="6" t="s">
        <v>130</v>
      </c>
      <c r="F2446" s="3">
        <v>2019</v>
      </c>
      <c r="G2446" s="3" t="s">
        <v>98</v>
      </c>
      <c r="H2446" t="s">
        <v>116</v>
      </c>
      <c r="I2446" t="s">
        <v>15</v>
      </c>
      <c r="J2446" s="10">
        <v>79.53</v>
      </c>
    </row>
    <row r="2447" spans="1:10" x14ac:dyDescent="0.35">
      <c r="A2447" t="s">
        <v>28</v>
      </c>
      <c r="B2447" t="s">
        <v>37</v>
      </c>
      <c r="C2447" t="s">
        <v>114</v>
      </c>
      <c r="D2447" t="s">
        <v>115</v>
      </c>
      <c r="E2447" s="6" t="s">
        <v>130</v>
      </c>
      <c r="F2447" s="3">
        <v>2019</v>
      </c>
      <c r="G2447" s="3" t="s">
        <v>98</v>
      </c>
      <c r="H2447" t="s">
        <v>116</v>
      </c>
      <c r="I2447" t="s">
        <v>15</v>
      </c>
      <c r="J2447" s="10">
        <v>81.540000000000006</v>
      </c>
    </row>
    <row r="2448" spans="1:10" x14ac:dyDescent="0.35">
      <c r="A2448" t="s">
        <v>26</v>
      </c>
      <c r="B2448" t="s">
        <v>90</v>
      </c>
      <c r="C2448" t="s">
        <v>114</v>
      </c>
      <c r="D2448" t="s">
        <v>115</v>
      </c>
      <c r="E2448" s="6" t="s">
        <v>130</v>
      </c>
      <c r="F2448" s="3">
        <v>2019</v>
      </c>
      <c r="G2448" s="3" t="s">
        <v>98</v>
      </c>
      <c r="H2448" t="s">
        <v>116</v>
      </c>
      <c r="I2448" t="s">
        <v>15</v>
      </c>
      <c r="J2448" s="10">
        <v>83.21</v>
      </c>
    </row>
    <row r="2449" spans="1:10" x14ac:dyDescent="0.35">
      <c r="A2449" t="s">
        <v>20</v>
      </c>
      <c r="B2449" t="s">
        <v>94</v>
      </c>
      <c r="C2449" t="s">
        <v>114</v>
      </c>
      <c r="D2449" t="s">
        <v>115</v>
      </c>
      <c r="E2449" s="6" t="s">
        <v>130</v>
      </c>
      <c r="F2449" s="3">
        <v>2019</v>
      </c>
      <c r="G2449" s="3" t="s">
        <v>98</v>
      </c>
      <c r="H2449" t="s">
        <v>116</v>
      </c>
      <c r="I2449" t="s">
        <v>15</v>
      </c>
      <c r="J2449" s="10">
        <v>79.819999999999993</v>
      </c>
    </row>
    <row r="2450" spans="1:10" x14ac:dyDescent="0.35">
      <c r="A2450" t="s">
        <v>10</v>
      </c>
      <c r="B2450" t="s">
        <v>46</v>
      </c>
      <c r="C2450" t="s">
        <v>114</v>
      </c>
      <c r="D2450" t="s">
        <v>115</v>
      </c>
      <c r="E2450" s="6" t="s">
        <v>130</v>
      </c>
      <c r="F2450" s="3">
        <v>2019</v>
      </c>
      <c r="G2450" s="3" t="s">
        <v>98</v>
      </c>
      <c r="H2450" t="s">
        <v>116</v>
      </c>
      <c r="I2450" t="s">
        <v>15</v>
      </c>
      <c r="J2450" s="10">
        <v>78.5</v>
      </c>
    </row>
    <row r="2451" spans="1:10" x14ac:dyDescent="0.35">
      <c r="A2451" t="s">
        <v>22</v>
      </c>
      <c r="B2451" t="s">
        <v>55</v>
      </c>
      <c r="C2451" t="s">
        <v>114</v>
      </c>
      <c r="D2451" t="s">
        <v>115</v>
      </c>
      <c r="E2451" s="6" t="s">
        <v>130</v>
      </c>
      <c r="F2451" s="3">
        <v>2019</v>
      </c>
      <c r="G2451" s="3" t="s">
        <v>98</v>
      </c>
      <c r="H2451" t="s">
        <v>116</v>
      </c>
      <c r="I2451" t="s">
        <v>15</v>
      </c>
      <c r="J2451" s="10">
        <v>84.01</v>
      </c>
    </row>
    <row r="2452" spans="1:10" x14ac:dyDescent="0.35">
      <c r="A2452" t="s">
        <v>33</v>
      </c>
      <c r="B2452" t="s">
        <v>47</v>
      </c>
      <c r="C2452" t="s">
        <v>114</v>
      </c>
      <c r="D2452" t="s">
        <v>115</v>
      </c>
      <c r="E2452" s="6" t="s">
        <v>130</v>
      </c>
      <c r="F2452" s="3">
        <v>2019</v>
      </c>
      <c r="G2452" s="3" t="s">
        <v>98</v>
      </c>
      <c r="H2452" t="s">
        <v>116</v>
      </c>
      <c r="I2452" t="s">
        <v>15</v>
      </c>
      <c r="J2452" s="10">
        <v>82.35</v>
      </c>
    </row>
    <row r="2453" spans="1:10" x14ac:dyDescent="0.35">
      <c r="A2453" t="s">
        <v>28</v>
      </c>
      <c r="B2453" t="s">
        <v>49</v>
      </c>
      <c r="C2453" t="s">
        <v>114</v>
      </c>
      <c r="D2453" t="s">
        <v>115</v>
      </c>
      <c r="E2453" s="6" t="s">
        <v>130</v>
      </c>
      <c r="F2453" s="3">
        <v>2019</v>
      </c>
      <c r="G2453" s="3" t="s">
        <v>98</v>
      </c>
      <c r="H2453" t="s">
        <v>116</v>
      </c>
      <c r="I2453" t="s">
        <v>15</v>
      </c>
      <c r="J2453" s="10">
        <v>82.93</v>
      </c>
    </row>
    <row r="2454" spans="1:10" x14ac:dyDescent="0.35">
      <c r="A2454" t="s">
        <v>35</v>
      </c>
      <c r="B2454" t="s">
        <v>50</v>
      </c>
      <c r="C2454" t="s">
        <v>114</v>
      </c>
      <c r="D2454" t="s">
        <v>115</v>
      </c>
      <c r="E2454" s="6" t="s">
        <v>130</v>
      </c>
      <c r="F2454" s="3">
        <v>2019</v>
      </c>
      <c r="G2454" s="3" t="s">
        <v>98</v>
      </c>
      <c r="H2454" t="s">
        <v>116</v>
      </c>
      <c r="I2454" t="s">
        <v>15</v>
      </c>
      <c r="J2454" s="10">
        <v>84.61</v>
      </c>
    </row>
    <row r="2455" spans="1:10" x14ac:dyDescent="0.35">
      <c r="A2455" t="s">
        <v>10</v>
      </c>
      <c r="B2455" t="s">
        <v>24</v>
      </c>
      <c r="C2455" t="s">
        <v>114</v>
      </c>
      <c r="D2455" t="s">
        <v>115</v>
      </c>
      <c r="E2455" s="6" t="s">
        <v>130</v>
      </c>
      <c r="F2455" s="3">
        <v>2019</v>
      </c>
      <c r="G2455" s="3" t="s">
        <v>98</v>
      </c>
      <c r="H2455" t="s">
        <v>116</v>
      </c>
      <c r="I2455" t="s">
        <v>15</v>
      </c>
      <c r="J2455" s="10">
        <v>82.41</v>
      </c>
    </row>
    <row r="2456" spans="1:10" x14ac:dyDescent="0.35">
      <c r="A2456" t="s">
        <v>28</v>
      </c>
      <c r="B2456" t="s">
        <v>44</v>
      </c>
      <c r="C2456" t="s">
        <v>114</v>
      </c>
      <c r="D2456" t="s">
        <v>115</v>
      </c>
      <c r="E2456" s="6" t="s">
        <v>130</v>
      </c>
      <c r="F2456" s="3">
        <v>2019</v>
      </c>
      <c r="G2456" s="3" t="s">
        <v>98</v>
      </c>
      <c r="H2456" t="s">
        <v>116</v>
      </c>
      <c r="I2456" t="s">
        <v>15</v>
      </c>
      <c r="J2456" s="10">
        <v>81.58</v>
      </c>
    </row>
    <row r="2457" spans="1:10" x14ac:dyDescent="0.35">
      <c r="A2457" t="s">
        <v>22</v>
      </c>
      <c r="B2457" t="s">
        <v>23</v>
      </c>
      <c r="C2457" t="s">
        <v>114</v>
      </c>
      <c r="D2457" t="s">
        <v>115</v>
      </c>
      <c r="E2457" s="6" t="s">
        <v>130</v>
      </c>
      <c r="F2457" s="3">
        <v>2019</v>
      </c>
      <c r="G2457" s="3" t="s">
        <v>98</v>
      </c>
      <c r="H2457" t="s">
        <v>116</v>
      </c>
      <c r="I2457" t="s">
        <v>15</v>
      </c>
      <c r="J2457" s="10">
        <v>81.16</v>
      </c>
    </row>
    <row r="2458" spans="1:10" x14ac:dyDescent="0.35">
      <c r="A2458" t="s">
        <v>10</v>
      </c>
      <c r="B2458" t="s">
        <v>11</v>
      </c>
      <c r="C2458" t="s">
        <v>114</v>
      </c>
      <c r="D2458" t="s">
        <v>115</v>
      </c>
      <c r="E2458" s="6" t="s">
        <v>130</v>
      </c>
      <c r="F2458" s="3">
        <v>2019</v>
      </c>
      <c r="G2458" s="3" t="s">
        <v>98</v>
      </c>
      <c r="H2458" t="s">
        <v>116</v>
      </c>
      <c r="I2458" t="s">
        <v>15</v>
      </c>
      <c r="J2458" s="10">
        <v>80.61</v>
      </c>
    </row>
    <row r="2459" spans="1:10" x14ac:dyDescent="0.35">
      <c r="A2459" t="s">
        <v>10</v>
      </c>
      <c r="B2459" t="s">
        <v>16</v>
      </c>
      <c r="C2459" t="s">
        <v>114</v>
      </c>
      <c r="D2459" t="s">
        <v>115</v>
      </c>
      <c r="E2459" s="6" t="s">
        <v>130</v>
      </c>
      <c r="F2459" s="3">
        <v>2019</v>
      </c>
      <c r="G2459" s="3" t="s">
        <v>98</v>
      </c>
      <c r="H2459" t="s">
        <v>116</v>
      </c>
      <c r="I2459" t="s">
        <v>15</v>
      </c>
      <c r="J2459" s="10">
        <v>80.73</v>
      </c>
    </row>
    <row r="2460" spans="1:10" x14ac:dyDescent="0.35">
      <c r="A2460" t="s">
        <v>33</v>
      </c>
      <c r="B2460" t="s">
        <v>39</v>
      </c>
      <c r="C2460" t="s">
        <v>114</v>
      </c>
      <c r="D2460" t="s">
        <v>115</v>
      </c>
      <c r="E2460" s="6" t="s">
        <v>130</v>
      </c>
      <c r="F2460" s="3">
        <v>2019</v>
      </c>
      <c r="G2460" s="3" t="s">
        <v>98</v>
      </c>
      <c r="H2460" t="s">
        <v>116</v>
      </c>
      <c r="I2460" t="s">
        <v>15</v>
      </c>
      <c r="J2460" s="10">
        <v>80.34</v>
      </c>
    </row>
    <row r="2461" spans="1:10" x14ac:dyDescent="0.35">
      <c r="A2461" t="s">
        <v>33</v>
      </c>
      <c r="B2461" t="s">
        <v>77</v>
      </c>
      <c r="C2461" t="s">
        <v>114</v>
      </c>
      <c r="D2461" t="s">
        <v>115</v>
      </c>
      <c r="E2461" s="6" t="s">
        <v>130</v>
      </c>
      <c r="F2461" s="3">
        <v>2019</v>
      </c>
      <c r="G2461" s="3" t="s">
        <v>98</v>
      </c>
      <c r="H2461" t="s">
        <v>116</v>
      </c>
      <c r="I2461" t="s">
        <v>15</v>
      </c>
      <c r="J2461" s="10">
        <v>80.47</v>
      </c>
    </row>
    <row r="2462" spans="1:10" x14ac:dyDescent="0.35">
      <c r="A2462" t="s">
        <v>22</v>
      </c>
      <c r="B2462" t="s">
        <v>78</v>
      </c>
      <c r="C2462" t="s">
        <v>114</v>
      </c>
      <c r="D2462" t="s">
        <v>115</v>
      </c>
      <c r="E2462" s="6" t="s">
        <v>130</v>
      </c>
      <c r="F2462" s="3">
        <v>2019</v>
      </c>
      <c r="G2462" s="3" t="s">
        <v>98</v>
      </c>
      <c r="H2462" t="s">
        <v>116</v>
      </c>
      <c r="I2462" t="s">
        <v>15</v>
      </c>
      <c r="J2462" s="10">
        <v>81.11</v>
      </c>
    </row>
    <row r="2463" spans="1:10" x14ac:dyDescent="0.35">
      <c r="A2463" t="s">
        <v>26</v>
      </c>
      <c r="B2463" t="s">
        <v>80</v>
      </c>
      <c r="C2463" t="s">
        <v>114</v>
      </c>
      <c r="D2463" t="s">
        <v>115</v>
      </c>
      <c r="E2463" s="6" t="s">
        <v>130</v>
      </c>
      <c r="F2463" s="3">
        <v>2019</v>
      </c>
      <c r="G2463" s="3" t="s">
        <v>98</v>
      </c>
      <c r="H2463" t="s">
        <v>116</v>
      </c>
      <c r="I2463" t="s">
        <v>15</v>
      </c>
      <c r="J2463" s="10">
        <v>81.569999999999993</v>
      </c>
    </row>
    <row r="2464" spans="1:10" x14ac:dyDescent="0.35">
      <c r="A2464" t="s">
        <v>22</v>
      </c>
      <c r="B2464" t="s">
        <v>76</v>
      </c>
      <c r="C2464" t="s">
        <v>114</v>
      </c>
      <c r="D2464" t="s">
        <v>115</v>
      </c>
      <c r="E2464" s="6" t="s">
        <v>130</v>
      </c>
      <c r="F2464" s="3">
        <v>2019</v>
      </c>
      <c r="G2464" s="3" t="s">
        <v>98</v>
      </c>
      <c r="H2464" t="s">
        <v>116</v>
      </c>
      <c r="I2464" t="s">
        <v>15</v>
      </c>
      <c r="J2464" s="10">
        <v>80.87</v>
      </c>
    </row>
    <row r="2465" spans="1:10" x14ac:dyDescent="0.35">
      <c r="A2465" t="s">
        <v>33</v>
      </c>
      <c r="B2465" t="s">
        <v>86</v>
      </c>
      <c r="C2465" t="s">
        <v>114</v>
      </c>
      <c r="D2465" t="s">
        <v>115</v>
      </c>
      <c r="E2465" s="6" t="s">
        <v>130</v>
      </c>
      <c r="F2465" s="3">
        <v>2019</v>
      </c>
      <c r="G2465" s="3" t="s">
        <v>98</v>
      </c>
      <c r="H2465" t="s">
        <v>116</v>
      </c>
      <c r="I2465" t="s">
        <v>15</v>
      </c>
      <c r="J2465" s="10">
        <v>83.62</v>
      </c>
    </row>
    <row r="2466" spans="1:10" x14ac:dyDescent="0.35">
      <c r="A2466" t="s">
        <v>33</v>
      </c>
      <c r="B2466" t="s">
        <v>82</v>
      </c>
      <c r="C2466" t="s">
        <v>114</v>
      </c>
      <c r="D2466" t="s">
        <v>115</v>
      </c>
      <c r="E2466" s="6" t="s">
        <v>130</v>
      </c>
      <c r="F2466" s="3">
        <v>2019</v>
      </c>
      <c r="G2466" s="3" t="s">
        <v>98</v>
      </c>
      <c r="H2466" t="s">
        <v>116</v>
      </c>
      <c r="I2466" t="s">
        <v>15</v>
      </c>
      <c r="J2466" s="10">
        <v>83.06</v>
      </c>
    </row>
    <row r="2467" spans="1:10" x14ac:dyDescent="0.35">
      <c r="A2467" t="s">
        <v>28</v>
      </c>
      <c r="B2467" t="s">
        <v>79</v>
      </c>
      <c r="C2467" t="s">
        <v>114</v>
      </c>
      <c r="D2467" t="s">
        <v>115</v>
      </c>
      <c r="E2467" s="6" t="s">
        <v>130</v>
      </c>
      <c r="F2467" s="3">
        <v>2019</v>
      </c>
      <c r="G2467" s="3" t="s">
        <v>98</v>
      </c>
      <c r="H2467" t="s">
        <v>116</v>
      </c>
      <c r="I2467" t="s">
        <v>15</v>
      </c>
      <c r="J2467" s="10">
        <v>82.91</v>
      </c>
    </row>
    <row r="2468" spans="1:10" x14ac:dyDescent="0.35">
      <c r="A2468" t="s">
        <v>35</v>
      </c>
      <c r="B2468" t="s">
        <v>87</v>
      </c>
      <c r="C2468" t="s">
        <v>114</v>
      </c>
      <c r="D2468" t="s">
        <v>115</v>
      </c>
      <c r="E2468" s="6" t="s">
        <v>130</v>
      </c>
      <c r="F2468" s="3">
        <v>2019</v>
      </c>
      <c r="G2468" s="3" t="s">
        <v>98</v>
      </c>
      <c r="H2468" t="s">
        <v>116</v>
      </c>
      <c r="I2468" t="s">
        <v>15</v>
      </c>
      <c r="J2468" s="10">
        <v>81.760000000000005</v>
      </c>
    </row>
    <row r="2469" spans="1:10" x14ac:dyDescent="0.35">
      <c r="A2469" t="s">
        <v>28</v>
      </c>
      <c r="B2469" t="s">
        <v>74</v>
      </c>
      <c r="C2469" t="s">
        <v>114</v>
      </c>
      <c r="D2469" t="s">
        <v>115</v>
      </c>
      <c r="E2469" s="6" t="s">
        <v>130</v>
      </c>
      <c r="F2469" s="3">
        <v>2019</v>
      </c>
      <c r="G2469" s="3" t="s">
        <v>98</v>
      </c>
      <c r="H2469" t="s">
        <v>116</v>
      </c>
      <c r="I2469" t="s">
        <v>15</v>
      </c>
      <c r="J2469" s="10">
        <v>80.23</v>
      </c>
    </row>
    <row r="2470" spans="1:10" x14ac:dyDescent="0.35">
      <c r="A2470" t="s">
        <v>26</v>
      </c>
      <c r="B2470" t="s">
        <v>83</v>
      </c>
      <c r="C2470" t="s">
        <v>114</v>
      </c>
      <c r="D2470" t="s">
        <v>115</v>
      </c>
      <c r="E2470" s="6" t="s">
        <v>130</v>
      </c>
      <c r="F2470" s="3">
        <v>2019</v>
      </c>
      <c r="G2470" s="3" t="s">
        <v>98</v>
      </c>
      <c r="H2470" t="s">
        <v>116</v>
      </c>
      <c r="I2470" t="s">
        <v>15</v>
      </c>
      <c r="J2470" s="10">
        <v>82.26</v>
      </c>
    </row>
    <row r="2471" spans="1:10" x14ac:dyDescent="0.35">
      <c r="A2471" t="s">
        <v>35</v>
      </c>
      <c r="B2471" t="s">
        <v>93</v>
      </c>
      <c r="C2471" t="s">
        <v>114</v>
      </c>
      <c r="D2471" t="s">
        <v>115</v>
      </c>
      <c r="E2471" s="6" t="s">
        <v>130</v>
      </c>
      <c r="F2471" s="3">
        <v>2019</v>
      </c>
      <c r="G2471" s="3" t="s">
        <v>98</v>
      </c>
      <c r="H2471" t="s">
        <v>116</v>
      </c>
      <c r="I2471" t="s">
        <v>15</v>
      </c>
      <c r="J2471" s="10">
        <v>83.33</v>
      </c>
    </row>
    <row r="2472" spans="1:10" x14ac:dyDescent="0.35">
      <c r="A2472" t="s">
        <v>20</v>
      </c>
      <c r="B2472" t="s">
        <v>81</v>
      </c>
      <c r="C2472" t="s">
        <v>114</v>
      </c>
      <c r="D2472" t="s">
        <v>115</v>
      </c>
      <c r="E2472" s="6" t="s">
        <v>130</v>
      </c>
      <c r="F2472" s="3">
        <v>2019</v>
      </c>
      <c r="G2472" s="3" t="s">
        <v>98</v>
      </c>
      <c r="H2472" t="s">
        <v>116</v>
      </c>
      <c r="I2472" t="s">
        <v>15</v>
      </c>
      <c r="J2472" s="10">
        <v>78.8</v>
      </c>
    </row>
    <row r="2473" spans="1:10" x14ac:dyDescent="0.35">
      <c r="A2473" t="s">
        <v>22</v>
      </c>
      <c r="B2473" t="s">
        <v>53</v>
      </c>
      <c r="C2473" t="s">
        <v>114</v>
      </c>
      <c r="D2473" t="s">
        <v>115</v>
      </c>
      <c r="E2473" s="6" t="s">
        <v>130</v>
      </c>
      <c r="F2473" s="3">
        <v>2019</v>
      </c>
      <c r="G2473" s="3" t="s">
        <v>98</v>
      </c>
      <c r="H2473" t="s">
        <v>116</v>
      </c>
      <c r="I2473" t="s">
        <v>15</v>
      </c>
      <c r="J2473" s="10">
        <v>80.12</v>
      </c>
    </row>
    <row r="2474" spans="1:10" x14ac:dyDescent="0.35">
      <c r="A2474" t="s">
        <v>22</v>
      </c>
      <c r="B2474" t="s">
        <v>51</v>
      </c>
      <c r="C2474" t="s">
        <v>114</v>
      </c>
      <c r="D2474" t="s">
        <v>115</v>
      </c>
      <c r="E2474" s="6" t="s">
        <v>130</v>
      </c>
      <c r="F2474" s="3">
        <v>2019</v>
      </c>
      <c r="G2474" s="3" t="s">
        <v>98</v>
      </c>
      <c r="H2474" t="s">
        <v>116</v>
      </c>
      <c r="I2474" t="s">
        <v>15</v>
      </c>
      <c r="J2474" s="10">
        <v>83.72</v>
      </c>
    </row>
    <row r="2475" spans="1:10" x14ac:dyDescent="0.35">
      <c r="A2475" t="s">
        <v>20</v>
      </c>
      <c r="B2475" t="s">
        <v>21</v>
      </c>
      <c r="C2475" t="s">
        <v>114</v>
      </c>
      <c r="D2475" t="s">
        <v>115</v>
      </c>
      <c r="E2475" s="6" t="s">
        <v>130</v>
      </c>
      <c r="F2475" s="3">
        <v>2019</v>
      </c>
      <c r="G2475" s="3" t="s">
        <v>98</v>
      </c>
      <c r="H2475" t="s">
        <v>116</v>
      </c>
      <c r="I2475" t="s">
        <v>15</v>
      </c>
      <c r="J2475" s="10">
        <v>79.44</v>
      </c>
    </row>
    <row r="2476" spans="1:10" x14ac:dyDescent="0.35">
      <c r="A2476" t="s">
        <v>10</v>
      </c>
      <c r="B2476" t="s">
        <v>17</v>
      </c>
      <c r="C2476" t="s">
        <v>114</v>
      </c>
      <c r="D2476" t="s">
        <v>115</v>
      </c>
      <c r="E2476" s="6" t="s">
        <v>130</v>
      </c>
      <c r="F2476" s="3">
        <v>2019</v>
      </c>
      <c r="G2476" s="3" t="s">
        <v>98</v>
      </c>
      <c r="H2476" t="s">
        <v>116</v>
      </c>
      <c r="I2476" t="s">
        <v>15</v>
      </c>
      <c r="J2476" s="10">
        <v>83.32</v>
      </c>
    </row>
    <row r="2477" spans="1:10" x14ac:dyDescent="0.35">
      <c r="A2477" t="s">
        <v>10</v>
      </c>
      <c r="B2477" t="s">
        <v>18</v>
      </c>
      <c r="C2477" t="s">
        <v>114</v>
      </c>
      <c r="D2477" t="s">
        <v>115</v>
      </c>
      <c r="E2477" s="6" t="s">
        <v>130</v>
      </c>
      <c r="F2477" s="3">
        <v>2019</v>
      </c>
      <c r="G2477" s="3" t="s">
        <v>98</v>
      </c>
      <c r="H2477" t="s">
        <v>116</v>
      </c>
      <c r="I2477" t="s">
        <v>15</v>
      </c>
      <c r="J2477" s="10">
        <v>82.79</v>
      </c>
    </row>
    <row r="2478" spans="1:10" x14ac:dyDescent="0.35">
      <c r="A2478" t="s">
        <v>10</v>
      </c>
      <c r="B2478" t="s">
        <v>19</v>
      </c>
      <c r="C2478" t="s">
        <v>114</v>
      </c>
      <c r="D2478" t="s">
        <v>115</v>
      </c>
      <c r="E2478" s="6" t="s">
        <v>130</v>
      </c>
      <c r="F2478" s="3">
        <v>2019</v>
      </c>
      <c r="G2478" s="3" t="s">
        <v>98</v>
      </c>
      <c r="H2478" t="s">
        <v>116</v>
      </c>
      <c r="I2478" t="s">
        <v>15</v>
      </c>
      <c r="J2478" s="10">
        <v>83.74</v>
      </c>
    </row>
    <row r="2479" spans="1:10" x14ac:dyDescent="0.35">
      <c r="A2479" t="s">
        <v>28</v>
      </c>
      <c r="B2479" t="s">
        <v>32</v>
      </c>
      <c r="C2479" t="s">
        <v>114</v>
      </c>
      <c r="D2479" t="s">
        <v>115</v>
      </c>
      <c r="E2479" s="6" t="s">
        <v>130</v>
      </c>
      <c r="F2479" s="3">
        <v>2019</v>
      </c>
      <c r="G2479" s="3" t="s">
        <v>98</v>
      </c>
      <c r="H2479" t="s">
        <v>116</v>
      </c>
      <c r="I2479" t="s">
        <v>15</v>
      </c>
      <c r="J2479" s="10">
        <v>80.33</v>
      </c>
    </row>
    <row r="2480" spans="1:10" x14ac:dyDescent="0.35">
      <c r="A2480" t="s">
        <v>35</v>
      </c>
      <c r="B2480" t="s">
        <v>88</v>
      </c>
      <c r="C2480" t="s">
        <v>114</v>
      </c>
      <c r="D2480" t="s">
        <v>115</v>
      </c>
      <c r="E2480" s="6" t="s">
        <v>130</v>
      </c>
      <c r="F2480" s="3">
        <v>2019</v>
      </c>
      <c r="G2480" s="3" t="s">
        <v>98</v>
      </c>
      <c r="H2480" t="s">
        <v>116</v>
      </c>
      <c r="I2480" t="s">
        <v>15</v>
      </c>
      <c r="J2480" s="10">
        <v>81.83</v>
      </c>
    </row>
    <row r="2481" spans="1:10" x14ac:dyDescent="0.35">
      <c r="A2481" t="s">
        <v>35</v>
      </c>
      <c r="B2481" t="s">
        <v>36</v>
      </c>
      <c r="C2481" t="s">
        <v>114</v>
      </c>
      <c r="D2481" t="s">
        <v>115</v>
      </c>
      <c r="E2481" s="6" t="s">
        <v>130</v>
      </c>
      <c r="F2481" s="3">
        <v>2019</v>
      </c>
      <c r="G2481" s="3" t="s">
        <v>98</v>
      </c>
      <c r="H2481" t="s">
        <v>116</v>
      </c>
      <c r="I2481" t="s">
        <v>15</v>
      </c>
      <c r="J2481" s="10">
        <v>81.34</v>
      </c>
    </row>
    <row r="2482" spans="1:10" x14ac:dyDescent="0.35">
      <c r="A2482" t="s">
        <v>33</v>
      </c>
      <c r="B2482" t="s">
        <v>92</v>
      </c>
      <c r="C2482" t="s">
        <v>114</v>
      </c>
      <c r="D2482" t="s">
        <v>115</v>
      </c>
      <c r="E2482" s="6" t="s">
        <v>130</v>
      </c>
      <c r="F2482" s="3">
        <v>2019</v>
      </c>
      <c r="G2482" s="3" t="s">
        <v>98</v>
      </c>
      <c r="H2482" t="s">
        <v>116</v>
      </c>
      <c r="I2482" t="s">
        <v>15</v>
      </c>
      <c r="J2482" s="10">
        <v>82.21</v>
      </c>
    </row>
    <row r="2483" spans="1:10" x14ac:dyDescent="0.35">
      <c r="A2483" t="s">
        <v>26</v>
      </c>
      <c r="B2483" t="s">
        <v>31</v>
      </c>
      <c r="C2483" t="s">
        <v>114</v>
      </c>
      <c r="D2483" t="s">
        <v>115</v>
      </c>
      <c r="E2483" s="6" t="s">
        <v>130</v>
      </c>
      <c r="F2483" s="3">
        <v>2019</v>
      </c>
      <c r="G2483" s="3" t="s">
        <v>98</v>
      </c>
      <c r="H2483" t="s">
        <v>116</v>
      </c>
      <c r="I2483" t="s">
        <v>15</v>
      </c>
      <c r="J2483" s="10">
        <v>81.63</v>
      </c>
    </row>
    <row r="2484" spans="1:10" x14ac:dyDescent="0.35">
      <c r="A2484" t="s">
        <v>28</v>
      </c>
      <c r="B2484" t="s">
        <v>29</v>
      </c>
      <c r="C2484" t="s">
        <v>114</v>
      </c>
      <c r="D2484" t="s">
        <v>115</v>
      </c>
      <c r="E2484" s="6" t="s">
        <v>131</v>
      </c>
      <c r="F2484" s="3">
        <v>2020</v>
      </c>
      <c r="G2484" s="3" t="s">
        <v>97</v>
      </c>
      <c r="H2484" t="s">
        <v>116</v>
      </c>
      <c r="I2484" t="s">
        <v>15</v>
      </c>
      <c r="J2484" s="10">
        <v>76.33</v>
      </c>
    </row>
    <row r="2485" spans="1:10" x14ac:dyDescent="0.35">
      <c r="A2485" t="s">
        <v>26</v>
      </c>
      <c r="B2485" t="s">
        <v>31</v>
      </c>
      <c r="C2485" t="s">
        <v>114</v>
      </c>
      <c r="D2485" t="s">
        <v>115</v>
      </c>
      <c r="E2485" s="6" t="s">
        <v>131</v>
      </c>
      <c r="F2485" s="3">
        <v>2020</v>
      </c>
      <c r="G2485" s="3" t="s">
        <v>97</v>
      </c>
      <c r="H2485" t="s">
        <v>116</v>
      </c>
      <c r="I2485" t="s">
        <v>15</v>
      </c>
      <c r="J2485" s="10">
        <v>77.47</v>
      </c>
    </row>
    <row r="2486" spans="1:10" x14ac:dyDescent="0.35">
      <c r="A2486" t="s">
        <v>10</v>
      </c>
      <c r="B2486" t="s">
        <v>30</v>
      </c>
      <c r="C2486" t="s">
        <v>114</v>
      </c>
      <c r="D2486" t="s">
        <v>115</v>
      </c>
      <c r="E2486" s="6" t="s">
        <v>131</v>
      </c>
      <c r="F2486" s="3">
        <v>2020</v>
      </c>
      <c r="G2486" s="3" t="s">
        <v>97</v>
      </c>
      <c r="H2486" t="s">
        <v>116</v>
      </c>
      <c r="I2486" t="s">
        <v>15</v>
      </c>
      <c r="J2486" s="10">
        <v>76.66</v>
      </c>
    </row>
    <row r="2487" spans="1:10" x14ac:dyDescent="0.35">
      <c r="A2487" t="s">
        <v>10</v>
      </c>
      <c r="B2487" t="s">
        <v>25</v>
      </c>
      <c r="C2487" t="s">
        <v>114</v>
      </c>
      <c r="D2487" t="s">
        <v>115</v>
      </c>
      <c r="E2487" s="6" t="s">
        <v>131</v>
      </c>
      <c r="F2487" s="3">
        <v>2020</v>
      </c>
      <c r="G2487" s="3" t="s">
        <v>97</v>
      </c>
      <c r="H2487" t="s">
        <v>116</v>
      </c>
      <c r="I2487" t="s">
        <v>15</v>
      </c>
      <c r="J2487" s="10">
        <v>78.569999999999993</v>
      </c>
    </row>
    <row r="2488" spans="1:10" x14ac:dyDescent="0.35">
      <c r="A2488" t="s">
        <v>35</v>
      </c>
      <c r="B2488" t="s">
        <v>36</v>
      </c>
      <c r="C2488" t="s">
        <v>114</v>
      </c>
      <c r="D2488" t="s">
        <v>115</v>
      </c>
      <c r="E2488" s="6" t="s">
        <v>131</v>
      </c>
      <c r="F2488" s="3">
        <v>2020</v>
      </c>
      <c r="G2488" s="3" t="s">
        <v>97</v>
      </c>
      <c r="H2488" t="s">
        <v>116</v>
      </c>
      <c r="I2488" t="s">
        <v>15</v>
      </c>
      <c r="J2488" s="10">
        <v>76.66</v>
      </c>
    </row>
    <row r="2489" spans="1:10" x14ac:dyDescent="0.35">
      <c r="A2489" t="s">
        <v>28</v>
      </c>
      <c r="B2489" t="s">
        <v>32</v>
      </c>
      <c r="C2489" t="s">
        <v>114</v>
      </c>
      <c r="D2489" t="s">
        <v>115</v>
      </c>
      <c r="E2489" s="6" t="s">
        <v>131</v>
      </c>
      <c r="F2489" s="3">
        <v>2020</v>
      </c>
      <c r="G2489" s="3" t="s">
        <v>97</v>
      </c>
      <c r="H2489" t="s">
        <v>116</v>
      </c>
      <c r="I2489" t="s">
        <v>15</v>
      </c>
      <c r="J2489" s="10">
        <v>76.010000000000005</v>
      </c>
    </row>
    <row r="2490" spans="1:10" x14ac:dyDescent="0.35">
      <c r="A2490" t="s">
        <v>28</v>
      </c>
      <c r="B2490" t="s">
        <v>37</v>
      </c>
      <c r="C2490" t="s">
        <v>114</v>
      </c>
      <c r="D2490" t="s">
        <v>115</v>
      </c>
      <c r="E2490" s="6" t="s">
        <v>131</v>
      </c>
      <c r="F2490" s="3">
        <v>2020</v>
      </c>
      <c r="G2490" s="3" t="s">
        <v>97</v>
      </c>
      <c r="H2490" t="s">
        <v>116</v>
      </c>
      <c r="I2490" t="s">
        <v>15</v>
      </c>
      <c r="J2490" s="10">
        <v>78.19</v>
      </c>
    </row>
    <row r="2491" spans="1:10" x14ac:dyDescent="0.35">
      <c r="A2491" t="s">
        <v>10</v>
      </c>
      <c r="B2491" t="s">
        <v>24</v>
      </c>
      <c r="C2491" t="s">
        <v>114</v>
      </c>
      <c r="D2491" t="s">
        <v>115</v>
      </c>
      <c r="E2491" s="6" t="s">
        <v>131</v>
      </c>
      <c r="F2491" s="3">
        <v>2020</v>
      </c>
      <c r="G2491" s="3" t="s">
        <v>97</v>
      </c>
      <c r="H2491" t="s">
        <v>116</v>
      </c>
      <c r="I2491" t="s">
        <v>15</v>
      </c>
      <c r="J2491" s="10">
        <v>78.53</v>
      </c>
    </row>
    <row r="2492" spans="1:10" x14ac:dyDescent="0.35">
      <c r="A2492" t="s">
        <v>33</v>
      </c>
      <c r="B2492" t="s">
        <v>34</v>
      </c>
      <c r="C2492" t="s">
        <v>114</v>
      </c>
      <c r="D2492" t="s">
        <v>115</v>
      </c>
      <c r="E2492" s="6" t="s">
        <v>131</v>
      </c>
      <c r="F2492" s="3">
        <v>2020</v>
      </c>
      <c r="G2492" s="3" t="s">
        <v>97</v>
      </c>
      <c r="H2492" t="s">
        <v>116</v>
      </c>
      <c r="I2492" t="s">
        <v>15</v>
      </c>
      <c r="J2492" s="10">
        <v>77.64</v>
      </c>
    </row>
    <row r="2493" spans="1:10" x14ac:dyDescent="0.35">
      <c r="A2493" t="s">
        <v>26</v>
      </c>
      <c r="B2493" t="s">
        <v>27</v>
      </c>
      <c r="C2493" t="s">
        <v>114</v>
      </c>
      <c r="D2493" t="s">
        <v>115</v>
      </c>
      <c r="E2493" s="6" t="s">
        <v>131</v>
      </c>
      <c r="F2493" s="3">
        <v>2020</v>
      </c>
      <c r="G2493" s="3" t="s">
        <v>97</v>
      </c>
      <c r="H2493" t="s">
        <v>116</v>
      </c>
      <c r="I2493" t="s">
        <v>15</v>
      </c>
      <c r="J2493" s="10">
        <v>77.11</v>
      </c>
    </row>
    <row r="2494" spans="1:10" x14ac:dyDescent="0.35">
      <c r="A2494" t="s">
        <v>22</v>
      </c>
      <c r="B2494" t="s">
        <v>23</v>
      </c>
      <c r="C2494" t="s">
        <v>114</v>
      </c>
      <c r="D2494" t="s">
        <v>115</v>
      </c>
      <c r="E2494" s="6" t="s">
        <v>131</v>
      </c>
      <c r="F2494" s="3">
        <v>2020</v>
      </c>
      <c r="G2494" s="3" t="s">
        <v>97</v>
      </c>
      <c r="H2494" t="s">
        <v>116</v>
      </c>
      <c r="I2494" t="s">
        <v>15</v>
      </c>
      <c r="J2494" s="10">
        <v>77.709999999999994</v>
      </c>
    </row>
    <row r="2495" spans="1:10" x14ac:dyDescent="0.35">
      <c r="A2495" t="s">
        <v>20</v>
      </c>
      <c r="B2495" t="s">
        <v>21</v>
      </c>
      <c r="C2495" t="s">
        <v>114</v>
      </c>
      <c r="D2495" t="s">
        <v>115</v>
      </c>
      <c r="E2495" s="6" t="s">
        <v>131</v>
      </c>
      <c r="F2495" s="3">
        <v>2020</v>
      </c>
      <c r="G2495" s="3" t="s">
        <v>97</v>
      </c>
      <c r="H2495" t="s">
        <v>116</v>
      </c>
      <c r="I2495" t="s">
        <v>15</v>
      </c>
      <c r="J2495" s="10">
        <v>73.8</v>
      </c>
    </row>
    <row r="2496" spans="1:10" x14ac:dyDescent="0.35">
      <c r="A2496" t="s">
        <v>10</v>
      </c>
      <c r="B2496" t="s">
        <v>18</v>
      </c>
      <c r="C2496" t="s">
        <v>114</v>
      </c>
      <c r="D2496" t="s">
        <v>115</v>
      </c>
      <c r="E2496" s="6" t="s">
        <v>131</v>
      </c>
      <c r="F2496" s="3">
        <v>2020</v>
      </c>
      <c r="G2496" s="3" t="s">
        <v>97</v>
      </c>
      <c r="H2496" t="s">
        <v>116</v>
      </c>
      <c r="I2496" t="s">
        <v>15</v>
      </c>
      <c r="J2496" s="10">
        <v>79.42</v>
      </c>
    </row>
    <row r="2497" spans="1:10" x14ac:dyDescent="0.35">
      <c r="A2497" t="s">
        <v>10</v>
      </c>
      <c r="B2497" t="s">
        <v>19</v>
      </c>
      <c r="C2497" t="s">
        <v>114</v>
      </c>
      <c r="D2497" t="s">
        <v>115</v>
      </c>
      <c r="E2497" s="6" t="s">
        <v>131</v>
      </c>
      <c r="F2497" s="3">
        <v>2020</v>
      </c>
      <c r="G2497" s="3" t="s">
        <v>97</v>
      </c>
      <c r="H2497" t="s">
        <v>116</v>
      </c>
      <c r="I2497" t="s">
        <v>15</v>
      </c>
      <c r="J2497" s="10">
        <v>80.67</v>
      </c>
    </row>
    <row r="2498" spans="1:10" x14ac:dyDescent="0.35">
      <c r="A2498" t="s">
        <v>20</v>
      </c>
      <c r="B2498" t="s">
        <v>72</v>
      </c>
      <c r="C2498" t="s">
        <v>114</v>
      </c>
      <c r="D2498" t="s">
        <v>115</v>
      </c>
      <c r="E2498" s="6" t="s">
        <v>131</v>
      </c>
      <c r="F2498" s="3">
        <v>2020</v>
      </c>
      <c r="G2498" s="3" t="s">
        <v>97</v>
      </c>
      <c r="H2498" t="s">
        <v>116</v>
      </c>
      <c r="I2498" t="s">
        <v>15</v>
      </c>
      <c r="J2498" s="10">
        <v>75.599999999999994</v>
      </c>
    </row>
    <row r="2499" spans="1:10" x14ac:dyDescent="0.35">
      <c r="A2499" t="s">
        <v>62</v>
      </c>
      <c r="B2499" t="s">
        <v>69</v>
      </c>
      <c r="C2499" t="s">
        <v>114</v>
      </c>
      <c r="D2499" t="s">
        <v>115</v>
      </c>
      <c r="E2499" s="6" t="s">
        <v>131</v>
      </c>
      <c r="F2499" s="3">
        <v>2020</v>
      </c>
      <c r="G2499" s="3" t="s">
        <v>97</v>
      </c>
      <c r="H2499" t="s">
        <v>116</v>
      </c>
      <c r="I2499" t="s">
        <v>15</v>
      </c>
      <c r="J2499" s="10">
        <v>72.61</v>
      </c>
    </row>
    <row r="2500" spans="1:10" x14ac:dyDescent="0.35">
      <c r="A2500" t="s">
        <v>26</v>
      </c>
      <c r="B2500" t="s">
        <v>90</v>
      </c>
      <c r="C2500" t="s">
        <v>114</v>
      </c>
      <c r="D2500" t="s">
        <v>115</v>
      </c>
      <c r="E2500" s="6" t="s">
        <v>131</v>
      </c>
      <c r="F2500" s="3">
        <v>2020</v>
      </c>
      <c r="G2500" s="3" t="s">
        <v>97</v>
      </c>
      <c r="H2500" t="s">
        <v>116</v>
      </c>
      <c r="I2500" t="s">
        <v>15</v>
      </c>
      <c r="J2500" s="10">
        <v>80.599999999999994</v>
      </c>
    </row>
    <row r="2501" spans="1:10" x14ac:dyDescent="0.35">
      <c r="A2501" t="s">
        <v>62</v>
      </c>
      <c r="B2501" t="s">
        <v>67</v>
      </c>
      <c r="C2501" t="s">
        <v>114</v>
      </c>
      <c r="D2501" t="s">
        <v>115</v>
      </c>
      <c r="E2501" s="6" t="s">
        <v>131</v>
      </c>
      <c r="F2501" s="3">
        <v>2020</v>
      </c>
      <c r="G2501" s="3" t="s">
        <v>97</v>
      </c>
      <c r="H2501" t="s">
        <v>116</v>
      </c>
      <c r="I2501" t="s">
        <v>15</v>
      </c>
      <c r="J2501" s="10">
        <v>72</v>
      </c>
    </row>
    <row r="2502" spans="1:10" x14ac:dyDescent="0.35">
      <c r="A2502" t="s">
        <v>62</v>
      </c>
      <c r="B2502" t="s">
        <v>70</v>
      </c>
      <c r="C2502" t="s">
        <v>114</v>
      </c>
      <c r="D2502" t="s">
        <v>115</v>
      </c>
      <c r="E2502" s="6" t="s">
        <v>131</v>
      </c>
      <c r="F2502" s="3">
        <v>2020</v>
      </c>
      <c r="G2502" s="3" t="s">
        <v>97</v>
      </c>
      <c r="H2502" t="s">
        <v>116</v>
      </c>
      <c r="I2502" t="s">
        <v>15</v>
      </c>
      <c r="J2502" s="10">
        <v>73.89</v>
      </c>
    </row>
    <row r="2503" spans="1:10" x14ac:dyDescent="0.35">
      <c r="A2503" t="s">
        <v>20</v>
      </c>
      <c r="B2503" t="s">
        <v>48</v>
      </c>
      <c r="C2503" t="s">
        <v>114</v>
      </c>
      <c r="D2503" t="s">
        <v>115</v>
      </c>
      <c r="E2503" s="6" t="s">
        <v>131</v>
      </c>
      <c r="F2503" s="3">
        <v>2020</v>
      </c>
      <c r="G2503" s="3" t="s">
        <v>97</v>
      </c>
      <c r="H2503" t="s">
        <v>116</v>
      </c>
      <c r="I2503" t="s">
        <v>15</v>
      </c>
      <c r="J2503" s="10">
        <v>77.11</v>
      </c>
    </row>
    <row r="2504" spans="1:10" x14ac:dyDescent="0.35">
      <c r="A2504" t="s">
        <v>22</v>
      </c>
      <c r="B2504" t="s">
        <v>51</v>
      </c>
      <c r="C2504" t="s">
        <v>114</v>
      </c>
      <c r="D2504" t="s">
        <v>115</v>
      </c>
      <c r="E2504" s="6" t="s">
        <v>131</v>
      </c>
      <c r="F2504" s="3">
        <v>2020</v>
      </c>
      <c r="G2504" s="3" t="s">
        <v>97</v>
      </c>
      <c r="H2504" t="s">
        <v>116</v>
      </c>
      <c r="I2504" t="s">
        <v>15</v>
      </c>
      <c r="J2504" s="10">
        <v>79.849999999999994</v>
      </c>
    </row>
    <row r="2505" spans="1:10" x14ac:dyDescent="0.35">
      <c r="A2505" t="s">
        <v>10</v>
      </c>
      <c r="B2505" t="s">
        <v>46</v>
      </c>
      <c r="C2505" t="s">
        <v>114</v>
      </c>
      <c r="D2505" t="s">
        <v>115</v>
      </c>
      <c r="E2505" s="6" t="s">
        <v>131</v>
      </c>
      <c r="F2505" s="3">
        <v>2020</v>
      </c>
      <c r="G2505" s="3" t="s">
        <v>97</v>
      </c>
      <c r="H2505" t="s">
        <v>116</v>
      </c>
      <c r="I2505" t="s">
        <v>15</v>
      </c>
      <c r="J2505" s="10">
        <v>73.459999999999994</v>
      </c>
    </row>
    <row r="2506" spans="1:10" x14ac:dyDescent="0.35">
      <c r="A2506" t="s">
        <v>35</v>
      </c>
      <c r="B2506" t="s">
        <v>50</v>
      </c>
      <c r="C2506" t="s">
        <v>114</v>
      </c>
      <c r="D2506" t="s">
        <v>115</v>
      </c>
      <c r="E2506" s="6" t="s">
        <v>131</v>
      </c>
      <c r="F2506" s="3">
        <v>2020</v>
      </c>
      <c r="G2506" s="3" t="s">
        <v>97</v>
      </c>
      <c r="H2506" t="s">
        <v>116</v>
      </c>
      <c r="I2506" t="s">
        <v>15</v>
      </c>
      <c r="J2506" s="10">
        <v>81.069999999999993</v>
      </c>
    </row>
    <row r="2507" spans="1:10" x14ac:dyDescent="0.35">
      <c r="A2507" t="s">
        <v>20</v>
      </c>
      <c r="B2507" t="s">
        <v>94</v>
      </c>
      <c r="C2507" t="s">
        <v>114</v>
      </c>
      <c r="D2507" t="s">
        <v>115</v>
      </c>
      <c r="E2507" s="6" t="s">
        <v>131</v>
      </c>
      <c r="F2507" s="3">
        <v>2020</v>
      </c>
      <c r="G2507" s="3" t="s">
        <v>97</v>
      </c>
      <c r="H2507" t="s">
        <v>116</v>
      </c>
      <c r="I2507" t="s">
        <v>15</v>
      </c>
      <c r="J2507" s="10">
        <v>75.17</v>
      </c>
    </row>
    <row r="2508" spans="1:10" x14ac:dyDescent="0.35">
      <c r="A2508" t="s">
        <v>28</v>
      </c>
      <c r="B2508" t="s">
        <v>79</v>
      </c>
      <c r="C2508" t="s">
        <v>114</v>
      </c>
      <c r="D2508" t="s">
        <v>115</v>
      </c>
      <c r="E2508" s="6" t="s">
        <v>131</v>
      </c>
      <c r="F2508" s="3">
        <v>2020</v>
      </c>
      <c r="G2508" s="3" t="s">
        <v>97</v>
      </c>
      <c r="H2508" t="s">
        <v>116</v>
      </c>
      <c r="I2508" t="s">
        <v>15</v>
      </c>
      <c r="J2508" s="10">
        <v>78.900000000000006</v>
      </c>
    </row>
    <row r="2509" spans="1:10" x14ac:dyDescent="0.35">
      <c r="A2509" t="s">
        <v>22</v>
      </c>
      <c r="B2509" t="s">
        <v>78</v>
      </c>
      <c r="C2509" t="s">
        <v>114</v>
      </c>
      <c r="D2509" t="s">
        <v>115</v>
      </c>
      <c r="E2509" s="6" t="s">
        <v>131</v>
      </c>
      <c r="F2509" s="3">
        <v>2020</v>
      </c>
      <c r="G2509" s="3" t="s">
        <v>97</v>
      </c>
      <c r="H2509" t="s">
        <v>116</v>
      </c>
      <c r="I2509" t="s">
        <v>15</v>
      </c>
      <c r="J2509" s="10">
        <v>77.3</v>
      </c>
    </row>
    <row r="2510" spans="1:10" x14ac:dyDescent="0.35">
      <c r="A2510" t="s">
        <v>20</v>
      </c>
      <c r="B2510" t="s">
        <v>81</v>
      </c>
      <c r="C2510" t="s">
        <v>114</v>
      </c>
      <c r="D2510" t="s">
        <v>115</v>
      </c>
      <c r="E2510" s="6" t="s">
        <v>131</v>
      </c>
      <c r="F2510" s="3">
        <v>2020</v>
      </c>
      <c r="G2510" s="3" t="s">
        <v>97</v>
      </c>
      <c r="H2510" t="s">
        <v>116</v>
      </c>
      <c r="I2510" t="s">
        <v>15</v>
      </c>
      <c r="J2510" s="10">
        <v>73.53</v>
      </c>
    </row>
    <row r="2511" spans="1:10" x14ac:dyDescent="0.35">
      <c r="A2511" t="s">
        <v>35</v>
      </c>
      <c r="B2511" t="s">
        <v>41</v>
      </c>
      <c r="C2511" t="s">
        <v>114</v>
      </c>
      <c r="D2511" t="s">
        <v>115</v>
      </c>
      <c r="E2511" s="6" t="s">
        <v>131</v>
      </c>
      <c r="F2511" s="3">
        <v>2020</v>
      </c>
      <c r="G2511" s="3" t="s">
        <v>97</v>
      </c>
      <c r="H2511" t="s">
        <v>116</v>
      </c>
      <c r="I2511" t="s">
        <v>15</v>
      </c>
      <c r="J2511" s="10">
        <v>75.819999999999993</v>
      </c>
    </row>
    <row r="2512" spans="1:10" x14ac:dyDescent="0.35">
      <c r="A2512" t="s">
        <v>35</v>
      </c>
      <c r="B2512" t="s">
        <v>43</v>
      </c>
      <c r="C2512" t="s">
        <v>114</v>
      </c>
      <c r="D2512" t="s">
        <v>115</v>
      </c>
      <c r="E2512" s="6" t="s">
        <v>131</v>
      </c>
      <c r="F2512" s="3">
        <v>2020</v>
      </c>
      <c r="G2512" s="3" t="s">
        <v>97</v>
      </c>
      <c r="H2512" t="s">
        <v>116</v>
      </c>
      <c r="I2512" t="s">
        <v>15</v>
      </c>
      <c r="J2512" s="10">
        <v>76.63</v>
      </c>
    </row>
    <row r="2513" spans="1:10" x14ac:dyDescent="0.35">
      <c r="A2513" t="s">
        <v>28</v>
      </c>
      <c r="B2513" t="s">
        <v>44</v>
      </c>
      <c r="C2513" t="s">
        <v>114</v>
      </c>
      <c r="D2513" t="s">
        <v>115</v>
      </c>
      <c r="E2513" s="6" t="s">
        <v>131</v>
      </c>
      <c r="F2513" s="3">
        <v>2020</v>
      </c>
      <c r="G2513" s="3" t="s">
        <v>97</v>
      </c>
      <c r="H2513" t="s">
        <v>116</v>
      </c>
      <c r="I2513" t="s">
        <v>15</v>
      </c>
      <c r="J2513" s="10">
        <v>78.849999999999994</v>
      </c>
    </row>
    <row r="2514" spans="1:10" x14ac:dyDescent="0.35">
      <c r="A2514" t="s">
        <v>33</v>
      </c>
      <c r="B2514" t="s">
        <v>47</v>
      </c>
      <c r="C2514" t="s">
        <v>114</v>
      </c>
      <c r="D2514" t="s">
        <v>115</v>
      </c>
      <c r="E2514" s="6" t="s">
        <v>131</v>
      </c>
      <c r="F2514" s="3">
        <v>2020</v>
      </c>
      <c r="G2514" s="3" t="s">
        <v>97</v>
      </c>
      <c r="H2514" t="s">
        <v>116</v>
      </c>
      <c r="I2514" t="s">
        <v>15</v>
      </c>
      <c r="J2514" s="10">
        <v>78.23</v>
      </c>
    </row>
    <row r="2515" spans="1:10" x14ac:dyDescent="0.35">
      <c r="A2515" t="s">
        <v>10</v>
      </c>
      <c r="B2515" t="s">
        <v>45</v>
      </c>
      <c r="C2515" t="s">
        <v>114</v>
      </c>
      <c r="D2515" t="s">
        <v>115</v>
      </c>
      <c r="E2515" s="6" t="s">
        <v>131</v>
      </c>
      <c r="F2515" s="3">
        <v>2020</v>
      </c>
      <c r="G2515" s="3" t="s">
        <v>97</v>
      </c>
      <c r="H2515" t="s">
        <v>116</v>
      </c>
      <c r="I2515" t="s">
        <v>15</v>
      </c>
      <c r="J2515" s="10">
        <v>74.14</v>
      </c>
    </row>
    <row r="2516" spans="1:10" x14ac:dyDescent="0.35">
      <c r="A2516" t="s">
        <v>26</v>
      </c>
      <c r="B2516" t="s">
        <v>73</v>
      </c>
      <c r="C2516" t="s">
        <v>114</v>
      </c>
      <c r="D2516" t="s">
        <v>115</v>
      </c>
      <c r="E2516" s="6" t="s">
        <v>131</v>
      </c>
      <c r="F2516" s="3">
        <v>2020</v>
      </c>
      <c r="G2516" s="3" t="s">
        <v>97</v>
      </c>
      <c r="H2516" t="s">
        <v>116</v>
      </c>
      <c r="I2516" t="s">
        <v>15</v>
      </c>
      <c r="J2516" s="10">
        <v>76.52</v>
      </c>
    </row>
    <row r="2517" spans="1:10" x14ac:dyDescent="0.35">
      <c r="A2517" t="s">
        <v>35</v>
      </c>
      <c r="B2517" t="s">
        <v>71</v>
      </c>
      <c r="C2517" t="s">
        <v>114</v>
      </c>
      <c r="D2517" t="s">
        <v>115</v>
      </c>
      <c r="E2517" s="6" t="s">
        <v>131</v>
      </c>
      <c r="F2517" s="3">
        <v>2020</v>
      </c>
      <c r="G2517" s="3" t="s">
        <v>97</v>
      </c>
      <c r="H2517" t="s">
        <v>116</v>
      </c>
      <c r="I2517" t="s">
        <v>15</v>
      </c>
      <c r="J2517" s="10">
        <v>73.88</v>
      </c>
    </row>
    <row r="2518" spans="1:10" x14ac:dyDescent="0.35">
      <c r="A2518" t="s">
        <v>28</v>
      </c>
      <c r="B2518" t="s">
        <v>74</v>
      </c>
      <c r="C2518" t="s">
        <v>114</v>
      </c>
      <c r="D2518" t="s">
        <v>115</v>
      </c>
      <c r="E2518" s="6" t="s">
        <v>131</v>
      </c>
      <c r="F2518" s="3">
        <v>2020</v>
      </c>
      <c r="G2518" s="3" t="s">
        <v>97</v>
      </c>
      <c r="H2518" t="s">
        <v>116</v>
      </c>
      <c r="I2518" t="s">
        <v>15</v>
      </c>
      <c r="J2518" s="10">
        <v>75.45</v>
      </c>
    </row>
    <row r="2519" spans="1:10" x14ac:dyDescent="0.35">
      <c r="A2519" t="s">
        <v>33</v>
      </c>
      <c r="B2519" t="s">
        <v>77</v>
      </c>
      <c r="C2519" t="s">
        <v>114</v>
      </c>
      <c r="D2519" t="s">
        <v>115</v>
      </c>
      <c r="E2519" s="6" t="s">
        <v>131</v>
      </c>
      <c r="F2519" s="3">
        <v>2020</v>
      </c>
      <c r="G2519" s="3" t="s">
        <v>97</v>
      </c>
      <c r="H2519" t="s">
        <v>116</v>
      </c>
      <c r="I2519" t="s">
        <v>15</v>
      </c>
      <c r="J2519" s="10">
        <v>76.599999999999994</v>
      </c>
    </row>
    <row r="2520" spans="1:10" x14ac:dyDescent="0.35">
      <c r="A2520" t="s">
        <v>33</v>
      </c>
      <c r="B2520" t="s">
        <v>92</v>
      </c>
      <c r="C2520" t="s">
        <v>114</v>
      </c>
      <c r="D2520" t="s">
        <v>115</v>
      </c>
      <c r="E2520" s="6" t="s">
        <v>131</v>
      </c>
      <c r="F2520" s="3">
        <v>2020</v>
      </c>
      <c r="G2520" s="3" t="s">
        <v>97</v>
      </c>
      <c r="H2520" t="s">
        <v>116</v>
      </c>
      <c r="I2520" t="s">
        <v>15</v>
      </c>
      <c r="J2520" s="10">
        <v>76.61</v>
      </c>
    </row>
    <row r="2521" spans="1:10" x14ac:dyDescent="0.35">
      <c r="A2521" t="s">
        <v>62</v>
      </c>
      <c r="B2521" t="s">
        <v>68</v>
      </c>
      <c r="C2521" t="s">
        <v>114</v>
      </c>
      <c r="D2521" t="s">
        <v>115</v>
      </c>
      <c r="E2521" s="6" t="s">
        <v>131</v>
      </c>
      <c r="F2521" s="3">
        <v>2020</v>
      </c>
      <c r="G2521" s="3" t="s">
        <v>97</v>
      </c>
      <c r="H2521" t="s">
        <v>116</v>
      </c>
      <c r="I2521" t="s">
        <v>15</v>
      </c>
      <c r="J2521" s="10">
        <v>72.709999999999994</v>
      </c>
    </row>
    <row r="2522" spans="1:10" x14ac:dyDescent="0.35">
      <c r="A2522" t="s">
        <v>26</v>
      </c>
      <c r="B2522" t="s">
        <v>83</v>
      </c>
      <c r="C2522" t="s">
        <v>114</v>
      </c>
      <c r="D2522" t="s">
        <v>115</v>
      </c>
      <c r="E2522" s="6" t="s">
        <v>131</v>
      </c>
      <c r="F2522" s="3">
        <v>2020</v>
      </c>
      <c r="G2522" s="3" t="s">
        <v>97</v>
      </c>
      <c r="H2522" t="s">
        <v>116</v>
      </c>
      <c r="I2522" t="s">
        <v>15</v>
      </c>
      <c r="J2522" s="10">
        <v>80.12</v>
      </c>
    </row>
    <row r="2523" spans="1:10" x14ac:dyDescent="0.35">
      <c r="A2523" t="s">
        <v>62</v>
      </c>
      <c r="B2523" t="s">
        <v>89</v>
      </c>
      <c r="C2523" t="s">
        <v>114</v>
      </c>
      <c r="D2523" t="s">
        <v>115</v>
      </c>
      <c r="E2523" s="6" t="s">
        <v>131</v>
      </c>
      <c r="F2523" s="3">
        <v>2020</v>
      </c>
      <c r="G2523" s="3" t="s">
        <v>97</v>
      </c>
      <c r="H2523" t="s">
        <v>116</v>
      </c>
      <c r="I2523" t="s">
        <v>15</v>
      </c>
      <c r="J2523" s="10">
        <v>74.400000000000006</v>
      </c>
    </row>
    <row r="2524" spans="1:10" x14ac:dyDescent="0.35">
      <c r="A2524" t="s">
        <v>26</v>
      </c>
      <c r="B2524" t="s">
        <v>91</v>
      </c>
      <c r="C2524" t="s">
        <v>114</v>
      </c>
      <c r="D2524" t="s">
        <v>115</v>
      </c>
      <c r="E2524" s="6" t="s">
        <v>131</v>
      </c>
      <c r="F2524" s="3">
        <v>2020</v>
      </c>
      <c r="G2524" s="3" t="s">
        <v>97</v>
      </c>
      <c r="H2524" t="s">
        <v>116</v>
      </c>
      <c r="I2524" t="s">
        <v>15</v>
      </c>
      <c r="J2524" s="10">
        <v>78.77</v>
      </c>
    </row>
    <row r="2525" spans="1:10" x14ac:dyDescent="0.35">
      <c r="A2525" t="s">
        <v>35</v>
      </c>
      <c r="B2525" t="s">
        <v>93</v>
      </c>
      <c r="C2525" t="s">
        <v>114</v>
      </c>
      <c r="D2525" t="s">
        <v>115</v>
      </c>
      <c r="E2525" s="6" t="s">
        <v>131</v>
      </c>
      <c r="F2525" s="3">
        <v>2020</v>
      </c>
      <c r="G2525" s="3" t="s">
        <v>97</v>
      </c>
      <c r="H2525" t="s">
        <v>116</v>
      </c>
      <c r="I2525" t="s">
        <v>15</v>
      </c>
      <c r="J2525" s="10">
        <v>79.540000000000006</v>
      </c>
    </row>
    <row r="2526" spans="1:10" x14ac:dyDescent="0.35">
      <c r="A2526" t="s">
        <v>26</v>
      </c>
      <c r="B2526" t="s">
        <v>80</v>
      </c>
      <c r="C2526" t="s">
        <v>114</v>
      </c>
      <c r="D2526" t="s">
        <v>115</v>
      </c>
      <c r="E2526" s="6" t="s">
        <v>131</v>
      </c>
      <c r="F2526" s="3">
        <v>2020</v>
      </c>
      <c r="G2526" s="3" t="s">
        <v>97</v>
      </c>
      <c r="H2526" t="s">
        <v>116</v>
      </c>
      <c r="I2526" t="s">
        <v>15</v>
      </c>
      <c r="J2526" s="10">
        <v>78.87</v>
      </c>
    </row>
    <row r="2527" spans="1:10" x14ac:dyDescent="0.35">
      <c r="A2527" t="s">
        <v>35</v>
      </c>
      <c r="B2527" t="s">
        <v>84</v>
      </c>
      <c r="C2527" t="s">
        <v>114</v>
      </c>
      <c r="D2527" t="s">
        <v>115</v>
      </c>
      <c r="E2527" s="6" t="s">
        <v>131</v>
      </c>
      <c r="F2527" s="3">
        <v>2020</v>
      </c>
      <c r="G2527" s="3" t="s">
        <v>97</v>
      </c>
      <c r="H2527" t="s">
        <v>116</v>
      </c>
      <c r="I2527" t="s">
        <v>15</v>
      </c>
      <c r="J2527" s="10">
        <v>74.010000000000005</v>
      </c>
    </row>
    <row r="2528" spans="1:10" x14ac:dyDescent="0.35">
      <c r="A2528" t="s">
        <v>22</v>
      </c>
      <c r="B2528" t="s">
        <v>76</v>
      </c>
      <c r="C2528" t="s">
        <v>114</v>
      </c>
      <c r="D2528" t="s">
        <v>115</v>
      </c>
      <c r="E2528" s="6" t="s">
        <v>131</v>
      </c>
      <c r="F2528" s="3">
        <v>2020</v>
      </c>
      <c r="G2528" s="3" t="s">
        <v>97</v>
      </c>
      <c r="H2528" t="s">
        <v>116</v>
      </c>
      <c r="I2528" t="s">
        <v>15</v>
      </c>
      <c r="J2528" s="10">
        <v>77.39</v>
      </c>
    </row>
    <row r="2529" spans="1:10" x14ac:dyDescent="0.35">
      <c r="A2529" t="s">
        <v>33</v>
      </c>
      <c r="B2529" t="s">
        <v>85</v>
      </c>
      <c r="C2529" t="s">
        <v>114</v>
      </c>
      <c r="D2529" t="s">
        <v>115</v>
      </c>
      <c r="E2529" s="6" t="s">
        <v>131</v>
      </c>
      <c r="F2529" s="3">
        <v>2020</v>
      </c>
      <c r="G2529" s="3" t="s">
        <v>97</v>
      </c>
      <c r="H2529" t="s">
        <v>116</v>
      </c>
      <c r="I2529" t="s">
        <v>15</v>
      </c>
      <c r="J2529" s="10">
        <v>78.430000000000007</v>
      </c>
    </row>
    <row r="2530" spans="1:10" x14ac:dyDescent="0.35">
      <c r="A2530" t="s">
        <v>35</v>
      </c>
      <c r="B2530" t="s">
        <v>88</v>
      </c>
      <c r="C2530" t="s">
        <v>114</v>
      </c>
      <c r="D2530" t="s">
        <v>115</v>
      </c>
      <c r="E2530" s="6" t="s">
        <v>131</v>
      </c>
      <c r="F2530" s="3">
        <v>2020</v>
      </c>
      <c r="G2530" s="3" t="s">
        <v>97</v>
      </c>
      <c r="H2530" t="s">
        <v>116</v>
      </c>
      <c r="I2530" t="s">
        <v>15</v>
      </c>
      <c r="J2530" s="10">
        <v>76.31</v>
      </c>
    </row>
    <row r="2531" spans="1:10" x14ac:dyDescent="0.35">
      <c r="A2531" t="s">
        <v>33</v>
      </c>
      <c r="B2531" t="s">
        <v>75</v>
      </c>
      <c r="C2531" t="s">
        <v>114</v>
      </c>
      <c r="D2531" t="s">
        <v>115</v>
      </c>
      <c r="E2531" s="6" t="s">
        <v>131</v>
      </c>
      <c r="F2531" s="3">
        <v>2020</v>
      </c>
      <c r="G2531" s="3" t="s">
        <v>97</v>
      </c>
      <c r="H2531" t="s">
        <v>116</v>
      </c>
      <c r="I2531" t="s">
        <v>15</v>
      </c>
      <c r="J2531" s="10">
        <v>74.66</v>
      </c>
    </row>
    <row r="2532" spans="1:10" x14ac:dyDescent="0.35">
      <c r="A2532" t="s">
        <v>33</v>
      </c>
      <c r="B2532" t="s">
        <v>82</v>
      </c>
      <c r="C2532" t="s">
        <v>114</v>
      </c>
      <c r="D2532" t="s">
        <v>115</v>
      </c>
      <c r="E2532" s="6" t="s">
        <v>131</v>
      </c>
      <c r="F2532" s="3">
        <v>2020</v>
      </c>
      <c r="G2532" s="3" t="s">
        <v>97</v>
      </c>
      <c r="H2532" t="s">
        <v>116</v>
      </c>
      <c r="I2532" t="s">
        <v>15</v>
      </c>
      <c r="J2532" s="10">
        <v>79.650000000000006</v>
      </c>
    </row>
    <row r="2533" spans="1:10" x14ac:dyDescent="0.35">
      <c r="A2533" t="s">
        <v>35</v>
      </c>
      <c r="B2533" t="s">
        <v>87</v>
      </c>
      <c r="C2533" t="s">
        <v>114</v>
      </c>
      <c r="D2533" t="s">
        <v>115</v>
      </c>
      <c r="E2533" s="6" t="s">
        <v>131</v>
      </c>
      <c r="F2533" s="3">
        <v>2020</v>
      </c>
      <c r="G2533" s="3" t="s">
        <v>97</v>
      </c>
      <c r="H2533" t="s">
        <v>116</v>
      </c>
      <c r="I2533" t="s">
        <v>15</v>
      </c>
      <c r="J2533" s="10">
        <v>77.37</v>
      </c>
    </row>
    <row r="2534" spans="1:10" x14ac:dyDescent="0.35">
      <c r="A2534" t="s">
        <v>33</v>
      </c>
      <c r="B2534" t="s">
        <v>86</v>
      </c>
      <c r="C2534" t="s">
        <v>114</v>
      </c>
      <c r="D2534" t="s">
        <v>115</v>
      </c>
      <c r="E2534" s="6" t="s">
        <v>131</v>
      </c>
      <c r="F2534" s="3">
        <v>2020</v>
      </c>
      <c r="G2534" s="3" t="s">
        <v>97</v>
      </c>
      <c r="H2534" t="s">
        <v>116</v>
      </c>
      <c r="I2534" t="s">
        <v>15</v>
      </c>
      <c r="J2534" s="10">
        <v>79.55</v>
      </c>
    </row>
    <row r="2535" spans="1:10" x14ac:dyDescent="0.35">
      <c r="A2535" t="s">
        <v>22</v>
      </c>
      <c r="B2535" t="s">
        <v>52</v>
      </c>
      <c r="C2535" t="s">
        <v>114</v>
      </c>
      <c r="D2535" t="s">
        <v>115</v>
      </c>
      <c r="E2535" s="6" t="s">
        <v>131</v>
      </c>
      <c r="F2535" s="3">
        <v>2020</v>
      </c>
      <c r="G2535" s="3" t="s">
        <v>97</v>
      </c>
      <c r="H2535" t="s">
        <v>116</v>
      </c>
      <c r="I2535" t="s">
        <v>15</v>
      </c>
      <c r="J2535" s="10">
        <v>75.06</v>
      </c>
    </row>
    <row r="2536" spans="1:10" x14ac:dyDescent="0.35">
      <c r="A2536" t="s">
        <v>28</v>
      </c>
      <c r="B2536" t="s">
        <v>58</v>
      </c>
      <c r="C2536" t="s">
        <v>114</v>
      </c>
      <c r="D2536" t="s">
        <v>115</v>
      </c>
      <c r="E2536" s="6" t="s">
        <v>131</v>
      </c>
      <c r="F2536" s="3">
        <v>2020</v>
      </c>
      <c r="G2536" s="3" t="s">
        <v>97</v>
      </c>
      <c r="H2536" t="s">
        <v>116</v>
      </c>
      <c r="I2536" t="s">
        <v>15</v>
      </c>
      <c r="J2536" s="10">
        <v>78.42</v>
      </c>
    </row>
    <row r="2537" spans="1:10" x14ac:dyDescent="0.35">
      <c r="A2537" t="s">
        <v>22</v>
      </c>
      <c r="B2537" t="s">
        <v>55</v>
      </c>
      <c r="C2537" t="s">
        <v>114</v>
      </c>
      <c r="D2537" t="s">
        <v>115</v>
      </c>
      <c r="E2537" s="6" t="s">
        <v>131</v>
      </c>
      <c r="F2537" s="3">
        <v>2020</v>
      </c>
      <c r="G2537" s="3" t="s">
        <v>97</v>
      </c>
      <c r="H2537" t="s">
        <v>116</v>
      </c>
      <c r="I2537" t="s">
        <v>15</v>
      </c>
      <c r="J2537" s="10">
        <v>79.38</v>
      </c>
    </row>
    <row r="2538" spans="1:10" x14ac:dyDescent="0.35">
      <c r="A2538" t="s">
        <v>22</v>
      </c>
      <c r="B2538" t="s">
        <v>53</v>
      </c>
      <c r="C2538" t="s">
        <v>114</v>
      </c>
      <c r="D2538" t="s">
        <v>115</v>
      </c>
      <c r="E2538" s="6" t="s">
        <v>131</v>
      </c>
      <c r="F2538" s="3">
        <v>2020</v>
      </c>
      <c r="G2538" s="3" t="s">
        <v>97</v>
      </c>
      <c r="H2538" t="s">
        <v>116</v>
      </c>
      <c r="I2538" t="s">
        <v>15</v>
      </c>
      <c r="J2538" s="10">
        <v>76.33</v>
      </c>
    </row>
    <row r="2539" spans="1:10" x14ac:dyDescent="0.35">
      <c r="A2539" t="s">
        <v>20</v>
      </c>
      <c r="B2539" t="s">
        <v>59</v>
      </c>
      <c r="C2539" t="s">
        <v>114</v>
      </c>
      <c r="D2539" t="s">
        <v>115</v>
      </c>
      <c r="E2539" s="6" t="s">
        <v>131</v>
      </c>
      <c r="F2539" s="3">
        <v>2020</v>
      </c>
      <c r="G2539" s="3" t="s">
        <v>97</v>
      </c>
      <c r="H2539" t="s">
        <v>116</v>
      </c>
      <c r="I2539" t="s">
        <v>15</v>
      </c>
      <c r="J2539" s="10">
        <v>77.09</v>
      </c>
    </row>
    <row r="2540" spans="1:10" x14ac:dyDescent="0.35">
      <c r="A2540" t="s">
        <v>26</v>
      </c>
      <c r="B2540" t="s">
        <v>57</v>
      </c>
      <c r="C2540" t="s">
        <v>114</v>
      </c>
      <c r="D2540" t="s">
        <v>115</v>
      </c>
      <c r="E2540" s="6" t="s">
        <v>131</v>
      </c>
      <c r="F2540" s="3">
        <v>2020</v>
      </c>
      <c r="G2540" s="3" t="s">
        <v>97</v>
      </c>
      <c r="H2540" t="s">
        <v>116</v>
      </c>
      <c r="I2540" t="s">
        <v>15</v>
      </c>
      <c r="J2540" s="10">
        <v>78.58</v>
      </c>
    </row>
    <row r="2541" spans="1:10" x14ac:dyDescent="0.35">
      <c r="A2541" t="s">
        <v>62</v>
      </c>
      <c r="B2541" t="s">
        <v>64</v>
      </c>
      <c r="C2541" t="s">
        <v>114</v>
      </c>
      <c r="D2541" t="s">
        <v>115</v>
      </c>
      <c r="E2541" s="6" t="s">
        <v>131</v>
      </c>
      <c r="F2541" s="3">
        <v>2020</v>
      </c>
      <c r="G2541" s="3" t="s">
        <v>97</v>
      </c>
      <c r="H2541" t="s">
        <v>116</v>
      </c>
      <c r="I2541" t="s">
        <v>15</v>
      </c>
      <c r="J2541" s="10">
        <v>74.349999999999994</v>
      </c>
    </row>
    <row r="2542" spans="1:10" x14ac:dyDescent="0.35">
      <c r="A2542" t="s">
        <v>22</v>
      </c>
      <c r="B2542" t="s">
        <v>54</v>
      </c>
      <c r="C2542" t="s">
        <v>114</v>
      </c>
      <c r="D2542" t="s">
        <v>115</v>
      </c>
      <c r="E2542" s="6" t="s">
        <v>131</v>
      </c>
      <c r="F2542" s="3">
        <v>2020</v>
      </c>
      <c r="G2542" s="3" t="s">
        <v>97</v>
      </c>
      <c r="H2542" t="s">
        <v>116</v>
      </c>
      <c r="I2542" t="s">
        <v>15</v>
      </c>
      <c r="J2542" s="10">
        <v>78.709999999999994</v>
      </c>
    </row>
    <row r="2543" spans="1:10" x14ac:dyDescent="0.35">
      <c r="A2543" t="s">
        <v>10</v>
      </c>
      <c r="B2543" t="s">
        <v>16</v>
      </c>
      <c r="C2543" t="s">
        <v>114</v>
      </c>
      <c r="D2543" t="s">
        <v>115</v>
      </c>
      <c r="E2543" s="6" t="s">
        <v>131</v>
      </c>
      <c r="F2543" s="3">
        <v>2020</v>
      </c>
      <c r="G2543" s="3" t="s">
        <v>97</v>
      </c>
      <c r="H2543" t="s">
        <v>116</v>
      </c>
      <c r="I2543" t="s">
        <v>15</v>
      </c>
      <c r="J2543" s="10">
        <v>76.88</v>
      </c>
    </row>
    <row r="2544" spans="1:10" x14ac:dyDescent="0.35">
      <c r="A2544" t="s">
        <v>10</v>
      </c>
      <c r="B2544" t="s">
        <v>17</v>
      </c>
      <c r="C2544" t="s">
        <v>114</v>
      </c>
      <c r="D2544" t="s">
        <v>115</v>
      </c>
      <c r="E2544" s="6" t="s">
        <v>131</v>
      </c>
      <c r="F2544" s="3">
        <v>2020</v>
      </c>
      <c r="G2544" s="3" t="s">
        <v>97</v>
      </c>
      <c r="H2544" t="s">
        <v>116</v>
      </c>
      <c r="I2544" t="s">
        <v>15</v>
      </c>
      <c r="J2544" s="10">
        <v>78.25</v>
      </c>
    </row>
    <row r="2545" spans="1:10" x14ac:dyDescent="0.35">
      <c r="A2545" t="s">
        <v>10</v>
      </c>
      <c r="B2545" t="s">
        <v>11</v>
      </c>
      <c r="C2545" t="s">
        <v>114</v>
      </c>
      <c r="D2545" t="s">
        <v>115</v>
      </c>
      <c r="E2545" s="6" t="s">
        <v>131</v>
      </c>
      <c r="F2545" s="3">
        <v>2020</v>
      </c>
      <c r="G2545" s="3" t="s">
        <v>97</v>
      </c>
      <c r="H2545" t="s">
        <v>116</v>
      </c>
      <c r="I2545" t="s">
        <v>15</v>
      </c>
      <c r="J2545" s="10">
        <v>76.19</v>
      </c>
    </row>
    <row r="2546" spans="1:10" x14ac:dyDescent="0.35">
      <c r="A2546" t="s">
        <v>22</v>
      </c>
      <c r="B2546" t="s">
        <v>56</v>
      </c>
      <c r="C2546" t="s">
        <v>114</v>
      </c>
      <c r="D2546" t="s">
        <v>115</v>
      </c>
      <c r="E2546" s="6" t="s">
        <v>131</v>
      </c>
      <c r="F2546" s="3">
        <v>2020</v>
      </c>
      <c r="G2546" s="3" t="s">
        <v>97</v>
      </c>
      <c r="H2546" t="s">
        <v>116</v>
      </c>
      <c r="I2546" t="s">
        <v>15</v>
      </c>
      <c r="J2546" s="10">
        <v>80.260000000000005</v>
      </c>
    </row>
    <row r="2547" spans="1:10" x14ac:dyDescent="0.35">
      <c r="A2547" t="s">
        <v>35</v>
      </c>
      <c r="B2547" t="s">
        <v>42</v>
      </c>
      <c r="C2547" t="s">
        <v>114</v>
      </c>
      <c r="D2547" t="s">
        <v>115</v>
      </c>
      <c r="E2547" s="6" t="s">
        <v>131</v>
      </c>
      <c r="F2547" s="3">
        <v>2020</v>
      </c>
      <c r="G2547" s="3" t="s">
        <v>97</v>
      </c>
      <c r="H2547" t="s">
        <v>116</v>
      </c>
      <c r="I2547" t="s">
        <v>15</v>
      </c>
      <c r="J2547" s="10">
        <v>74.739999999999995</v>
      </c>
    </row>
    <row r="2548" spans="1:10" x14ac:dyDescent="0.35">
      <c r="A2548" t="s">
        <v>28</v>
      </c>
      <c r="B2548" t="s">
        <v>61</v>
      </c>
      <c r="C2548" t="s">
        <v>114</v>
      </c>
      <c r="D2548" t="s">
        <v>115</v>
      </c>
      <c r="E2548" s="6" t="s">
        <v>131</v>
      </c>
      <c r="F2548" s="3">
        <v>2020</v>
      </c>
      <c r="G2548" s="3" t="s">
        <v>97</v>
      </c>
      <c r="H2548" t="s">
        <v>116</v>
      </c>
      <c r="I2548" t="s">
        <v>15</v>
      </c>
      <c r="J2548" s="10">
        <v>77.19</v>
      </c>
    </row>
    <row r="2549" spans="1:10" x14ac:dyDescent="0.35">
      <c r="A2549" t="s">
        <v>20</v>
      </c>
      <c r="B2549" t="s">
        <v>60</v>
      </c>
      <c r="C2549" t="s">
        <v>114</v>
      </c>
      <c r="D2549" t="s">
        <v>115</v>
      </c>
      <c r="E2549" s="6" t="s">
        <v>131</v>
      </c>
      <c r="F2549" s="3">
        <v>2020</v>
      </c>
      <c r="G2549" s="3" t="s">
        <v>97</v>
      </c>
      <c r="H2549" t="s">
        <v>116</v>
      </c>
      <c r="I2549" t="s">
        <v>15</v>
      </c>
      <c r="J2549" s="10">
        <v>76.08</v>
      </c>
    </row>
    <row r="2550" spans="1:10" x14ac:dyDescent="0.35">
      <c r="A2550" t="s">
        <v>62</v>
      </c>
      <c r="B2550" t="s">
        <v>63</v>
      </c>
      <c r="C2550" t="s">
        <v>114</v>
      </c>
      <c r="D2550" t="s">
        <v>115</v>
      </c>
      <c r="E2550" s="6" t="s">
        <v>131</v>
      </c>
      <c r="F2550" s="3">
        <v>2020</v>
      </c>
      <c r="G2550" s="3" t="s">
        <v>97</v>
      </c>
      <c r="H2550" t="s">
        <v>116</v>
      </c>
      <c r="I2550" t="s">
        <v>15</v>
      </c>
      <c r="J2550" s="10">
        <v>73.75</v>
      </c>
    </row>
    <row r="2551" spans="1:10" x14ac:dyDescent="0.35">
      <c r="A2551" t="s">
        <v>62</v>
      </c>
      <c r="B2551" t="s">
        <v>65</v>
      </c>
      <c r="C2551" t="s">
        <v>114</v>
      </c>
      <c r="D2551" t="s">
        <v>115</v>
      </c>
      <c r="E2551" s="6" t="s">
        <v>131</v>
      </c>
      <c r="F2551" s="3">
        <v>2020</v>
      </c>
      <c r="G2551" s="3" t="s">
        <v>97</v>
      </c>
      <c r="H2551" t="s">
        <v>116</v>
      </c>
      <c r="I2551" t="s">
        <v>15</v>
      </c>
      <c r="J2551" s="10">
        <v>74.31</v>
      </c>
    </row>
    <row r="2552" spans="1:10" x14ac:dyDescent="0.35">
      <c r="A2552" t="s">
        <v>62</v>
      </c>
      <c r="B2552" t="s">
        <v>66</v>
      </c>
      <c r="C2552" t="s">
        <v>114</v>
      </c>
      <c r="D2552" t="s">
        <v>115</v>
      </c>
      <c r="E2552" s="6" t="s">
        <v>131</v>
      </c>
      <c r="F2552" s="3">
        <v>2020</v>
      </c>
      <c r="G2552" s="3" t="s">
        <v>97</v>
      </c>
      <c r="H2552" t="s">
        <v>116</v>
      </c>
      <c r="I2552" t="s">
        <v>15</v>
      </c>
      <c r="J2552" s="10">
        <v>71.13</v>
      </c>
    </row>
    <row r="2553" spans="1:10" x14ac:dyDescent="0.35">
      <c r="A2553" t="s">
        <v>20</v>
      </c>
      <c r="B2553" t="s">
        <v>40</v>
      </c>
      <c r="C2553" t="s">
        <v>114</v>
      </c>
      <c r="D2553" t="s">
        <v>115</v>
      </c>
      <c r="E2553" s="6" t="s">
        <v>131</v>
      </c>
      <c r="F2553" s="3">
        <v>2020</v>
      </c>
      <c r="G2553" s="3" t="s">
        <v>97</v>
      </c>
      <c r="H2553" t="s">
        <v>116</v>
      </c>
      <c r="I2553" t="s">
        <v>15</v>
      </c>
      <c r="J2553" s="10">
        <v>76.099999999999994</v>
      </c>
    </row>
    <row r="2554" spans="1:10" x14ac:dyDescent="0.35">
      <c r="A2554" t="s">
        <v>28</v>
      </c>
      <c r="B2554" t="s">
        <v>49</v>
      </c>
      <c r="C2554" t="s">
        <v>114</v>
      </c>
      <c r="D2554" t="s">
        <v>115</v>
      </c>
      <c r="E2554" s="6" t="s">
        <v>131</v>
      </c>
      <c r="F2554" s="3">
        <v>2020</v>
      </c>
      <c r="G2554" s="3" t="s">
        <v>97</v>
      </c>
      <c r="H2554" t="s">
        <v>116</v>
      </c>
      <c r="I2554" t="s">
        <v>15</v>
      </c>
      <c r="J2554" s="10">
        <v>79.489999999999995</v>
      </c>
    </row>
    <row r="2555" spans="1:10" x14ac:dyDescent="0.35">
      <c r="A2555" t="s">
        <v>20</v>
      </c>
      <c r="B2555" t="s">
        <v>38</v>
      </c>
      <c r="C2555" t="s">
        <v>114</v>
      </c>
      <c r="D2555" t="s">
        <v>115</v>
      </c>
      <c r="E2555" s="6" t="s">
        <v>131</v>
      </c>
      <c r="F2555" s="3">
        <v>2020</v>
      </c>
      <c r="G2555" s="3" t="s">
        <v>97</v>
      </c>
      <c r="H2555" t="s">
        <v>116</v>
      </c>
      <c r="I2555" t="s">
        <v>15</v>
      </c>
      <c r="J2555" s="10">
        <v>74.959999999999994</v>
      </c>
    </row>
    <row r="2556" spans="1:10" x14ac:dyDescent="0.35">
      <c r="A2556" t="s">
        <v>33</v>
      </c>
      <c r="B2556" t="s">
        <v>39</v>
      </c>
      <c r="C2556" t="s">
        <v>114</v>
      </c>
      <c r="D2556" t="s">
        <v>115</v>
      </c>
      <c r="E2556" s="6" t="s">
        <v>131</v>
      </c>
      <c r="F2556" s="3">
        <v>2020</v>
      </c>
      <c r="G2556" s="3" t="s">
        <v>97</v>
      </c>
      <c r="H2556" t="s">
        <v>116</v>
      </c>
      <c r="I2556" t="s">
        <v>15</v>
      </c>
      <c r="J2556" s="10">
        <v>76.88</v>
      </c>
    </row>
    <row r="2557" spans="1:10" x14ac:dyDescent="0.35">
      <c r="A2557" t="s">
        <v>62</v>
      </c>
      <c r="B2557" t="s">
        <v>66</v>
      </c>
      <c r="C2557" t="s">
        <v>114</v>
      </c>
      <c r="D2557" t="s">
        <v>115</v>
      </c>
      <c r="E2557" s="6" t="s">
        <v>131</v>
      </c>
      <c r="F2557" s="3">
        <v>2020</v>
      </c>
      <c r="G2557" s="3" t="s">
        <v>98</v>
      </c>
      <c r="H2557" t="s">
        <v>116</v>
      </c>
      <c r="I2557" t="s">
        <v>15</v>
      </c>
      <c r="J2557" s="10">
        <v>76.599999999999994</v>
      </c>
    </row>
    <row r="2558" spans="1:10" x14ac:dyDescent="0.35">
      <c r="A2558" t="s">
        <v>20</v>
      </c>
      <c r="B2558" t="s">
        <v>60</v>
      </c>
      <c r="C2558" t="s">
        <v>114</v>
      </c>
      <c r="D2558" t="s">
        <v>115</v>
      </c>
      <c r="E2558" s="6" t="s">
        <v>131</v>
      </c>
      <c r="F2558" s="3">
        <v>2020</v>
      </c>
      <c r="G2558" s="3" t="s">
        <v>98</v>
      </c>
      <c r="H2558" t="s">
        <v>116</v>
      </c>
      <c r="I2558" t="s">
        <v>15</v>
      </c>
      <c r="J2558" s="10">
        <v>80.11</v>
      </c>
    </row>
    <row r="2559" spans="1:10" x14ac:dyDescent="0.35">
      <c r="A2559" t="s">
        <v>62</v>
      </c>
      <c r="B2559" t="s">
        <v>65</v>
      </c>
      <c r="C2559" t="s">
        <v>114</v>
      </c>
      <c r="D2559" t="s">
        <v>115</v>
      </c>
      <c r="E2559" s="6" t="s">
        <v>131</v>
      </c>
      <c r="F2559" s="3">
        <v>2020</v>
      </c>
      <c r="G2559" s="3" t="s">
        <v>98</v>
      </c>
      <c r="H2559" t="s">
        <v>116</v>
      </c>
      <c r="I2559" t="s">
        <v>15</v>
      </c>
      <c r="J2559" s="10">
        <v>79.739999999999995</v>
      </c>
    </row>
    <row r="2560" spans="1:10" x14ac:dyDescent="0.35">
      <c r="A2560" t="s">
        <v>62</v>
      </c>
      <c r="B2560" t="s">
        <v>64</v>
      </c>
      <c r="C2560" t="s">
        <v>114</v>
      </c>
      <c r="D2560" t="s">
        <v>115</v>
      </c>
      <c r="E2560" s="6" t="s">
        <v>131</v>
      </c>
      <c r="F2560" s="3">
        <v>2020</v>
      </c>
      <c r="G2560" s="3" t="s">
        <v>98</v>
      </c>
      <c r="H2560" t="s">
        <v>116</v>
      </c>
      <c r="I2560" t="s">
        <v>15</v>
      </c>
      <c r="J2560" s="10">
        <v>80.040000000000006</v>
      </c>
    </row>
    <row r="2561" spans="1:10" x14ac:dyDescent="0.35">
      <c r="A2561" t="s">
        <v>22</v>
      </c>
      <c r="B2561" t="s">
        <v>52</v>
      </c>
      <c r="C2561" t="s">
        <v>114</v>
      </c>
      <c r="D2561" t="s">
        <v>115</v>
      </c>
      <c r="E2561" s="6" t="s">
        <v>131</v>
      </c>
      <c r="F2561" s="3">
        <v>2020</v>
      </c>
      <c r="G2561" s="3" t="s">
        <v>98</v>
      </c>
      <c r="H2561" t="s">
        <v>116</v>
      </c>
      <c r="I2561" t="s">
        <v>15</v>
      </c>
      <c r="J2561" s="10">
        <v>79.989999999999995</v>
      </c>
    </row>
    <row r="2562" spans="1:10" x14ac:dyDescent="0.35">
      <c r="A2562" t="s">
        <v>22</v>
      </c>
      <c r="B2562" t="s">
        <v>55</v>
      </c>
      <c r="C2562" t="s">
        <v>114</v>
      </c>
      <c r="D2562" t="s">
        <v>115</v>
      </c>
      <c r="E2562" s="6" t="s">
        <v>131</v>
      </c>
      <c r="F2562" s="3">
        <v>2020</v>
      </c>
      <c r="G2562" s="3" t="s">
        <v>98</v>
      </c>
      <c r="H2562" t="s">
        <v>116</v>
      </c>
      <c r="I2562" t="s">
        <v>15</v>
      </c>
      <c r="J2562" s="10">
        <v>83.43</v>
      </c>
    </row>
    <row r="2563" spans="1:10" x14ac:dyDescent="0.35">
      <c r="A2563" t="s">
        <v>28</v>
      </c>
      <c r="B2563" t="s">
        <v>58</v>
      </c>
      <c r="C2563" t="s">
        <v>114</v>
      </c>
      <c r="D2563" t="s">
        <v>115</v>
      </c>
      <c r="E2563" s="6" t="s">
        <v>131</v>
      </c>
      <c r="F2563" s="3">
        <v>2020</v>
      </c>
      <c r="G2563" s="3" t="s">
        <v>98</v>
      </c>
      <c r="H2563" t="s">
        <v>116</v>
      </c>
      <c r="I2563" t="s">
        <v>15</v>
      </c>
      <c r="J2563" s="10">
        <v>81.39</v>
      </c>
    </row>
    <row r="2564" spans="1:10" x14ac:dyDescent="0.35">
      <c r="A2564" t="s">
        <v>22</v>
      </c>
      <c r="B2564" t="s">
        <v>54</v>
      </c>
      <c r="C2564" t="s">
        <v>114</v>
      </c>
      <c r="D2564" t="s">
        <v>115</v>
      </c>
      <c r="E2564" s="6" t="s">
        <v>131</v>
      </c>
      <c r="F2564" s="3">
        <v>2020</v>
      </c>
      <c r="G2564" s="3" t="s">
        <v>98</v>
      </c>
      <c r="H2564" t="s">
        <v>116</v>
      </c>
      <c r="I2564" t="s">
        <v>15</v>
      </c>
      <c r="J2564" s="10">
        <v>83.42</v>
      </c>
    </row>
    <row r="2565" spans="1:10" x14ac:dyDescent="0.35">
      <c r="A2565" t="s">
        <v>22</v>
      </c>
      <c r="B2565" t="s">
        <v>56</v>
      </c>
      <c r="C2565" t="s">
        <v>114</v>
      </c>
      <c r="D2565" t="s">
        <v>115</v>
      </c>
      <c r="E2565" s="6" t="s">
        <v>131</v>
      </c>
      <c r="F2565" s="3">
        <v>2020</v>
      </c>
      <c r="G2565" s="3" t="s">
        <v>98</v>
      </c>
      <c r="H2565" t="s">
        <v>116</v>
      </c>
      <c r="I2565" t="s">
        <v>15</v>
      </c>
      <c r="J2565" s="10">
        <v>84.03</v>
      </c>
    </row>
    <row r="2566" spans="1:10" x14ac:dyDescent="0.35">
      <c r="A2566" t="s">
        <v>62</v>
      </c>
      <c r="B2566" t="s">
        <v>63</v>
      </c>
      <c r="C2566" t="s">
        <v>114</v>
      </c>
      <c r="D2566" t="s">
        <v>115</v>
      </c>
      <c r="E2566" s="6" t="s">
        <v>131</v>
      </c>
      <c r="F2566" s="3">
        <v>2020</v>
      </c>
      <c r="G2566" s="3" t="s">
        <v>98</v>
      </c>
      <c r="H2566" t="s">
        <v>116</v>
      </c>
      <c r="I2566" t="s">
        <v>15</v>
      </c>
      <c r="J2566" s="10">
        <v>78.81</v>
      </c>
    </row>
    <row r="2567" spans="1:10" x14ac:dyDescent="0.35">
      <c r="A2567" t="s">
        <v>28</v>
      </c>
      <c r="B2567" t="s">
        <v>61</v>
      </c>
      <c r="C2567" t="s">
        <v>114</v>
      </c>
      <c r="D2567" t="s">
        <v>115</v>
      </c>
      <c r="E2567" s="6" t="s">
        <v>131</v>
      </c>
      <c r="F2567" s="3">
        <v>2020</v>
      </c>
      <c r="G2567" s="3" t="s">
        <v>98</v>
      </c>
      <c r="H2567" t="s">
        <v>116</v>
      </c>
      <c r="I2567" t="s">
        <v>15</v>
      </c>
      <c r="J2567" s="10">
        <v>81.150000000000006</v>
      </c>
    </row>
    <row r="2568" spans="1:10" x14ac:dyDescent="0.35">
      <c r="A2568" t="s">
        <v>20</v>
      </c>
      <c r="B2568" t="s">
        <v>59</v>
      </c>
      <c r="C2568" t="s">
        <v>114</v>
      </c>
      <c r="D2568" t="s">
        <v>115</v>
      </c>
      <c r="E2568" s="6" t="s">
        <v>131</v>
      </c>
      <c r="F2568" s="3">
        <v>2020</v>
      </c>
      <c r="G2568" s="3" t="s">
        <v>98</v>
      </c>
      <c r="H2568" t="s">
        <v>116</v>
      </c>
      <c r="I2568" t="s">
        <v>15</v>
      </c>
      <c r="J2568" s="10">
        <v>80.63</v>
      </c>
    </row>
    <row r="2569" spans="1:10" x14ac:dyDescent="0.35">
      <c r="A2569" t="s">
        <v>26</v>
      </c>
      <c r="B2569" t="s">
        <v>57</v>
      </c>
      <c r="C2569" t="s">
        <v>114</v>
      </c>
      <c r="D2569" t="s">
        <v>115</v>
      </c>
      <c r="E2569" s="6" t="s">
        <v>131</v>
      </c>
      <c r="F2569" s="3">
        <v>2020</v>
      </c>
      <c r="G2569" s="3" t="s">
        <v>98</v>
      </c>
      <c r="H2569" t="s">
        <v>116</v>
      </c>
      <c r="I2569" t="s">
        <v>15</v>
      </c>
      <c r="J2569" s="10">
        <v>83.03</v>
      </c>
    </row>
    <row r="2570" spans="1:10" x14ac:dyDescent="0.35">
      <c r="A2570" t="s">
        <v>22</v>
      </c>
      <c r="B2570" t="s">
        <v>53</v>
      </c>
      <c r="C2570" t="s">
        <v>114</v>
      </c>
      <c r="D2570" t="s">
        <v>115</v>
      </c>
      <c r="E2570" s="6" t="s">
        <v>131</v>
      </c>
      <c r="F2570" s="3">
        <v>2020</v>
      </c>
      <c r="G2570" s="3" t="s">
        <v>98</v>
      </c>
      <c r="H2570" t="s">
        <v>116</v>
      </c>
      <c r="I2570" t="s">
        <v>15</v>
      </c>
      <c r="J2570" s="10">
        <v>80.23</v>
      </c>
    </row>
    <row r="2571" spans="1:10" x14ac:dyDescent="0.35">
      <c r="A2571" t="s">
        <v>33</v>
      </c>
      <c r="B2571" t="s">
        <v>75</v>
      </c>
      <c r="C2571" t="s">
        <v>114</v>
      </c>
      <c r="D2571" t="s">
        <v>115</v>
      </c>
      <c r="E2571" s="6" t="s">
        <v>131</v>
      </c>
      <c r="F2571" s="3">
        <v>2020</v>
      </c>
      <c r="G2571" s="3" t="s">
        <v>98</v>
      </c>
      <c r="H2571" t="s">
        <v>116</v>
      </c>
      <c r="I2571" t="s">
        <v>15</v>
      </c>
      <c r="J2571" s="10">
        <v>80.150000000000006</v>
      </c>
    </row>
    <row r="2572" spans="1:10" x14ac:dyDescent="0.35">
      <c r="A2572" t="s">
        <v>62</v>
      </c>
      <c r="B2572" t="s">
        <v>69</v>
      </c>
      <c r="C2572" t="s">
        <v>114</v>
      </c>
      <c r="D2572" t="s">
        <v>115</v>
      </c>
      <c r="E2572" s="6" t="s">
        <v>131</v>
      </c>
      <c r="F2572" s="3">
        <v>2020</v>
      </c>
      <c r="G2572" s="3" t="s">
        <v>98</v>
      </c>
      <c r="H2572" t="s">
        <v>116</v>
      </c>
      <c r="I2572" t="s">
        <v>15</v>
      </c>
      <c r="J2572" s="10">
        <v>77.97</v>
      </c>
    </row>
    <row r="2573" spans="1:10" x14ac:dyDescent="0.35">
      <c r="A2573" t="s">
        <v>20</v>
      </c>
      <c r="B2573" t="s">
        <v>72</v>
      </c>
      <c r="C2573" t="s">
        <v>114</v>
      </c>
      <c r="D2573" t="s">
        <v>115</v>
      </c>
      <c r="E2573" s="6" t="s">
        <v>131</v>
      </c>
      <c r="F2573" s="3">
        <v>2020</v>
      </c>
      <c r="G2573" s="3" t="s">
        <v>98</v>
      </c>
      <c r="H2573" t="s">
        <v>116</v>
      </c>
      <c r="I2573" t="s">
        <v>15</v>
      </c>
      <c r="J2573" s="10">
        <v>79.489999999999995</v>
      </c>
    </row>
    <row r="2574" spans="1:10" x14ac:dyDescent="0.35">
      <c r="A2574" t="s">
        <v>62</v>
      </c>
      <c r="B2574" t="s">
        <v>67</v>
      </c>
      <c r="C2574" t="s">
        <v>114</v>
      </c>
      <c r="D2574" t="s">
        <v>115</v>
      </c>
      <c r="E2574" s="6" t="s">
        <v>131</v>
      </c>
      <c r="F2574" s="3">
        <v>2020</v>
      </c>
      <c r="G2574" s="3" t="s">
        <v>98</v>
      </c>
      <c r="H2574" t="s">
        <v>116</v>
      </c>
      <c r="I2574" t="s">
        <v>15</v>
      </c>
      <c r="J2574" s="10">
        <v>77.900000000000006</v>
      </c>
    </row>
    <row r="2575" spans="1:10" x14ac:dyDescent="0.35">
      <c r="A2575" t="s">
        <v>26</v>
      </c>
      <c r="B2575" t="s">
        <v>91</v>
      </c>
      <c r="C2575" t="s">
        <v>114</v>
      </c>
      <c r="D2575" t="s">
        <v>115</v>
      </c>
      <c r="E2575" s="6" t="s">
        <v>131</v>
      </c>
      <c r="F2575" s="3">
        <v>2020</v>
      </c>
      <c r="G2575" s="3" t="s">
        <v>98</v>
      </c>
      <c r="H2575" t="s">
        <v>116</v>
      </c>
      <c r="I2575" t="s">
        <v>15</v>
      </c>
      <c r="J2575" s="10">
        <v>82.35</v>
      </c>
    </row>
    <row r="2576" spans="1:10" x14ac:dyDescent="0.35">
      <c r="A2576" t="s">
        <v>28</v>
      </c>
      <c r="B2576" t="s">
        <v>74</v>
      </c>
      <c r="C2576" t="s">
        <v>114</v>
      </c>
      <c r="D2576" t="s">
        <v>115</v>
      </c>
      <c r="E2576" s="6" t="s">
        <v>131</v>
      </c>
      <c r="F2576" s="3">
        <v>2020</v>
      </c>
      <c r="G2576" s="3" t="s">
        <v>98</v>
      </c>
      <c r="H2576" t="s">
        <v>116</v>
      </c>
      <c r="I2576" t="s">
        <v>15</v>
      </c>
      <c r="J2576" s="10">
        <v>80.23</v>
      </c>
    </row>
    <row r="2577" spans="1:10" x14ac:dyDescent="0.35">
      <c r="A2577" t="s">
        <v>10</v>
      </c>
      <c r="B2577" t="s">
        <v>46</v>
      </c>
      <c r="C2577" t="s">
        <v>114</v>
      </c>
      <c r="D2577" t="s">
        <v>115</v>
      </c>
      <c r="E2577" s="6" t="s">
        <v>131</v>
      </c>
      <c r="F2577" s="3">
        <v>2020</v>
      </c>
      <c r="G2577" s="3" t="s">
        <v>98</v>
      </c>
      <c r="H2577" t="s">
        <v>116</v>
      </c>
      <c r="I2577" t="s">
        <v>15</v>
      </c>
      <c r="J2577" s="10">
        <v>78.510000000000005</v>
      </c>
    </row>
    <row r="2578" spans="1:10" x14ac:dyDescent="0.35">
      <c r="A2578" t="s">
        <v>22</v>
      </c>
      <c r="B2578" t="s">
        <v>51</v>
      </c>
      <c r="C2578" t="s">
        <v>114</v>
      </c>
      <c r="D2578" t="s">
        <v>115</v>
      </c>
      <c r="E2578" s="6" t="s">
        <v>131</v>
      </c>
      <c r="F2578" s="3">
        <v>2020</v>
      </c>
      <c r="G2578" s="3" t="s">
        <v>98</v>
      </c>
      <c r="H2578" t="s">
        <v>116</v>
      </c>
      <c r="I2578" t="s">
        <v>15</v>
      </c>
      <c r="J2578" s="10">
        <v>83.74</v>
      </c>
    </row>
    <row r="2579" spans="1:10" x14ac:dyDescent="0.35">
      <c r="A2579" t="s">
        <v>28</v>
      </c>
      <c r="B2579" t="s">
        <v>49</v>
      </c>
      <c r="C2579" t="s">
        <v>114</v>
      </c>
      <c r="D2579" t="s">
        <v>115</v>
      </c>
      <c r="E2579" s="6" t="s">
        <v>131</v>
      </c>
      <c r="F2579" s="3">
        <v>2020</v>
      </c>
      <c r="G2579" s="3" t="s">
        <v>98</v>
      </c>
      <c r="H2579" t="s">
        <v>116</v>
      </c>
      <c r="I2579" t="s">
        <v>15</v>
      </c>
      <c r="J2579" s="10">
        <v>83.09</v>
      </c>
    </row>
    <row r="2580" spans="1:10" x14ac:dyDescent="0.35">
      <c r="A2580" t="s">
        <v>35</v>
      </c>
      <c r="B2580" t="s">
        <v>84</v>
      </c>
      <c r="C2580" t="s">
        <v>114</v>
      </c>
      <c r="D2580" t="s">
        <v>115</v>
      </c>
      <c r="E2580" s="6" t="s">
        <v>131</v>
      </c>
      <c r="F2580" s="3">
        <v>2020</v>
      </c>
      <c r="G2580" s="3" t="s">
        <v>98</v>
      </c>
      <c r="H2580" t="s">
        <v>116</v>
      </c>
      <c r="I2580" t="s">
        <v>15</v>
      </c>
      <c r="J2580" s="10">
        <v>79.069999999999993</v>
      </c>
    </row>
    <row r="2581" spans="1:10" x14ac:dyDescent="0.35">
      <c r="A2581" t="s">
        <v>20</v>
      </c>
      <c r="B2581" t="s">
        <v>81</v>
      </c>
      <c r="C2581" t="s">
        <v>114</v>
      </c>
      <c r="D2581" t="s">
        <v>115</v>
      </c>
      <c r="E2581" s="6" t="s">
        <v>131</v>
      </c>
      <c r="F2581" s="3">
        <v>2020</v>
      </c>
      <c r="G2581" s="3" t="s">
        <v>98</v>
      </c>
      <c r="H2581" t="s">
        <v>116</v>
      </c>
      <c r="I2581" t="s">
        <v>15</v>
      </c>
      <c r="J2581" s="10">
        <v>78.59</v>
      </c>
    </row>
    <row r="2582" spans="1:10" x14ac:dyDescent="0.35">
      <c r="A2582" t="s">
        <v>28</v>
      </c>
      <c r="B2582" t="s">
        <v>79</v>
      </c>
      <c r="C2582" t="s">
        <v>114</v>
      </c>
      <c r="D2582" t="s">
        <v>115</v>
      </c>
      <c r="E2582" s="6" t="s">
        <v>131</v>
      </c>
      <c r="F2582" s="3">
        <v>2020</v>
      </c>
      <c r="G2582" s="3" t="s">
        <v>98</v>
      </c>
      <c r="H2582" t="s">
        <v>116</v>
      </c>
      <c r="I2582" t="s">
        <v>15</v>
      </c>
      <c r="J2582" s="10">
        <v>83.05</v>
      </c>
    </row>
    <row r="2583" spans="1:10" x14ac:dyDescent="0.35">
      <c r="A2583" t="s">
        <v>20</v>
      </c>
      <c r="B2583" t="s">
        <v>48</v>
      </c>
      <c r="C2583" t="s">
        <v>114</v>
      </c>
      <c r="D2583" t="s">
        <v>115</v>
      </c>
      <c r="E2583" s="6" t="s">
        <v>131</v>
      </c>
      <c r="F2583" s="3">
        <v>2020</v>
      </c>
      <c r="G2583" s="3" t="s">
        <v>98</v>
      </c>
      <c r="H2583" t="s">
        <v>116</v>
      </c>
      <c r="I2583" t="s">
        <v>15</v>
      </c>
      <c r="J2583" s="10">
        <v>81.45</v>
      </c>
    </row>
    <row r="2584" spans="1:10" x14ac:dyDescent="0.35">
      <c r="A2584" t="s">
        <v>33</v>
      </c>
      <c r="B2584" t="s">
        <v>39</v>
      </c>
      <c r="C2584" t="s">
        <v>114</v>
      </c>
      <c r="D2584" t="s">
        <v>115</v>
      </c>
      <c r="E2584" s="6" t="s">
        <v>131</v>
      </c>
      <c r="F2584" s="3">
        <v>2020</v>
      </c>
      <c r="G2584" s="3" t="s">
        <v>98</v>
      </c>
      <c r="H2584" t="s">
        <v>116</v>
      </c>
      <c r="I2584" t="s">
        <v>15</v>
      </c>
      <c r="J2584" s="10">
        <v>80.400000000000006</v>
      </c>
    </row>
    <row r="2585" spans="1:10" x14ac:dyDescent="0.35">
      <c r="A2585" t="s">
        <v>35</v>
      </c>
      <c r="B2585" t="s">
        <v>50</v>
      </c>
      <c r="C2585" t="s">
        <v>114</v>
      </c>
      <c r="D2585" t="s">
        <v>115</v>
      </c>
      <c r="E2585" s="6" t="s">
        <v>131</v>
      </c>
      <c r="F2585" s="3">
        <v>2020</v>
      </c>
      <c r="G2585" s="3" t="s">
        <v>98</v>
      </c>
      <c r="H2585" t="s">
        <v>116</v>
      </c>
      <c r="I2585" t="s">
        <v>15</v>
      </c>
      <c r="J2585" s="10">
        <v>84.88</v>
      </c>
    </row>
    <row r="2586" spans="1:10" x14ac:dyDescent="0.35">
      <c r="A2586" t="s">
        <v>10</v>
      </c>
      <c r="B2586" t="s">
        <v>45</v>
      </c>
      <c r="C2586" t="s">
        <v>114</v>
      </c>
      <c r="D2586" t="s">
        <v>115</v>
      </c>
      <c r="E2586" s="6" t="s">
        <v>131</v>
      </c>
      <c r="F2586" s="3">
        <v>2020</v>
      </c>
      <c r="G2586" s="3" t="s">
        <v>98</v>
      </c>
      <c r="H2586" t="s">
        <v>116</v>
      </c>
      <c r="I2586" t="s">
        <v>15</v>
      </c>
      <c r="J2586" s="10">
        <v>80.239999999999995</v>
      </c>
    </row>
    <row r="2587" spans="1:10" x14ac:dyDescent="0.35">
      <c r="A2587" t="s">
        <v>35</v>
      </c>
      <c r="B2587" t="s">
        <v>43</v>
      </c>
      <c r="C2587" t="s">
        <v>114</v>
      </c>
      <c r="D2587" t="s">
        <v>115</v>
      </c>
      <c r="E2587" s="6" t="s">
        <v>131</v>
      </c>
      <c r="F2587" s="3">
        <v>2020</v>
      </c>
      <c r="G2587" s="3" t="s">
        <v>98</v>
      </c>
      <c r="H2587" t="s">
        <v>116</v>
      </c>
      <c r="I2587" t="s">
        <v>15</v>
      </c>
      <c r="J2587" s="10">
        <v>80.010000000000005</v>
      </c>
    </row>
    <row r="2588" spans="1:10" x14ac:dyDescent="0.35">
      <c r="A2588" t="s">
        <v>35</v>
      </c>
      <c r="B2588" t="s">
        <v>42</v>
      </c>
      <c r="C2588" t="s">
        <v>114</v>
      </c>
      <c r="D2588" t="s">
        <v>115</v>
      </c>
      <c r="E2588" s="6" t="s">
        <v>131</v>
      </c>
      <c r="F2588" s="3">
        <v>2020</v>
      </c>
      <c r="G2588" s="3" t="s">
        <v>98</v>
      </c>
      <c r="H2588" t="s">
        <v>116</v>
      </c>
      <c r="I2588" t="s">
        <v>15</v>
      </c>
      <c r="J2588" s="10">
        <v>78.84</v>
      </c>
    </row>
    <row r="2589" spans="1:10" x14ac:dyDescent="0.35">
      <c r="A2589" t="s">
        <v>20</v>
      </c>
      <c r="B2589" t="s">
        <v>40</v>
      </c>
      <c r="C2589" t="s">
        <v>114</v>
      </c>
      <c r="D2589" t="s">
        <v>115</v>
      </c>
      <c r="E2589" s="6" t="s">
        <v>131</v>
      </c>
      <c r="F2589" s="3">
        <v>2020</v>
      </c>
      <c r="G2589" s="3" t="s">
        <v>98</v>
      </c>
      <c r="H2589" t="s">
        <v>116</v>
      </c>
      <c r="I2589" t="s">
        <v>15</v>
      </c>
      <c r="J2589" s="10">
        <v>81.11</v>
      </c>
    </row>
    <row r="2590" spans="1:10" x14ac:dyDescent="0.35">
      <c r="A2590" t="s">
        <v>28</v>
      </c>
      <c r="B2590" t="s">
        <v>44</v>
      </c>
      <c r="C2590" t="s">
        <v>114</v>
      </c>
      <c r="D2590" t="s">
        <v>115</v>
      </c>
      <c r="E2590" s="6" t="s">
        <v>131</v>
      </c>
      <c r="F2590" s="3">
        <v>2020</v>
      </c>
      <c r="G2590" s="3" t="s">
        <v>98</v>
      </c>
      <c r="H2590" t="s">
        <v>116</v>
      </c>
      <c r="I2590" t="s">
        <v>15</v>
      </c>
      <c r="J2590" s="10">
        <v>81.760000000000005</v>
      </c>
    </row>
    <row r="2591" spans="1:10" x14ac:dyDescent="0.35">
      <c r="A2591" t="s">
        <v>33</v>
      </c>
      <c r="B2591" t="s">
        <v>47</v>
      </c>
      <c r="C2591" t="s">
        <v>114</v>
      </c>
      <c r="D2591" t="s">
        <v>115</v>
      </c>
      <c r="E2591" s="6" t="s">
        <v>131</v>
      </c>
      <c r="F2591" s="3">
        <v>2020</v>
      </c>
      <c r="G2591" s="3" t="s">
        <v>98</v>
      </c>
      <c r="H2591" t="s">
        <v>116</v>
      </c>
      <c r="I2591" t="s">
        <v>15</v>
      </c>
      <c r="J2591" s="10">
        <v>82.11</v>
      </c>
    </row>
    <row r="2592" spans="1:10" x14ac:dyDescent="0.35">
      <c r="A2592" t="s">
        <v>35</v>
      </c>
      <c r="B2592" t="s">
        <v>41</v>
      </c>
      <c r="C2592" t="s">
        <v>114</v>
      </c>
      <c r="D2592" t="s">
        <v>115</v>
      </c>
      <c r="E2592" s="6" t="s">
        <v>131</v>
      </c>
      <c r="F2592" s="3">
        <v>2020</v>
      </c>
      <c r="G2592" s="3" t="s">
        <v>98</v>
      </c>
      <c r="H2592" t="s">
        <v>116</v>
      </c>
      <c r="I2592" t="s">
        <v>15</v>
      </c>
      <c r="J2592" s="10">
        <v>81.22</v>
      </c>
    </row>
    <row r="2593" spans="1:10" x14ac:dyDescent="0.35">
      <c r="A2593" t="s">
        <v>26</v>
      </c>
      <c r="B2593" t="s">
        <v>83</v>
      </c>
      <c r="C2593" t="s">
        <v>114</v>
      </c>
      <c r="D2593" t="s">
        <v>115</v>
      </c>
      <c r="E2593" s="6" t="s">
        <v>131</v>
      </c>
      <c r="F2593" s="3">
        <v>2020</v>
      </c>
      <c r="G2593" s="3" t="s">
        <v>98</v>
      </c>
      <c r="H2593" t="s">
        <v>116</v>
      </c>
      <c r="I2593" t="s">
        <v>15</v>
      </c>
      <c r="J2593" s="10">
        <v>83.49</v>
      </c>
    </row>
    <row r="2594" spans="1:10" x14ac:dyDescent="0.35">
      <c r="A2594" t="s">
        <v>35</v>
      </c>
      <c r="B2594" t="s">
        <v>88</v>
      </c>
      <c r="C2594" t="s">
        <v>114</v>
      </c>
      <c r="D2594" t="s">
        <v>115</v>
      </c>
      <c r="E2594" s="6" t="s">
        <v>131</v>
      </c>
      <c r="F2594" s="3">
        <v>2020</v>
      </c>
      <c r="G2594" s="3" t="s">
        <v>98</v>
      </c>
      <c r="H2594" t="s">
        <v>116</v>
      </c>
      <c r="I2594" t="s">
        <v>15</v>
      </c>
      <c r="J2594" s="10">
        <v>81.42</v>
      </c>
    </row>
    <row r="2595" spans="1:10" x14ac:dyDescent="0.35">
      <c r="A2595" t="s">
        <v>33</v>
      </c>
      <c r="B2595" t="s">
        <v>86</v>
      </c>
      <c r="C2595" t="s">
        <v>114</v>
      </c>
      <c r="D2595" t="s">
        <v>115</v>
      </c>
      <c r="E2595" s="6" t="s">
        <v>131</v>
      </c>
      <c r="F2595" s="3">
        <v>2020</v>
      </c>
      <c r="G2595" s="3" t="s">
        <v>98</v>
      </c>
      <c r="H2595" t="s">
        <v>116</v>
      </c>
      <c r="I2595" t="s">
        <v>15</v>
      </c>
      <c r="J2595" s="10">
        <v>83.59</v>
      </c>
    </row>
    <row r="2596" spans="1:10" x14ac:dyDescent="0.35">
      <c r="A2596" t="s">
        <v>35</v>
      </c>
      <c r="B2596" t="s">
        <v>87</v>
      </c>
      <c r="C2596" t="s">
        <v>114</v>
      </c>
      <c r="D2596" t="s">
        <v>115</v>
      </c>
      <c r="E2596" s="6" t="s">
        <v>131</v>
      </c>
      <c r="F2596" s="3">
        <v>2020</v>
      </c>
      <c r="G2596" s="3" t="s">
        <v>98</v>
      </c>
      <c r="H2596" t="s">
        <v>116</v>
      </c>
      <c r="I2596" t="s">
        <v>15</v>
      </c>
      <c r="J2596" s="10">
        <v>81.349999999999994</v>
      </c>
    </row>
    <row r="2597" spans="1:10" x14ac:dyDescent="0.35">
      <c r="A2597" t="s">
        <v>33</v>
      </c>
      <c r="B2597" t="s">
        <v>85</v>
      </c>
      <c r="C2597" t="s">
        <v>114</v>
      </c>
      <c r="D2597" t="s">
        <v>115</v>
      </c>
      <c r="E2597" s="6" t="s">
        <v>131</v>
      </c>
      <c r="F2597" s="3">
        <v>2020</v>
      </c>
      <c r="G2597" s="3" t="s">
        <v>98</v>
      </c>
      <c r="H2597" t="s">
        <v>116</v>
      </c>
      <c r="I2597" t="s">
        <v>15</v>
      </c>
      <c r="J2597" s="10">
        <v>82.14</v>
      </c>
    </row>
    <row r="2598" spans="1:10" x14ac:dyDescent="0.35">
      <c r="A2598" t="s">
        <v>22</v>
      </c>
      <c r="B2598" t="s">
        <v>76</v>
      </c>
      <c r="C2598" t="s">
        <v>114</v>
      </c>
      <c r="D2598" t="s">
        <v>115</v>
      </c>
      <c r="E2598" s="6" t="s">
        <v>131</v>
      </c>
      <c r="F2598" s="3">
        <v>2020</v>
      </c>
      <c r="G2598" s="3" t="s">
        <v>98</v>
      </c>
      <c r="H2598" t="s">
        <v>116</v>
      </c>
      <c r="I2598" t="s">
        <v>15</v>
      </c>
      <c r="J2598" s="10">
        <v>80.25</v>
      </c>
    </row>
    <row r="2599" spans="1:10" x14ac:dyDescent="0.35">
      <c r="A2599" t="s">
        <v>62</v>
      </c>
      <c r="B2599" t="s">
        <v>68</v>
      </c>
      <c r="C2599" t="s">
        <v>114</v>
      </c>
      <c r="D2599" t="s">
        <v>115</v>
      </c>
      <c r="E2599" s="6" t="s">
        <v>131</v>
      </c>
      <c r="F2599" s="3">
        <v>2020</v>
      </c>
      <c r="G2599" s="3" t="s">
        <v>98</v>
      </c>
      <c r="H2599" t="s">
        <v>116</v>
      </c>
      <c r="I2599" t="s">
        <v>15</v>
      </c>
      <c r="J2599" s="10">
        <v>77.28</v>
      </c>
    </row>
    <row r="2600" spans="1:10" x14ac:dyDescent="0.35">
      <c r="A2600" t="s">
        <v>62</v>
      </c>
      <c r="B2600" t="s">
        <v>89</v>
      </c>
      <c r="C2600" t="s">
        <v>114</v>
      </c>
      <c r="D2600" t="s">
        <v>115</v>
      </c>
      <c r="E2600" s="6" t="s">
        <v>131</v>
      </c>
      <c r="F2600" s="3">
        <v>2020</v>
      </c>
      <c r="G2600" s="3" t="s">
        <v>98</v>
      </c>
      <c r="H2600" t="s">
        <v>116</v>
      </c>
      <c r="I2600" t="s">
        <v>15</v>
      </c>
      <c r="J2600" s="10">
        <v>79.78</v>
      </c>
    </row>
    <row r="2601" spans="1:10" x14ac:dyDescent="0.35">
      <c r="A2601" t="s">
        <v>26</v>
      </c>
      <c r="B2601" t="s">
        <v>90</v>
      </c>
      <c r="C2601" t="s">
        <v>114</v>
      </c>
      <c r="D2601" t="s">
        <v>115</v>
      </c>
      <c r="E2601" s="6" t="s">
        <v>131</v>
      </c>
      <c r="F2601" s="3">
        <v>2020</v>
      </c>
      <c r="G2601" s="3" t="s">
        <v>98</v>
      </c>
      <c r="H2601" t="s">
        <v>116</v>
      </c>
      <c r="I2601" t="s">
        <v>15</v>
      </c>
      <c r="J2601" s="10">
        <v>83.21</v>
      </c>
    </row>
    <row r="2602" spans="1:10" x14ac:dyDescent="0.35">
      <c r="A2602" t="s">
        <v>35</v>
      </c>
      <c r="B2602" t="s">
        <v>71</v>
      </c>
      <c r="C2602" t="s">
        <v>114</v>
      </c>
      <c r="D2602" t="s">
        <v>115</v>
      </c>
      <c r="E2602" s="6" t="s">
        <v>131</v>
      </c>
      <c r="F2602" s="3">
        <v>2020</v>
      </c>
      <c r="G2602" s="3" t="s">
        <v>98</v>
      </c>
      <c r="H2602" t="s">
        <v>116</v>
      </c>
      <c r="I2602" t="s">
        <v>15</v>
      </c>
      <c r="J2602" s="10">
        <v>78.459999999999994</v>
      </c>
    </row>
    <row r="2603" spans="1:10" x14ac:dyDescent="0.35">
      <c r="A2603" t="s">
        <v>26</v>
      </c>
      <c r="B2603" t="s">
        <v>80</v>
      </c>
      <c r="C2603" t="s">
        <v>114</v>
      </c>
      <c r="D2603" t="s">
        <v>115</v>
      </c>
      <c r="E2603" s="6" t="s">
        <v>131</v>
      </c>
      <c r="F2603" s="3">
        <v>2020</v>
      </c>
      <c r="G2603" s="3" t="s">
        <v>98</v>
      </c>
      <c r="H2603" t="s">
        <v>116</v>
      </c>
      <c r="I2603" t="s">
        <v>15</v>
      </c>
      <c r="J2603" s="10">
        <v>81.87</v>
      </c>
    </row>
    <row r="2604" spans="1:10" x14ac:dyDescent="0.35">
      <c r="A2604" t="s">
        <v>33</v>
      </c>
      <c r="B2604" t="s">
        <v>82</v>
      </c>
      <c r="C2604" t="s">
        <v>114</v>
      </c>
      <c r="D2604" t="s">
        <v>115</v>
      </c>
      <c r="E2604" s="6" t="s">
        <v>131</v>
      </c>
      <c r="F2604" s="3">
        <v>2020</v>
      </c>
      <c r="G2604" s="3" t="s">
        <v>98</v>
      </c>
      <c r="H2604" t="s">
        <v>116</v>
      </c>
      <c r="I2604" t="s">
        <v>15</v>
      </c>
      <c r="J2604" s="10">
        <v>83.64</v>
      </c>
    </row>
    <row r="2605" spans="1:10" x14ac:dyDescent="0.35">
      <c r="A2605" t="s">
        <v>62</v>
      </c>
      <c r="B2605" t="s">
        <v>70</v>
      </c>
      <c r="C2605" t="s">
        <v>114</v>
      </c>
      <c r="D2605" t="s">
        <v>115</v>
      </c>
      <c r="E2605" s="6" t="s">
        <v>131</v>
      </c>
      <c r="F2605" s="3">
        <v>2020</v>
      </c>
      <c r="G2605" s="3" t="s">
        <v>98</v>
      </c>
      <c r="H2605" t="s">
        <v>116</v>
      </c>
      <c r="I2605" t="s">
        <v>15</v>
      </c>
      <c r="J2605" s="10">
        <v>78.150000000000006</v>
      </c>
    </row>
    <row r="2606" spans="1:10" x14ac:dyDescent="0.35">
      <c r="A2606" t="s">
        <v>22</v>
      </c>
      <c r="B2606" t="s">
        <v>78</v>
      </c>
      <c r="C2606" t="s">
        <v>114</v>
      </c>
      <c r="D2606" t="s">
        <v>115</v>
      </c>
      <c r="E2606" s="6" t="s">
        <v>131</v>
      </c>
      <c r="F2606" s="3">
        <v>2020</v>
      </c>
      <c r="G2606" s="3" t="s">
        <v>98</v>
      </c>
      <c r="H2606" t="s">
        <v>116</v>
      </c>
      <c r="I2606" t="s">
        <v>15</v>
      </c>
      <c r="J2606" s="10">
        <v>80.98</v>
      </c>
    </row>
    <row r="2607" spans="1:10" x14ac:dyDescent="0.35">
      <c r="A2607" t="s">
        <v>20</v>
      </c>
      <c r="B2607" t="s">
        <v>94</v>
      </c>
      <c r="C2607" t="s">
        <v>114</v>
      </c>
      <c r="D2607" t="s">
        <v>115</v>
      </c>
      <c r="E2607" s="6" t="s">
        <v>131</v>
      </c>
      <c r="F2607" s="3">
        <v>2020</v>
      </c>
      <c r="G2607" s="3" t="s">
        <v>98</v>
      </c>
      <c r="H2607" t="s">
        <v>116</v>
      </c>
      <c r="I2607" t="s">
        <v>15</v>
      </c>
      <c r="J2607" s="10">
        <v>79.41</v>
      </c>
    </row>
    <row r="2608" spans="1:10" x14ac:dyDescent="0.35">
      <c r="A2608" t="s">
        <v>35</v>
      </c>
      <c r="B2608" t="s">
        <v>93</v>
      </c>
      <c r="C2608" t="s">
        <v>114</v>
      </c>
      <c r="D2608" t="s">
        <v>115</v>
      </c>
      <c r="E2608" s="6" t="s">
        <v>131</v>
      </c>
      <c r="F2608" s="3">
        <v>2020</v>
      </c>
      <c r="G2608" s="3" t="s">
        <v>98</v>
      </c>
      <c r="H2608" t="s">
        <v>116</v>
      </c>
      <c r="I2608" t="s">
        <v>15</v>
      </c>
      <c r="J2608" s="10">
        <v>83.05</v>
      </c>
    </row>
    <row r="2609" spans="1:10" x14ac:dyDescent="0.35">
      <c r="A2609" t="s">
        <v>33</v>
      </c>
      <c r="B2609" t="s">
        <v>77</v>
      </c>
      <c r="C2609" t="s">
        <v>114</v>
      </c>
      <c r="D2609" t="s">
        <v>115</v>
      </c>
      <c r="E2609" s="6" t="s">
        <v>131</v>
      </c>
      <c r="F2609" s="3">
        <v>2020</v>
      </c>
      <c r="G2609" s="3" t="s">
        <v>98</v>
      </c>
      <c r="H2609" t="s">
        <v>116</v>
      </c>
      <c r="I2609" t="s">
        <v>15</v>
      </c>
      <c r="J2609" s="10">
        <v>80.819999999999993</v>
      </c>
    </row>
    <row r="2610" spans="1:10" x14ac:dyDescent="0.35">
      <c r="A2610" t="s">
        <v>10</v>
      </c>
      <c r="B2610" t="s">
        <v>11</v>
      </c>
      <c r="C2610" t="s">
        <v>114</v>
      </c>
      <c r="D2610" t="s">
        <v>115</v>
      </c>
      <c r="E2610" s="6" t="s">
        <v>131</v>
      </c>
      <c r="F2610" s="3">
        <v>2020</v>
      </c>
      <c r="G2610" s="3" t="s">
        <v>98</v>
      </c>
      <c r="H2610" t="s">
        <v>116</v>
      </c>
      <c r="I2610" t="s">
        <v>15</v>
      </c>
      <c r="J2610" s="10">
        <v>80.7</v>
      </c>
    </row>
    <row r="2611" spans="1:10" x14ac:dyDescent="0.35">
      <c r="A2611" t="s">
        <v>10</v>
      </c>
      <c r="B2611" t="s">
        <v>17</v>
      </c>
      <c r="C2611" t="s">
        <v>114</v>
      </c>
      <c r="D2611" t="s">
        <v>115</v>
      </c>
      <c r="E2611" s="6" t="s">
        <v>131</v>
      </c>
      <c r="F2611" s="3">
        <v>2020</v>
      </c>
      <c r="G2611" s="3" t="s">
        <v>98</v>
      </c>
      <c r="H2611" t="s">
        <v>116</v>
      </c>
      <c r="I2611" t="s">
        <v>15</v>
      </c>
      <c r="J2611" s="10">
        <v>83.11</v>
      </c>
    </row>
    <row r="2612" spans="1:10" x14ac:dyDescent="0.35">
      <c r="A2612" t="s">
        <v>10</v>
      </c>
      <c r="B2612" t="s">
        <v>16</v>
      </c>
      <c r="C2612" t="s">
        <v>114</v>
      </c>
      <c r="D2612" t="s">
        <v>115</v>
      </c>
      <c r="E2612" s="6" t="s">
        <v>131</v>
      </c>
      <c r="F2612" s="3">
        <v>2020</v>
      </c>
      <c r="G2612" s="3" t="s">
        <v>98</v>
      </c>
      <c r="H2612" t="s">
        <v>116</v>
      </c>
      <c r="I2612" t="s">
        <v>15</v>
      </c>
      <c r="J2612" s="10">
        <v>80.3</v>
      </c>
    </row>
    <row r="2613" spans="1:10" x14ac:dyDescent="0.35">
      <c r="A2613" t="s">
        <v>10</v>
      </c>
      <c r="B2613" t="s">
        <v>18</v>
      </c>
      <c r="C2613" t="s">
        <v>114</v>
      </c>
      <c r="D2613" t="s">
        <v>115</v>
      </c>
      <c r="E2613" s="6" t="s">
        <v>131</v>
      </c>
      <c r="F2613" s="3">
        <v>2020</v>
      </c>
      <c r="G2613" s="3" t="s">
        <v>98</v>
      </c>
      <c r="H2613" t="s">
        <v>116</v>
      </c>
      <c r="I2613" t="s">
        <v>15</v>
      </c>
      <c r="J2613" s="10">
        <v>82.93</v>
      </c>
    </row>
    <row r="2614" spans="1:10" x14ac:dyDescent="0.35">
      <c r="A2614" t="s">
        <v>26</v>
      </c>
      <c r="B2614" t="s">
        <v>73</v>
      </c>
      <c r="C2614" t="s">
        <v>114</v>
      </c>
      <c r="D2614" t="s">
        <v>115</v>
      </c>
      <c r="E2614" s="6" t="s">
        <v>131</v>
      </c>
      <c r="F2614" s="3">
        <v>2020</v>
      </c>
      <c r="G2614" s="3" t="s">
        <v>98</v>
      </c>
      <c r="H2614" t="s">
        <v>116</v>
      </c>
      <c r="I2614" t="s">
        <v>15</v>
      </c>
      <c r="J2614" s="10">
        <v>81.709999999999994</v>
      </c>
    </row>
    <row r="2615" spans="1:10" x14ac:dyDescent="0.35">
      <c r="A2615" t="s">
        <v>33</v>
      </c>
      <c r="B2615" t="s">
        <v>92</v>
      </c>
      <c r="C2615" t="s">
        <v>114</v>
      </c>
      <c r="D2615" t="s">
        <v>115</v>
      </c>
      <c r="E2615" s="6" t="s">
        <v>131</v>
      </c>
      <c r="F2615" s="3">
        <v>2020</v>
      </c>
      <c r="G2615" s="3" t="s">
        <v>98</v>
      </c>
      <c r="H2615" t="s">
        <v>116</v>
      </c>
      <c r="I2615" t="s">
        <v>15</v>
      </c>
      <c r="J2615" s="10">
        <v>81.44</v>
      </c>
    </row>
    <row r="2616" spans="1:10" x14ac:dyDescent="0.35">
      <c r="A2616" t="s">
        <v>22</v>
      </c>
      <c r="B2616" t="s">
        <v>23</v>
      </c>
      <c r="C2616" t="s">
        <v>114</v>
      </c>
      <c r="D2616" t="s">
        <v>115</v>
      </c>
      <c r="E2616" s="6" t="s">
        <v>131</v>
      </c>
      <c r="F2616" s="3">
        <v>2020</v>
      </c>
      <c r="G2616" s="3" t="s">
        <v>98</v>
      </c>
      <c r="H2616" t="s">
        <v>116</v>
      </c>
      <c r="I2616" t="s">
        <v>15</v>
      </c>
      <c r="J2616" s="10">
        <v>80.72</v>
      </c>
    </row>
    <row r="2617" spans="1:10" x14ac:dyDescent="0.35">
      <c r="A2617" t="s">
        <v>35</v>
      </c>
      <c r="B2617" t="s">
        <v>36</v>
      </c>
      <c r="C2617" t="s">
        <v>114</v>
      </c>
      <c r="D2617" t="s">
        <v>115</v>
      </c>
      <c r="E2617" s="6" t="s">
        <v>131</v>
      </c>
      <c r="F2617" s="3">
        <v>2020</v>
      </c>
      <c r="G2617" s="3" t="s">
        <v>98</v>
      </c>
      <c r="H2617" t="s">
        <v>116</v>
      </c>
      <c r="I2617" t="s">
        <v>15</v>
      </c>
      <c r="J2617" s="10">
        <v>81.12</v>
      </c>
    </row>
    <row r="2618" spans="1:10" x14ac:dyDescent="0.35">
      <c r="A2618" t="s">
        <v>33</v>
      </c>
      <c r="B2618" t="s">
        <v>34</v>
      </c>
      <c r="C2618" t="s">
        <v>114</v>
      </c>
      <c r="D2618" t="s">
        <v>115</v>
      </c>
      <c r="E2618" s="6" t="s">
        <v>131</v>
      </c>
      <c r="F2618" s="3">
        <v>2020</v>
      </c>
      <c r="G2618" s="3" t="s">
        <v>98</v>
      </c>
      <c r="H2618" t="s">
        <v>116</v>
      </c>
      <c r="I2618" t="s">
        <v>15</v>
      </c>
      <c r="J2618" s="10">
        <v>81.400000000000006</v>
      </c>
    </row>
    <row r="2619" spans="1:10" x14ac:dyDescent="0.35">
      <c r="A2619" t="s">
        <v>26</v>
      </c>
      <c r="B2619" t="s">
        <v>31</v>
      </c>
      <c r="C2619" t="s">
        <v>114</v>
      </c>
      <c r="D2619" t="s">
        <v>115</v>
      </c>
      <c r="E2619" s="6" t="s">
        <v>131</v>
      </c>
      <c r="F2619" s="3">
        <v>2020</v>
      </c>
      <c r="G2619" s="3" t="s">
        <v>98</v>
      </c>
      <c r="H2619" t="s">
        <v>116</v>
      </c>
      <c r="I2619" t="s">
        <v>15</v>
      </c>
      <c r="J2619" s="10">
        <v>81.58</v>
      </c>
    </row>
    <row r="2620" spans="1:10" x14ac:dyDescent="0.35">
      <c r="A2620" t="s">
        <v>20</v>
      </c>
      <c r="B2620" t="s">
        <v>21</v>
      </c>
      <c r="C2620" t="s">
        <v>114</v>
      </c>
      <c r="D2620" t="s">
        <v>115</v>
      </c>
      <c r="E2620" s="6" t="s">
        <v>131</v>
      </c>
      <c r="F2620" s="3">
        <v>2020</v>
      </c>
      <c r="G2620" s="3" t="s">
        <v>98</v>
      </c>
      <c r="H2620" t="s">
        <v>116</v>
      </c>
      <c r="I2620" t="s">
        <v>15</v>
      </c>
      <c r="J2620" s="10">
        <v>78.680000000000007</v>
      </c>
    </row>
    <row r="2621" spans="1:10" x14ac:dyDescent="0.35">
      <c r="A2621" t="s">
        <v>28</v>
      </c>
      <c r="B2621" t="s">
        <v>29</v>
      </c>
      <c r="C2621" t="s">
        <v>114</v>
      </c>
      <c r="D2621" t="s">
        <v>115</v>
      </c>
      <c r="E2621" s="6" t="s">
        <v>131</v>
      </c>
      <c r="F2621" s="3">
        <v>2020</v>
      </c>
      <c r="G2621" s="3" t="s">
        <v>98</v>
      </c>
      <c r="H2621" t="s">
        <v>116</v>
      </c>
      <c r="I2621" t="s">
        <v>15</v>
      </c>
      <c r="J2621" s="10">
        <v>81.11</v>
      </c>
    </row>
    <row r="2622" spans="1:10" x14ac:dyDescent="0.35">
      <c r="A2622" t="s">
        <v>28</v>
      </c>
      <c r="B2622" t="s">
        <v>32</v>
      </c>
      <c r="C2622" t="s">
        <v>114</v>
      </c>
      <c r="D2622" t="s">
        <v>115</v>
      </c>
      <c r="E2622" s="6" t="s">
        <v>131</v>
      </c>
      <c r="F2622" s="3">
        <v>2020</v>
      </c>
      <c r="G2622" s="3" t="s">
        <v>98</v>
      </c>
      <c r="H2622" t="s">
        <v>116</v>
      </c>
      <c r="I2622" t="s">
        <v>15</v>
      </c>
      <c r="J2622" s="10">
        <v>80.08</v>
      </c>
    </row>
    <row r="2623" spans="1:10" x14ac:dyDescent="0.35">
      <c r="A2623" t="s">
        <v>26</v>
      </c>
      <c r="B2623" t="s">
        <v>27</v>
      </c>
      <c r="C2623" t="s">
        <v>114</v>
      </c>
      <c r="D2623" t="s">
        <v>115</v>
      </c>
      <c r="E2623" s="6" t="s">
        <v>131</v>
      </c>
      <c r="F2623" s="3">
        <v>2020</v>
      </c>
      <c r="G2623" s="3" t="s">
        <v>98</v>
      </c>
      <c r="H2623" t="s">
        <v>116</v>
      </c>
      <c r="I2623" t="s">
        <v>15</v>
      </c>
      <c r="J2623" s="10">
        <v>81.349999999999994</v>
      </c>
    </row>
    <row r="2624" spans="1:10" x14ac:dyDescent="0.35">
      <c r="A2624" t="s">
        <v>10</v>
      </c>
      <c r="B2624" t="s">
        <v>24</v>
      </c>
      <c r="C2624" t="s">
        <v>114</v>
      </c>
      <c r="D2624" t="s">
        <v>115</v>
      </c>
      <c r="E2624" s="6" t="s">
        <v>131</v>
      </c>
      <c r="F2624" s="3">
        <v>2020</v>
      </c>
      <c r="G2624" s="3" t="s">
        <v>98</v>
      </c>
      <c r="H2624" t="s">
        <v>116</v>
      </c>
      <c r="I2624" t="s">
        <v>15</v>
      </c>
      <c r="J2624" s="10">
        <v>82.41</v>
      </c>
    </row>
    <row r="2625" spans="1:10" x14ac:dyDescent="0.35">
      <c r="A2625" t="s">
        <v>10</v>
      </c>
      <c r="B2625" t="s">
        <v>25</v>
      </c>
      <c r="C2625" t="s">
        <v>114</v>
      </c>
      <c r="D2625" t="s">
        <v>115</v>
      </c>
      <c r="E2625" s="6" t="s">
        <v>131</v>
      </c>
      <c r="F2625" s="3">
        <v>2020</v>
      </c>
      <c r="G2625" s="3" t="s">
        <v>98</v>
      </c>
      <c r="H2625" t="s">
        <v>116</v>
      </c>
      <c r="I2625" t="s">
        <v>15</v>
      </c>
      <c r="J2625" s="10">
        <v>82.22</v>
      </c>
    </row>
    <row r="2626" spans="1:10" x14ac:dyDescent="0.35">
      <c r="A2626" t="s">
        <v>10</v>
      </c>
      <c r="B2626" t="s">
        <v>19</v>
      </c>
      <c r="C2626" t="s">
        <v>114</v>
      </c>
      <c r="D2626" t="s">
        <v>115</v>
      </c>
      <c r="E2626" s="6" t="s">
        <v>131</v>
      </c>
      <c r="F2626" s="3">
        <v>2020</v>
      </c>
      <c r="G2626" s="3" t="s">
        <v>98</v>
      </c>
      <c r="H2626" t="s">
        <v>116</v>
      </c>
      <c r="I2626" t="s">
        <v>15</v>
      </c>
      <c r="J2626" s="10">
        <v>83.67</v>
      </c>
    </row>
    <row r="2627" spans="1:10" x14ac:dyDescent="0.35">
      <c r="A2627" t="s">
        <v>28</v>
      </c>
      <c r="B2627" t="s">
        <v>37</v>
      </c>
      <c r="C2627" t="s">
        <v>114</v>
      </c>
      <c r="D2627" t="s">
        <v>115</v>
      </c>
      <c r="E2627" s="6" t="s">
        <v>131</v>
      </c>
      <c r="F2627" s="3">
        <v>2020</v>
      </c>
      <c r="G2627" s="3" t="s">
        <v>98</v>
      </c>
      <c r="H2627" t="s">
        <v>116</v>
      </c>
      <c r="I2627" t="s">
        <v>15</v>
      </c>
      <c r="J2627" s="10">
        <v>80.88</v>
      </c>
    </row>
    <row r="2628" spans="1:10" x14ac:dyDescent="0.35">
      <c r="A2628" t="s">
        <v>10</v>
      </c>
      <c r="B2628" t="s">
        <v>30</v>
      </c>
      <c r="C2628" t="s">
        <v>114</v>
      </c>
      <c r="D2628" t="s">
        <v>115</v>
      </c>
      <c r="E2628" s="6" t="s">
        <v>131</v>
      </c>
      <c r="F2628" s="3">
        <v>2020</v>
      </c>
      <c r="G2628" s="3" t="s">
        <v>98</v>
      </c>
      <c r="H2628" t="s">
        <v>116</v>
      </c>
      <c r="I2628" t="s">
        <v>15</v>
      </c>
      <c r="J2628" s="10">
        <v>80.39</v>
      </c>
    </row>
    <row r="2629" spans="1:10" x14ac:dyDescent="0.35">
      <c r="A2629" t="s">
        <v>20</v>
      </c>
      <c r="B2629" t="s">
        <v>38</v>
      </c>
      <c r="C2629" t="s">
        <v>114</v>
      </c>
      <c r="D2629" t="s">
        <v>115</v>
      </c>
      <c r="E2629" s="6" t="s">
        <v>131</v>
      </c>
      <c r="F2629" s="3">
        <v>2020</v>
      </c>
      <c r="G2629" s="3" t="s">
        <v>98</v>
      </c>
      <c r="H2629" t="s">
        <v>116</v>
      </c>
      <c r="I2629" t="s">
        <v>15</v>
      </c>
      <c r="J2629" s="10">
        <v>79.17</v>
      </c>
    </row>
    <row r="2630" spans="1:10" x14ac:dyDescent="0.35">
      <c r="A2630" t="s">
        <v>10</v>
      </c>
      <c r="B2630" t="s">
        <v>11</v>
      </c>
      <c r="C2630" t="s">
        <v>117</v>
      </c>
      <c r="D2630" t="s">
        <v>118</v>
      </c>
      <c r="E2630">
        <v>2020</v>
      </c>
      <c r="F2630">
        <v>2020</v>
      </c>
      <c r="G2630" t="s">
        <v>14</v>
      </c>
      <c r="H2630" t="s">
        <v>119</v>
      </c>
      <c r="I2630" t="s">
        <v>15</v>
      </c>
      <c r="J2630" s="10">
        <v>12.1283443</v>
      </c>
    </row>
    <row r="2631" spans="1:10" x14ac:dyDescent="0.35">
      <c r="A2631" t="s">
        <v>10</v>
      </c>
      <c r="B2631" t="s">
        <v>11</v>
      </c>
      <c r="C2631" t="s">
        <v>117</v>
      </c>
      <c r="D2631" t="s">
        <v>118</v>
      </c>
      <c r="E2631">
        <v>2020</v>
      </c>
      <c r="F2631">
        <v>2020</v>
      </c>
      <c r="G2631" t="s">
        <v>14</v>
      </c>
      <c r="H2631" t="s">
        <v>120</v>
      </c>
      <c r="I2631" t="s">
        <v>15</v>
      </c>
      <c r="J2631" s="10">
        <v>18.186512319999999</v>
      </c>
    </row>
    <row r="2632" spans="1:10" x14ac:dyDescent="0.35">
      <c r="A2632" t="s">
        <v>10</v>
      </c>
      <c r="B2632" t="s">
        <v>11</v>
      </c>
      <c r="C2632" t="s">
        <v>117</v>
      </c>
      <c r="D2632" t="s">
        <v>118</v>
      </c>
      <c r="E2632">
        <v>2020</v>
      </c>
      <c r="F2632">
        <v>2020</v>
      </c>
      <c r="G2632" t="s">
        <v>14</v>
      </c>
      <c r="H2632" t="s">
        <v>121</v>
      </c>
      <c r="I2632" t="s">
        <v>15</v>
      </c>
      <c r="J2632" s="10">
        <v>44.168788130000003</v>
      </c>
    </row>
    <row r="2633" spans="1:10" x14ac:dyDescent="0.35">
      <c r="A2633" t="s">
        <v>10</v>
      </c>
      <c r="B2633" t="s">
        <v>11</v>
      </c>
      <c r="C2633" t="s">
        <v>117</v>
      </c>
      <c r="D2633" t="s">
        <v>118</v>
      </c>
      <c r="E2633">
        <v>2020</v>
      </c>
      <c r="F2633">
        <v>2020</v>
      </c>
      <c r="G2633" t="s">
        <v>14</v>
      </c>
      <c r="H2633" t="s">
        <v>122</v>
      </c>
      <c r="I2633" t="s">
        <v>15</v>
      </c>
      <c r="J2633" s="10">
        <v>14.170949609999999</v>
      </c>
    </row>
    <row r="2634" spans="1:10" x14ac:dyDescent="0.35">
      <c r="A2634" t="s">
        <v>10</v>
      </c>
      <c r="B2634" t="s">
        <v>11</v>
      </c>
      <c r="C2634" t="s">
        <v>117</v>
      </c>
      <c r="D2634" t="s">
        <v>118</v>
      </c>
      <c r="E2634">
        <v>2020</v>
      </c>
      <c r="F2634">
        <v>2020</v>
      </c>
      <c r="G2634" t="s">
        <v>14</v>
      </c>
      <c r="H2634" t="s">
        <v>123</v>
      </c>
      <c r="I2634" t="s">
        <v>15</v>
      </c>
      <c r="J2634" s="10">
        <v>9.8047456650000004</v>
      </c>
    </row>
    <row r="2635" spans="1:10" x14ac:dyDescent="0.35">
      <c r="A2635" t="s">
        <v>10</v>
      </c>
      <c r="B2635" t="s">
        <v>11</v>
      </c>
      <c r="C2635" t="s">
        <v>117</v>
      </c>
      <c r="D2635" t="s">
        <v>118</v>
      </c>
      <c r="E2635">
        <v>2020</v>
      </c>
      <c r="F2635">
        <v>2020</v>
      </c>
      <c r="G2635" t="s">
        <v>14</v>
      </c>
      <c r="H2635" t="s">
        <v>124</v>
      </c>
      <c r="I2635" t="s">
        <v>15</v>
      </c>
      <c r="J2635" s="10">
        <v>1.540659974</v>
      </c>
    </row>
    <row r="2636" spans="1:10" x14ac:dyDescent="0.35">
      <c r="A2636" t="s">
        <v>10</v>
      </c>
      <c r="B2636" t="s">
        <v>11</v>
      </c>
      <c r="C2636" t="s">
        <v>117</v>
      </c>
      <c r="D2636" t="s">
        <v>118</v>
      </c>
      <c r="E2636">
        <v>2020</v>
      </c>
      <c r="F2636">
        <v>2020</v>
      </c>
      <c r="G2636" t="s">
        <v>125</v>
      </c>
      <c r="H2636" t="s">
        <v>119</v>
      </c>
      <c r="I2636" t="s">
        <v>15</v>
      </c>
      <c r="J2636" s="10">
        <v>12.094916830000001</v>
      </c>
    </row>
    <row r="2637" spans="1:10" x14ac:dyDescent="0.35">
      <c r="A2637" t="s">
        <v>10</v>
      </c>
      <c r="B2637" t="s">
        <v>11</v>
      </c>
      <c r="C2637" t="s">
        <v>117</v>
      </c>
      <c r="D2637" t="s">
        <v>118</v>
      </c>
      <c r="E2637">
        <v>2020</v>
      </c>
      <c r="F2637">
        <v>2020</v>
      </c>
      <c r="G2637" t="s">
        <v>125</v>
      </c>
      <c r="H2637" t="s">
        <v>120</v>
      </c>
      <c r="I2637" t="s">
        <v>15</v>
      </c>
      <c r="J2637" s="10">
        <v>16.103291850000002</v>
      </c>
    </row>
    <row r="2638" spans="1:10" x14ac:dyDescent="0.35">
      <c r="A2638" t="s">
        <v>10</v>
      </c>
      <c r="B2638" t="s">
        <v>11</v>
      </c>
      <c r="C2638" t="s">
        <v>117</v>
      </c>
      <c r="D2638" t="s">
        <v>118</v>
      </c>
      <c r="E2638">
        <v>2020</v>
      </c>
      <c r="F2638">
        <v>2020</v>
      </c>
      <c r="G2638" t="s">
        <v>125</v>
      </c>
      <c r="H2638" t="s">
        <v>121</v>
      </c>
      <c r="I2638" t="s">
        <v>15</v>
      </c>
      <c r="J2638" s="10">
        <v>47.337443290000003</v>
      </c>
    </row>
    <row r="2639" spans="1:10" x14ac:dyDescent="0.35">
      <c r="A2639" t="s">
        <v>10</v>
      </c>
      <c r="B2639" t="s">
        <v>11</v>
      </c>
      <c r="C2639" t="s">
        <v>117</v>
      </c>
      <c r="D2639" t="s">
        <v>118</v>
      </c>
      <c r="E2639">
        <v>2020</v>
      </c>
      <c r="F2639">
        <v>2020</v>
      </c>
      <c r="G2639" t="s">
        <v>125</v>
      </c>
      <c r="H2639" t="s">
        <v>122</v>
      </c>
      <c r="I2639" t="s">
        <v>15</v>
      </c>
      <c r="J2639" s="10">
        <v>14.384087470000001</v>
      </c>
    </row>
    <row r="2640" spans="1:10" x14ac:dyDescent="0.35">
      <c r="A2640" t="s">
        <v>10</v>
      </c>
      <c r="B2640" t="s">
        <v>11</v>
      </c>
      <c r="C2640" t="s">
        <v>117</v>
      </c>
      <c r="D2640" t="s">
        <v>118</v>
      </c>
      <c r="E2640">
        <v>2020</v>
      </c>
      <c r="F2640">
        <v>2020</v>
      </c>
      <c r="G2640" t="s">
        <v>125</v>
      </c>
      <c r="H2640" t="s">
        <v>123</v>
      </c>
      <c r="I2640" t="s">
        <v>15</v>
      </c>
      <c r="J2640" s="10">
        <v>9.0566476680000001</v>
      </c>
    </row>
    <row r="2641" spans="1:10" x14ac:dyDescent="0.35">
      <c r="A2641" t="s">
        <v>10</v>
      </c>
      <c r="B2641" t="s">
        <v>11</v>
      </c>
      <c r="C2641" t="s">
        <v>117</v>
      </c>
      <c r="D2641" t="s">
        <v>118</v>
      </c>
      <c r="E2641">
        <v>2020</v>
      </c>
      <c r="F2641">
        <v>2020</v>
      </c>
      <c r="G2641" t="s">
        <v>125</v>
      </c>
      <c r="H2641" t="s">
        <v>124</v>
      </c>
      <c r="I2641" t="s">
        <v>15</v>
      </c>
      <c r="J2641" s="10">
        <v>1.0236128879999999</v>
      </c>
    </row>
    <row r="2642" spans="1:10" x14ac:dyDescent="0.35">
      <c r="A2642" t="s">
        <v>10</v>
      </c>
      <c r="B2642" t="s">
        <v>11</v>
      </c>
      <c r="C2642" t="s">
        <v>117</v>
      </c>
      <c r="D2642" t="s">
        <v>118</v>
      </c>
      <c r="E2642">
        <v>2020</v>
      </c>
      <c r="F2642">
        <v>2020</v>
      </c>
      <c r="G2642" t="s">
        <v>126</v>
      </c>
      <c r="H2642" t="s">
        <v>119</v>
      </c>
      <c r="I2642" t="s">
        <v>15</v>
      </c>
      <c r="J2642" s="10">
        <v>12.16400685</v>
      </c>
    </row>
    <row r="2643" spans="1:10" x14ac:dyDescent="0.35">
      <c r="A2643" t="s">
        <v>10</v>
      </c>
      <c r="B2643" t="s">
        <v>11</v>
      </c>
      <c r="C2643" t="s">
        <v>117</v>
      </c>
      <c r="D2643" t="s">
        <v>118</v>
      </c>
      <c r="E2643">
        <v>2020</v>
      </c>
      <c r="F2643">
        <v>2020</v>
      </c>
      <c r="G2643" t="s">
        <v>126</v>
      </c>
      <c r="H2643" t="s">
        <v>120</v>
      </c>
      <c r="I2643" t="s">
        <v>15</v>
      </c>
      <c r="J2643" s="10">
        <v>20.409024349999999</v>
      </c>
    </row>
    <row r="2644" spans="1:10" x14ac:dyDescent="0.35">
      <c r="A2644" t="s">
        <v>10</v>
      </c>
      <c r="B2644" t="s">
        <v>11</v>
      </c>
      <c r="C2644" t="s">
        <v>117</v>
      </c>
      <c r="D2644" t="s">
        <v>118</v>
      </c>
      <c r="E2644">
        <v>2020</v>
      </c>
      <c r="F2644">
        <v>2020</v>
      </c>
      <c r="G2644" t="s">
        <v>126</v>
      </c>
      <c r="H2644" t="s">
        <v>121</v>
      </c>
      <c r="I2644" t="s">
        <v>15</v>
      </c>
      <c r="J2644" s="10">
        <v>40.788265369999998</v>
      </c>
    </row>
    <row r="2645" spans="1:10" x14ac:dyDescent="0.35">
      <c r="A2645" t="s">
        <v>10</v>
      </c>
      <c r="B2645" t="s">
        <v>11</v>
      </c>
      <c r="C2645" t="s">
        <v>117</v>
      </c>
      <c r="D2645" t="s">
        <v>118</v>
      </c>
      <c r="E2645">
        <v>2020</v>
      </c>
      <c r="F2645">
        <v>2020</v>
      </c>
      <c r="G2645" t="s">
        <v>126</v>
      </c>
      <c r="H2645" t="s">
        <v>122</v>
      </c>
      <c r="I2645" t="s">
        <v>15</v>
      </c>
      <c r="J2645" s="10">
        <v>13.9435606</v>
      </c>
    </row>
    <row r="2646" spans="1:10" x14ac:dyDescent="0.35">
      <c r="A2646" t="s">
        <v>10</v>
      </c>
      <c r="B2646" t="s">
        <v>11</v>
      </c>
      <c r="C2646" t="s">
        <v>117</v>
      </c>
      <c r="D2646" t="s">
        <v>118</v>
      </c>
      <c r="E2646">
        <v>2020</v>
      </c>
      <c r="F2646">
        <v>2020</v>
      </c>
      <c r="G2646" t="s">
        <v>126</v>
      </c>
      <c r="H2646" t="s">
        <v>123</v>
      </c>
      <c r="I2646" t="s">
        <v>15</v>
      </c>
      <c r="J2646" s="10">
        <v>10.602864159999999</v>
      </c>
    </row>
    <row r="2647" spans="1:10" x14ac:dyDescent="0.35">
      <c r="A2647" t="s">
        <v>10</v>
      </c>
      <c r="B2647" t="s">
        <v>11</v>
      </c>
      <c r="C2647" t="s">
        <v>117</v>
      </c>
      <c r="D2647" t="s">
        <v>118</v>
      </c>
      <c r="E2647">
        <v>2020</v>
      </c>
      <c r="F2647">
        <v>2020</v>
      </c>
      <c r="G2647" t="s">
        <v>126</v>
      </c>
      <c r="H2647" t="s">
        <v>124</v>
      </c>
      <c r="I2647" t="s">
        <v>15</v>
      </c>
      <c r="J2647" s="10">
        <v>2.092278673</v>
      </c>
    </row>
    <row r="2648" spans="1:10" x14ac:dyDescent="0.35">
      <c r="A2648" t="s">
        <v>10</v>
      </c>
      <c r="B2648" t="s">
        <v>11</v>
      </c>
      <c r="C2648" t="s">
        <v>117</v>
      </c>
      <c r="D2648" t="s">
        <v>118</v>
      </c>
      <c r="E2648">
        <v>2019</v>
      </c>
      <c r="F2648">
        <v>2019</v>
      </c>
      <c r="G2648" t="s">
        <v>14</v>
      </c>
      <c r="H2648" t="s">
        <v>119</v>
      </c>
      <c r="I2648" t="s">
        <v>15</v>
      </c>
      <c r="J2648" s="10">
        <v>12.05131884</v>
      </c>
    </row>
    <row r="2649" spans="1:10" x14ac:dyDescent="0.35">
      <c r="A2649" t="s">
        <v>10</v>
      </c>
      <c r="B2649" t="s">
        <v>11</v>
      </c>
      <c r="C2649" t="s">
        <v>117</v>
      </c>
      <c r="D2649" t="s">
        <v>118</v>
      </c>
      <c r="E2649">
        <v>2019</v>
      </c>
      <c r="F2649">
        <v>2019</v>
      </c>
      <c r="G2649" t="s">
        <v>14</v>
      </c>
      <c r="H2649" t="s">
        <v>120</v>
      </c>
      <c r="I2649" t="s">
        <v>15</v>
      </c>
      <c r="J2649" s="10">
        <v>18.615634790000001</v>
      </c>
    </row>
    <row r="2650" spans="1:10" x14ac:dyDescent="0.35">
      <c r="A2650" t="s">
        <v>10</v>
      </c>
      <c r="B2650" t="s">
        <v>11</v>
      </c>
      <c r="C2650" t="s">
        <v>117</v>
      </c>
      <c r="D2650" t="s">
        <v>118</v>
      </c>
      <c r="E2650">
        <v>2019</v>
      </c>
      <c r="F2650">
        <v>2019</v>
      </c>
      <c r="G2650" t="s">
        <v>14</v>
      </c>
      <c r="H2650" t="s">
        <v>121</v>
      </c>
      <c r="I2650" t="s">
        <v>15</v>
      </c>
      <c r="J2650" s="10">
        <v>44.130377600000003</v>
      </c>
    </row>
    <row r="2651" spans="1:10" x14ac:dyDescent="0.35">
      <c r="A2651" t="s">
        <v>10</v>
      </c>
      <c r="B2651" t="s">
        <v>11</v>
      </c>
      <c r="C2651" t="s">
        <v>117</v>
      </c>
      <c r="D2651" t="s">
        <v>118</v>
      </c>
      <c r="E2651">
        <v>2019</v>
      </c>
      <c r="F2651">
        <v>2019</v>
      </c>
      <c r="G2651" t="s">
        <v>14</v>
      </c>
      <c r="H2651" t="s">
        <v>122</v>
      </c>
      <c r="I2651" t="s">
        <v>15</v>
      </c>
      <c r="J2651" s="10">
        <v>14.05409283</v>
      </c>
    </row>
    <row r="2652" spans="1:10" x14ac:dyDescent="0.35">
      <c r="A2652" t="s">
        <v>10</v>
      </c>
      <c r="B2652" t="s">
        <v>11</v>
      </c>
      <c r="C2652" t="s">
        <v>117</v>
      </c>
      <c r="D2652" t="s">
        <v>118</v>
      </c>
      <c r="E2652">
        <v>2019</v>
      </c>
      <c r="F2652">
        <v>2019</v>
      </c>
      <c r="G2652" t="s">
        <v>14</v>
      </c>
      <c r="H2652" t="s">
        <v>123</v>
      </c>
      <c r="I2652" t="s">
        <v>15</v>
      </c>
      <c r="J2652" s="10">
        <v>9.6025539850000001</v>
      </c>
    </row>
    <row r="2653" spans="1:10" x14ac:dyDescent="0.35">
      <c r="A2653" t="s">
        <v>10</v>
      </c>
      <c r="B2653" t="s">
        <v>11</v>
      </c>
      <c r="C2653" t="s">
        <v>117</v>
      </c>
      <c r="D2653" t="s">
        <v>118</v>
      </c>
      <c r="E2653">
        <v>2019</v>
      </c>
      <c r="F2653">
        <v>2019</v>
      </c>
      <c r="G2653" t="s">
        <v>14</v>
      </c>
      <c r="H2653" t="s">
        <v>124</v>
      </c>
      <c r="I2653" t="s">
        <v>15</v>
      </c>
      <c r="J2653" s="10">
        <v>1.5460219529999999</v>
      </c>
    </row>
    <row r="2654" spans="1:10" x14ac:dyDescent="0.35">
      <c r="A2654" t="s">
        <v>10</v>
      </c>
      <c r="B2654" t="s">
        <v>11</v>
      </c>
      <c r="C2654" t="s">
        <v>117</v>
      </c>
      <c r="D2654" t="s">
        <v>118</v>
      </c>
      <c r="E2654">
        <v>2019</v>
      </c>
      <c r="F2654">
        <v>2019</v>
      </c>
      <c r="G2654" t="s">
        <v>125</v>
      </c>
      <c r="H2654" t="s">
        <v>119</v>
      </c>
      <c r="I2654" t="s">
        <v>15</v>
      </c>
      <c r="J2654" s="10">
        <v>11.965494850000001</v>
      </c>
    </row>
    <row r="2655" spans="1:10" x14ac:dyDescent="0.35">
      <c r="A2655" t="s">
        <v>10</v>
      </c>
      <c r="B2655" t="s">
        <v>11</v>
      </c>
      <c r="C2655" t="s">
        <v>117</v>
      </c>
      <c r="D2655" t="s">
        <v>118</v>
      </c>
      <c r="E2655">
        <v>2019</v>
      </c>
      <c r="F2655">
        <v>2019</v>
      </c>
      <c r="G2655" t="s">
        <v>125</v>
      </c>
      <c r="H2655" t="s">
        <v>120</v>
      </c>
      <c r="I2655" t="s">
        <v>15</v>
      </c>
      <c r="J2655" s="10">
        <v>16.478063259999999</v>
      </c>
    </row>
    <row r="2656" spans="1:10" x14ac:dyDescent="0.35">
      <c r="A2656" t="s">
        <v>10</v>
      </c>
      <c r="B2656" t="s">
        <v>11</v>
      </c>
      <c r="C2656" t="s">
        <v>117</v>
      </c>
      <c r="D2656" t="s">
        <v>118</v>
      </c>
      <c r="E2656">
        <v>2019</v>
      </c>
      <c r="F2656">
        <v>2019</v>
      </c>
      <c r="G2656" t="s">
        <v>125</v>
      </c>
      <c r="H2656" t="s">
        <v>121</v>
      </c>
      <c r="I2656" t="s">
        <v>15</v>
      </c>
      <c r="J2656" s="10">
        <v>47.37501159</v>
      </c>
    </row>
    <row r="2657" spans="1:10" x14ac:dyDescent="0.35">
      <c r="A2657" t="s">
        <v>10</v>
      </c>
      <c r="B2657" t="s">
        <v>11</v>
      </c>
      <c r="C2657" t="s">
        <v>117</v>
      </c>
      <c r="D2657" t="s">
        <v>118</v>
      </c>
      <c r="E2657">
        <v>2019</v>
      </c>
      <c r="F2657">
        <v>2019</v>
      </c>
      <c r="G2657" t="s">
        <v>125</v>
      </c>
      <c r="H2657" t="s">
        <v>122</v>
      </c>
      <c r="I2657" t="s">
        <v>15</v>
      </c>
      <c r="J2657" s="10">
        <v>14.33540488</v>
      </c>
    </row>
    <row r="2658" spans="1:10" x14ac:dyDescent="0.35">
      <c r="A2658" t="s">
        <v>10</v>
      </c>
      <c r="B2658" t="s">
        <v>11</v>
      </c>
      <c r="C2658" t="s">
        <v>117</v>
      </c>
      <c r="D2658" t="s">
        <v>118</v>
      </c>
      <c r="E2658">
        <v>2019</v>
      </c>
      <c r="F2658">
        <v>2019</v>
      </c>
      <c r="G2658" t="s">
        <v>125</v>
      </c>
      <c r="H2658" t="s">
        <v>123</v>
      </c>
      <c r="I2658" t="s">
        <v>15</v>
      </c>
      <c r="J2658" s="10">
        <v>8.8141174289999995</v>
      </c>
    </row>
    <row r="2659" spans="1:10" x14ac:dyDescent="0.35">
      <c r="A2659" t="s">
        <v>10</v>
      </c>
      <c r="B2659" t="s">
        <v>11</v>
      </c>
      <c r="C2659" t="s">
        <v>117</v>
      </c>
      <c r="D2659" t="s">
        <v>118</v>
      </c>
      <c r="E2659">
        <v>2019</v>
      </c>
      <c r="F2659">
        <v>2019</v>
      </c>
      <c r="G2659" t="s">
        <v>125</v>
      </c>
      <c r="H2659" t="s">
        <v>124</v>
      </c>
      <c r="I2659" t="s">
        <v>15</v>
      </c>
      <c r="J2659" s="10">
        <v>1.031907986</v>
      </c>
    </row>
    <row r="2660" spans="1:10" x14ac:dyDescent="0.35">
      <c r="A2660" t="s">
        <v>10</v>
      </c>
      <c r="B2660" t="s">
        <v>11</v>
      </c>
      <c r="C2660" t="s">
        <v>117</v>
      </c>
      <c r="D2660" t="s">
        <v>118</v>
      </c>
      <c r="E2660">
        <v>2019</v>
      </c>
      <c r="F2660">
        <v>2019</v>
      </c>
      <c r="G2660" t="s">
        <v>126</v>
      </c>
      <c r="H2660" t="s">
        <v>119</v>
      </c>
      <c r="I2660" t="s">
        <v>15</v>
      </c>
      <c r="J2660" s="10">
        <v>12.142680820000001</v>
      </c>
    </row>
    <row r="2661" spans="1:10" x14ac:dyDescent="0.35">
      <c r="A2661" t="s">
        <v>10</v>
      </c>
      <c r="B2661" t="s">
        <v>11</v>
      </c>
      <c r="C2661" t="s">
        <v>117</v>
      </c>
      <c r="D2661" t="s">
        <v>118</v>
      </c>
      <c r="E2661">
        <v>2019</v>
      </c>
      <c r="F2661">
        <v>2019</v>
      </c>
      <c r="G2661" t="s">
        <v>126</v>
      </c>
      <c r="H2661" t="s">
        <v>120</v>
      </c>
      <c r="I2661" t="s">
        <v>15</v>
      </c>
      <c r="J2661" s="10">
        <v>20.891137990000001</v>
      </c>
    </row>
    <row r="2662" spans="1:10" x14ac:dyDescent="0.35">
      <c r="A2662" t="s">
        <v>10</v>
      </c>
      <c r="B2662" t="s">
        <v>11</v>
      </c>
      <c r="C2662" t="s">
        <v>117</v>
      </c>
      <c r="D2662" t="s">
        <v>118</v>
      </c>
      <c r="E2662">
        <v>2019</v>
      </c>
      <c r="F2662">
        <v>2019</v>
      </c>
      <c r="G2662" t="s">
        <v>126</v>
      </c>
      <c r="H2662" t="s">
        <v>121</v>
      </c>
      <c r="I2662" t="s">
        <v>15</v>
      </c>
      <c r="J2662" s="10">
        <v>40.6763762</v>
      </c>
    </row>
    <row r="2663" spans="1:10" x14ac:dyDescent="0.35">
      <c r="A2663" t="s">
        <v>10</v>
      </c>
      <c r="B2663" t="s">
        <v>11</v>
      </c>
      <c r="C2663" t="s">
        <v>117</v>
      </c>
      <c r="D2663" t="s">
        <v>118</v>
      </c>
      <c r="E2663">
        <v>2019</v>
      </c>
      <c r="F2663">
        <v>2019</v>
      </c>
      <c r="G2663" t="s">
        <v>126</v>
      </c>
      <c r="H2663" t="s">
        <v>122</v>
      </c>
      <c r="I2663" t="s">
        <v>15</v>
      </c>
      <c r="J2663" s="10">
        <v>13.75462849</v>
      </c>
    </row>
    <row r="2664" spans="1:10" x14ac:dyDescent="0.35">
      <c r="A2664" t="s">
        <v>10</v>
      </c>
      <c r="B2664" t="s">
        <v>11</v>
      </c>
      <c r="C2664" t="s">
        <v>117</v>
      </c>
      <c r="D2664" t="s">
        <v>118</v>
      </c>
      <c r="E2664">
        <v>2019</v>
      </c>
      <c r="F2664">
        <v>2019</v>
      </c>
      <c r="G2664" t="s">
        <v>126</v>
      </c>
      <c r="H2664" t="s">
        <v>123</v>
      </c>
      <c r="I2664" t="s">
        <v>15</v>
      </c>
      <c r="J2664" s="10">
        <v>10.441866210000001</v>
      </c>
    </row>
    <row r="2665" spans="1:10" x14ac:dyDescent="0.35">
      <c r="A2665" t="s">
        <v>10</v>
      </c>
      <c r="B2665" t="s">
        <v>11</v>
      </c>
      <c r="C2665" t="s">
        <v>117</v>
      </c>
      <c r="D2665" t="s">
        <v>118</v>
      </c>
      <c r="E2665">
        <v>2019</v>
      </c>
      <c r="F2665">
        <v>2019</v>
      </c>
      <c r="G2665" t="s">
        <v>126</v>
      </c>
      <c r="H2665" t="s">
        <v>124</v>
      </c>
      <c r="I2665" t="s">
        <v>15</v>
      </c>
      <c r="J2665" s="10">
        <v>2.0933102940000001</v>
      </c>
    </row>
    <row r="2666" spans="1:10" x14ac:dyDescent="0.35">
      <c r="A2666" t="s">
        <v>10</v>
      </c>
      <c r="B2666" t="s">
        <v>11</v>
      </c>
      <c r="C2666" t="s">
        <v>117</v>
      </c>
      <c r="D2666" t="s">
        <v>118</v>
      </c>
      <c r="E2666">
        <v>2018</v>
      </c>
      <c r="F2666">
        <v>2018</v>
      </c>
      <c r="G2666" t="s">
        <v>14</v>
      </c>
      <c r="H2666" t="s">
        <v>119</v>
      </c>
      <c r="I2666" t="s">
        <v>15</v>
      </c>
      <c r="J2666" s="10">
        <v>11.9820735</v>
      </c>
    </row>
    <row r="2667" spans="1:10" x14ac:dyDescent="0.35">
      <c r="A2667" t="s">
        <v>10</v>
      </c>
      <c r="B2667" t="s">
        <v>11</v>
      </c>
      <c r="C2667" t="s">
        <v>117</v>
      </c>
      <c r="D2667" t="s">
        <v>118</v>
      </c>
      <c r="E2667">
        <v>2018</v>
      </c>
      <c r="F2667">
        <v>2018</v>
      </c>
      <c r="G2667" t="s">
        <v>14</v>
      </c>
      <c r="H2667" t="s">
        <v>120</v>
      </c>
      <c r="I2667" t="s">
        <v>15</v>
      </c>
      <c r="J2667" s="10">
        <v>18.846728410000001</v>
      </c>
    </row>
    <row r="2668" spans="1:10" x14ac:dyDescent="0.35">
      <c r="A2668" t="s">
        <v>10</v>
      </c>
      <c r="B2668" t="s">
        <v>11</v>
      </c>
      <c r="C2668" t="s">
        <v>117</v>
      </c>
      <c r="D2668" t="s">
        <v>118</v>
      </c>
      <c r="E2668">
        <v>2018</v>
      </c>
      <c r="F2668">
        <v>2018</v>
      </c>
      <c r="G2668" t="s">
        <v>14</v>
      </c>
      <c r="H2668" t="s">
        <v>121</v>
      </c>
      <c r="I2668" t="s">
        <v>15</v>
      </c>
      <c r="J2668" s="10">
        <v>44.339408429999999</v>
      </c>
    </row>
    <row r="2669" spans="1:10" x14ac:dyDescent="0.35">
      <c r="A2669" t="s">
        <v>10</v>
      </c>
      <c r="B2669" t="s">
        <v>11</v>
      </c>
      <c r="C2669" t="s">
        <v>117</v>
      </c>
      <c r="D2669" t="s">
        <v>118</v>
      </c>
      <c r="E2669">
        <v>2018</v>
      </c>
      <c r="F2669">
        <v>2018</v>
      </c>
      <c r="G2669" t="s">
        <v>14</v>
      </c>
      <c r="H2669" t="s">
        <v>122</v>
      </c>
      <c r="I2669" t="s">
        <v>15</v>
      </c>
      <c r="J2669" s="10">
        <v>13.847624740000001</v>
      </c>
    </row>
    <row r="2670" spans="1:10" x14ac:dyDescent="0.35">
      <c r="A2670" t="s">
        <v>10</v>
      </c>
      <c r="B2670" t="s">
        <v>11</v>
      </c>
      <c r="C2670" t="s">
        <v>117</v>
      </c>
      <c r="D2670" t="s">
        <v>118</v>
      </c>
      <c r="E2670">
        <v>2018</v>
      </c>
      <c r="F2670">
        <v>2018</v>
      </c>
      <c r="G2670" t="s">
        <v>14</v>
      </c>
      <c r="H2670" t="s">
        <v>123</v>
      </c>
      <c r="I2670" t="s">
        <v>15</v>
      </c>
      <c r="J2670" s="10">
        <v>9.4878996119999996</v>
      </c>
    </row>
    <row r="2671" spans="1:10" x14ac:dyDescent="0.35">
      <c r="A2671" t="s">
        <v>10</v>
      </c>
      <c r="B2671" t="s">
        <v>11</v>
      </c>
      <c r="C2671" t="s">
        <v>117</v>
      </c>
      <c r="D2671" t="s">
        <v>118</v>
      </c>
      <c r="E2671">
        <v>2018</v>
      </c>
      <c r="F2671">
        <v>2018</v>
      </c>
      <c r="G2671" t="s">
        <v>14</v>
      </c>
      <c r="H2671" t="s">
        <v>124</v>
      </c>
      <c r="I2671" t="s">
        <v>15</v>
      </c>
      <c r="J2671" s="10">
        <v>1.496265312</v>
      </c>
    </row>
    <row r="2672" spans="1:10" x14ac:dyDescent="0.35">
      <c r="A2672" t="s">
        <v>10</v>
      </c>
      <c r="B2672" t="s">
        <v>11</v>
      </c>
      <c r="C2672" t="s">
        <v>117</v>
      </c>
      <c r="D2672" t="s">
        <v>118</v>
      </c>
      <c r="E2672">
        <v>2018</v>
      </c>
      <c r="F2672">
        <v>2018</v>
      </c>
      <c r="G2672" t="s">
        <v>125</v>
      </c>
      <c r="H2672" t="s">
        <v>119</v>
      </c>
      <c r="I2672" t="s">
        <v>15</v>
      </c>
      <c r="J2672" s="10">
        <v>11.864800779999999</v>
      </c>
    </row>
    <row r="2673" spans="1:10" x14ac:dyDescent="0.35">
      <c r="A2673" t="s">
        <v>10</v>
      </c>
      <c r="B2673" t="s">
        <v>11</v>
      </c>
      <c r="C2673" t="s">
        <v>117</v>
      </c>
      <c r="D2673" t="s">
        <v>118</v>
      </c>
      <c r="E2673">
        <v>2018</v>
      </c>
      <c r="F2673">
        <v>2018</v>
      </c>
      <c r="G2673" t="s">
        <v>125</v>
      </c>
      <c r="H2673" t="s">
        <v>120</v>
      </c>
      <c r="I2673" t="s">
        <v>15</v>
      </c>
      <c r="J2673" s="10">
        <v>16.830164119999999</v>
      </c>
    </row>
    <row r="2674" spans="1:10" x14ac:dyDescent="0.35">
      <c r="A2674" t="s">
        <v>10</v>
      </c>
      <c r="B2674" t="s">
        <v>11</v>
      </c>
      <c r="C2674" t="s">
        <v>117</v>
      </c>
      <c r="D2674" t="s">
        <v>118</v>
      </c>
      <c r="E2674">
        <v>2018</v>
      </c>
      <c r="F2674">
        <v>2018</v>
      </c>
      <c r="G2674" t="s">
        <v>125</v>
      </c>
      <c r="H2674" t="s">
        <v>121</v>
      </c>
      <c r="I2674" t="s">
        <v>15</v>
      </c>
      <c r="J2674" s="10">
        <v>47.563810500000002</v>
      </c>
    </row>
    <row r="2675" spans="1:10" x14ac:dyDescent="0.35">
      <c r="A2675" t="s">
        <v>10</v>
      </c>
      <c r="B2675" t="s">
        <v>11</v>
      </c>
      <c r="C2675" t="s">
        <v>117</v>
      </c>
      <c r="D2675" t="s">
        <v>118</v>
      </c>
      <c r="E2675">
        <v>2018</v>
      </c>
      <c r="F2675">
        <v>2018</v>
      </c>
      <c r="G2675" t="s">
        <v>125</v>
      </c>
      <c r="H2675" t="s">
        <v>122</v>
      </c>
      <c r="I2675" t="s">
        <v>15</v>
      </c>
      <c r="J2675" s="10">
        <v>14.189409080000001</v>
      </c>
    </row>
    <row r="2676" spans="1:10" x14ac:dyDescent="0.35">
      <c r="A2676" t="s">
        <v>10</v>
      </c>
      <c r="B2676" t="s">
        <v>11</v>
      </c>
      <c r="C2676" t="s">
        <v>117</v>
      </c>
      <c r="D2676" t="s">
        <v>118</v>
      </c>
      <c r="E2676">
        <v>2018</v>
      </c>
      <c r="F2676">
        <v>2018</v>
      </c>
      <c r="G2676" t="s">
        <v>125</v>
      </c>
      <c r="H2676" t="s">
        <v>123</v>
      </c>
      <c r="I2676" t="s">
        <v>15</v>
      </c>
      <c r="J2676" s="10">
        <v>8.5801292480000004</v>
      </c>
    </row>
    <row r="2677" spans="1:10" x14ac:dyDescent="0.35">
      <c r="A2677" t="s">
        <v>10</v>
      </c>
      <c r="B2677" t="s">
        <v>11</v>
      </c>
      <c r="C2677" t="s">
        <v>117</v>
      </c>
      <c r="D2677" t="s">
        <v>118</v>
      </c>
      <c r="E2677">
        <v>2018</v>
      </c>
      <c r="F2677">
        <v>2018</v>
      </c>
      <c r="G2677" t="s">
        <v>125</v>
      </c>
      <c r="H2677" t="s">
        <v>124</v>
      </c>
      <c r="I2677" t="s">
        <v>15</v>
      </c>
      <c r="J2677" s="10">
        <v>0.97168627100000005</v>
      </c>
    </row>
    <row r="2678" spans="1:10" x14ac:dyDescent="0.35">
      <c r="A2678" t="s">
        <v>10</v>
      </c>
      <c r="B2678" t="s">
        <v>11</v>
      </c>
      <c r="C2678" t="s">
        <v>117</v>
      </c>
      <c r="D2678" t="s">
        <v>118</v>
      </c>
      <c r="E2678">
        <v>2018</v>
      </c>
      <c r="F2678">
        <v>2018</v>
      </c>
      <c r="G2678" t="s">
        <v>126</v>
      </c>
      <c r="H2678" t="s">
        <v>119</v>
      </c>
      <c r="I2678" t="s">
        <v>15</v>
      </c>
      <c r="J2678" s="10">
        <v>12.10615638</v>
      </c>
    </row>
    <row r="2679" spans="1:10" x14ac:dyDescent="0.35">
      <c r="A2679" t="s">
        <v>10</v>
      </c>
      <c r="B2679" t="s">
        <v>11</v>
      </c>
      <c r="C2679" t="s">
        <v>117</v>
      </c>
      <c r="D2679" t="s">
        <v>118</v>
      </c>
      <c r="E2679">
        <v>2018</v>
      </c>
      <c r="F2679">
        <v>2018</v>
      </c>
      <c r="G2679" t="s">
        <v>126</v>
      </c>
      <c r="H2679" t="s">
        <v>120</v>
      </c>
      <c r="I2679" t="s">
        <v>15</v>
      </c>
      <c r="J2679" s="10">
        <v>20.980396979999998</v>
      </c>
    </row>
    <row r="2680" spans="1:10" x14ac:dyDescent="0.35">
      <c r="A2680" t="s">
        <v>10</v>
      </c>
      <c r="B2680" t="s">
        <v>11</v>
      </c>
      <c r="C2680" t="s">
        <v>117</v>
      </c>
      <c r="D2680" t="s">
        <v>118</v>
      </c>
      <c r="E2680">
        <v>2018</v>
      </c>
      <c r="F2680">
        <v>2018</v>
      </c>
      <c r="G2680" t="s">
        <v>126</v>
      </c>
      <c r="H2680" t="s">
        <v>121</v>
      </c>
      <c r="I2680" t="s">
        <v>15</v>
      </c>
      <c r="J2680" s="10">
        <v>40.927761519999997</v>
      </c>
    </row>
    <row r="2681" spans="1:10" x14ac:dyDescent="0.35">
      <c r="A2681" t="s">
        <v>10</v>
      </c>
      <c r="B2681" t="s">
        <v>11</v>
      </c>
      <c r="C2681" t="s">
        <v>117</v>
      </c>
      <c r="D2681" t="s">
        <v>118</v>
      </c>
      <c r="E2681">
        <v>2018</v>
      </c>
      <c r="F2681">
        <v>2018</v>
      </c>
      <c r="G2681" t="s">
        <v>126</v>
      </c>
      <c r="H2681" t="s">
        <v>122</v>
      </c>
      <c r="I2681" t="s">
        <v>15</v>
      </c>
      <c r="J2681" s="10">
        <v>13.485992570000001</v>
      </c>
    </row>
    <row r="2682" spans="1:10" x14ac:dyDescent="0.35">
      <c r="A2682" t="s">
        <v>10</v>
      </c>
      <c r="B2682" t="s">
        <v>11</v>
      </c>
      <c r="C2682" t="s">
        <v>117</v>
      </c>
      <c r="D2682" t="s">
        <v>118</v>
      </c>
      <c r="E2682">
        <v>2018</v>
      </c>
      <c r="F2682">
        <v>2018</v>
      </c>
      <c r="G2682" t="s">
        <v>126</v>
      </c>
      <c r="H2682" t="s">
        <v>123</v>
      </c>
      <c r="I2682" t="s">
        <v>15</v>
      </c>
      <c r="J2682" s="10">
        <v>10.448385269999999</v>
      </c>
    </row>
    <row r="2683" spans="1:10" x14ac:dyDescent="0.35">
      <c r="A2683" t="s">
        <v>10</v>
      </c>
      <c r="B2683" t="s">
        <v>11</v>
      </c>
      <c r="C2683" t="s">
        <v>117</v>
      </c>
      <c r="D2683" t="s">
        <v>118</v>
      </c>
      <c r="E2683">
        <v>2018</v>
      </c>
      <c r="F2683">
        <v>2018</v>
      </c>
      <c r="G2683" t="s">
        <v>126</v>
      </c>
      <c r="H2683" t="s">
        <v>124</v>
      </c>
      <c r="I2683" t="s">
        <v>15</v>
      </c>
      <c r="J2683" s="10">
        <v>2.0513072779999999</v>
      </c>
    </row>
    <row r="2684" spans="1:10" x14ac:dyDescent="0.35">
      <c r="A2684" t="s">
        <v>10</v>
      </c>
      <c r="B2684" t="s">
        <v>11</v>
      </c>
      <c r="C2684" t="s">
        <v>117</v>
      </c>
      <c r="D2684" t="s">
        <v>118</v>
      </c>
      <c r="E2684">
        <v>2017</v>
      </c>
      <c r="F2684">
        <v>2017</v>
      </c>
      <c r="G2684" t="s">
        <v>14</v>
      </c>
      <c r="H2684" t="s">
        <v>119</v>
      </c>
      <c r="I2684" t="s">
        <v>15</v>
      </c>
      <c r="J2684" s="10">
        <v>11.792197399999999</v>
      </c>
    </row>
    <row r="2685" spans="1:10" x14ac:dyDescent="0.35">
      <c r="A2685" t="s">
        <v>10</v>
      </c>
      <c r="B2685" t="s">
        <v>11</v>
      </c>
      <c r="C2685" t="s">
        <v>117</v>
      </c>
      <c r="D2685" t="s">
        <v>118</v>
      </c>
      <c r="E2685">
        <v>2017</v>
      </c>
      <c r="F2685">
        <v>2017</v>
      </c>
      <c r="G2685" t="s">
        <v>14</v>
      </c>
      <c r="H2685" t="s">
        <v>120</v>
      </c>
      <c r="I2685" t="s">
        <v>15</v>
      </c>
      <c r="J2685" s="10">
        <v>19.567725379999999</v>
      </c>
    </row>
    <row r="2686" spans="1:10" x14ac:dyDescent="0.35">
      <c r="A2686" t="s">
        <v>10</v>
      </c>
      <c r="B2686" t="s">
        <v>11</v>
      </c>
      <c r="C2686" t="s">
        <v>117</v>
      </c>
      <c r="D2686" t="s">
        <v>118</v>
      </c>
      <c r="E2686">
        <v>2017</v>
      </c>
      <c r="F2686">
        <v>2017</v>
      </c>
      <c r="G2686" t="s">
        <v>14</v>
      </c>
      <c r="H2686" t="s">
        <v>121</v>
      </c>
      <c r="I2686" t="s">
        <v>15</v>
      </c>
      <c r="J2686" s="10">
        <v>44.346996920000002</v>
      </c>
    </row>
    <row r="2687" spans="1:10" x14ac:dyDescent="0.35">
      <c r="A2687" t="s">
        <v>10</v>
      </c>
      <c r="B2687" t="s">
        <v>11</v>
      </c>
      <c r="C2687" t="s">
        <v>117</v>
      </c>
      <c r="D2687" t="s">
        <v>118</v>
      </c>
      <c r="E2687">
        <v>2017</v>
      </c>
      <c r="F2687">
        <v>2017</v>
      </c>
      <c r="G2687" t="s">
        <v>14</v>
      </c>
      <c r="H2687" t="s">
        <v>122</v>
      </c>
      <c r="I2687" t="s">
        <v>15</v>
      </c>
      <c r="J2687" s="10">
        <v>13.50151861</v>
      </c>
    </row>
    <row r="2688" spans="1:10" x14ac:dyDescent="0.35">
      <c r="A2688" t="s">
        <v>10</v>
      </c>
      <c r="B2688" t="s">
        <v>11</v>
      </c>
      <c r="C2688" t="s">
        <v>117</v>
      </c>
      <c r="D2688" t="s">
        <v>118</v>
      </c>
      <c r="E2688">
        <v>2017</v>
      </c>
      <c r="F2688">
        <v>2017</v>
      </c>
      <c r="G2688" t="s">
        <v>14</v>
      </c>
      <c r="H2688" t="s">
        <v>123</v>
      </c>
      <c r="I2688" t="s">
        <v>15</v>
      </c>
      <c r="J2688" s="10">
        <v>9.2976714620000003</v>
      </c>
    </row>
    <row r="2689" spans="1:10" x14ac:dyDescent="0.35">
      <c r="A2689" t="s">
        <v>10</v>
      </c>
      <c r="B2689" t="s">
        <v>11</v>
      </c>
      <c r="C2689" t="s">
        <v>117</v>
      </c>
      <c r="D2689" t="s">
        <v>118</v>
      </c>
      <c r="E2689">
        <v>2017</v>
      </c>
      <c r="F2689">
        <v>2017</v>
      </c>
      <c r="G2689" t="s">
        <v>14</v>
      </c>
      <c r="H2689" t="s">
        <v>124</v>
      </c>
      <c r="I2689" t="s">
        <v>15</v>
      </c>
      <c r="J2689" s="10">
        <v>1.4938902359999999</v>
      </c>
    </row>
    <row r="2690" spans="1:10" x14ac:dyDescent="0.35">
      <c r="A2690" t="s">
        <v>10</v>
      </c>
      <c r="B2690" t="s">
        <v>11</v>
      </c>
      <c r="C2690" t="s">
        <v>117</v>
      </c>
      <c r="D2690" t="s">
        <v>118</v>
      </c>
      <c r="E2690">
        <v>2017</v>
      </c>
      <c r="F2690">
        <v>2017</v>
      </c>
      <c r="G2690" t="s">
        <v>125</v>
      </c>
      <c r="H2690" t="s">
        <v>119</v>
      </c>
      <c r="I2690" t="s">
        <v>15</v>
      </c>
      <c r="J2690" s="10">
        <v>11.755004810000001</v>
      </c>
    </row>
    <row r="2691" spans="1:10" x14ac:dyDescent="0.35">
      <c r="A2691" t="s">
        <v>10</v>
      </c>
      <c r="B2691" t="s">
        <v>11</v>
      </c>
      <c r="C2691" t="s">
        <v>117</v>
      </c>
      <c r="D2691" t="s">
        <v>118</v>
      </c>
      <c r="E2691">
        <v>2017</v>
      </c>
      <c r="F2691">
        <v>2017</v>
      </c>
      <c r="G2691" t="s">
        <v>125</v>
      </c>
      <c r="H2691" t="s">
        <v>120</v>
      </c>
      <c r="I2691" t="s">
        <v>15</v>
      </c>
      <c r="J2691" s="10">
        <v>17.490494300000002</v>
      </c>
    </row>
    <row r="2692" spans="1:10" x14ac:dyDescent="0.35">
      <c r="A2692" t="s">
        <v>10</v>
      </c>
      <c r="B2692" t="s">
        <v>11</v>
      </c>
      <c r="C2692" t="s">
        <v>117</v>
      </c>
      <c r="D2692" t="s">
        <v>118</v>
      </c>
      <c r="E2692">
        <v>2017</v>
      </c>
      <c r="F2692">
        <v>2017</v>
      </c>
      <c r="G2692" t="s">
        <v>125</v>
      </c>
      <c r="H2692" t="s">
        <v>121</v>
      </c>
      <c r="I2692" t="s">
        <v>15</v>
      </c>
      <c r="J2692" s="10">
        <v>47.661367910000003</v>
      </c>
    </row>
    <row r="2693" spans="1:10" x14ac:dyDescent="0.35">
      <c r="A2693" t="s">
        <v>10</v>
      </c>
      <c r="B2693" t="s">
        <v>11</v>
      </c>
      <c r="C2693" t="s">
        <v>117</v>
      </c>
      <c r="D2693" t="s">
        <v>118</v>
      </c>
      <c r="E2693">
        <v>2017</v>
      </c>
      <c r="F2693">
        <v>2017</v>
      </c>
      <c r="G2693" t="s">
        <v>125</v>
      </c>
      <c r="H2693" t="s">
        <v>122</v>
      </c>
      <c r="I2693" t="s">
        <v>15</v>
      </c>
      <c r="J2693" s="10">
        <v>13.800448940000001</v>
      </c>
    </row>
    <row r="2694" spans="1:10" x14ac:dyDescent="0.35">
      <c r="A2694" t="s">
        <v>10</v>
      </c>
      <c r="B2694" t="s">
        <v>11</v>
      </c>
      <c r="C2694" t="s">
        <v>117</v>
      </c>
      <c r="D2694" t="s">
        <v>118</v>
      </c>
      <c r="E2694">
        <v>2017</v>
      </c>
      <c r="F2694">
        <v>2017</v>
      </c>
      <c r="G2694" t="s">
        <v>125</v>
      </c>
      <c r="H2694" t="s">
        <v>123</v>
      </c>
      <c r="I2694" t="s">
        <v>15</v>
      </c>
      <c r="J2694" s="10">
        <v>8.3512758260000002</v>
      </c>
    </row>
    <row r="2695" spans="1:10" x14ac:dyDescent="0.35">
      <c r="A2695" t="s">
        <v>10</v>
      </c>
      <c r="B2695" t="s">
        <v>11</v>
      </c>
      <c r="C2695" t="s">
        <v>117</v>
      </c>
      <c r="D2695" t="s">
        <v>118</v>
      </c>
      <c r="E2695">
        <v>2017</v>
      </c>
      <c r="F2695">
        <v>2017</v>
      </c>
      <c r="G2695" t="s">
        <v>125</v>
      </c>
      <c r="H2695" t="s">
        <v>124</v>
      </c>
      <c r="I2695" t="s">
        <v>15</v>
      </c>
      <c r="J2695" s="10">
        <v>0.94140821799999996</v>
      </c>
    </row>
    <row r="2696" spans="1:10" x14ac:dyDescent="0.35">
      <c r="A2696" t="s">
        <v>10</v>
      </c>
      <c r="B2696" t="s">
        <v>11</v>
      </c>
      <c r="C2696" t="s">
        <v>117</v>
      </c>
      <c r="D2696" t="s">
        <v>118</v>
      </c>
      <c r="E2696">
        <v>2017</v>
      </c>
      <c r="F2696">
        <v>2017</v>
      </c>
      <c r="G2696" t="s">
        <v>126</v>
      </c>
      <c r="H2696" t="s">
        <v>119</v>
      </c>
      <c r="I2696" t="s">
        <v>15</v>
      </c>
      <c r="J2696" s="10">
        <v>11.8315249</v>
      </c>
    </row>
    <row r="2697" spans="1:10" x14ac:dyDescent="0.35">
      <c r="A2697" t="s">
        <v>10</v>
      </c>
      <c r="B2697" t="s">
        <v>11</v>
      </c>
      <c r="C2697" t="s">
        <v>117</v>
      </c>
      <c r="D2697" t="s">
        <v>118</v>
      </c>
      <c r="E2697">
        <v>2017</v>
      </c>
      <c r="F2697">
        <v>2017</v>
      </c>
      <c r="G2697" t="s">
        <v>126</v>
      </c>
      <c r="H2697" t="s">
        <v>120</v>
      </c>
      <c r="I2697" t="s">
        <v>15</v>
      </c>
      <c r="J2697" s="10">
        <v>21.764192990000002</v>
      </c>
    </row>
    <row r="2698" spans="1:10" x14ac:dyDescent="0.35">
      <c r="A2698" t="s">
        <v>10</v>
      </c>
      <c r="B2698" t="s">
        <v>11</v>
      </c>
      <c r="C2698" t="s">
        <v>117</v>
      </c>
      <c r="D2698" t="s">
        <v>118</v>
      </c>
      <c r="E2698">
        <v>2017</v>
      </c>
      <c r="F2698">
        <v>2017</v>
      </c>
      <c r="G2698" t="s">
        <v>126</v>
      </c>
      <c r="H2698" t="s">
        <v>121</v>
      </c>
      <c r="I2698" t="s">
        <v>15</v>
      </c>
      <c r="J2698" s="10">
        <v>40.842375509999997</v>
      </c>
    </row>
    <row r="2699" spans="1:10" x14ac:dyDescent="0.35">
      <c r="A2699" t="s">
        <v>10</v>
      </c>
      <c r="B2699" t="s">
        <v>11</v>
      </c>
      <c r="C2699" t="s">
        <v>117</v>
      </c>
      <c r="D2699" t="s">
        <v>118</v>
      </c>
      <c r="E2699">
        <v>2017</v>
      </c>
      <c r="F2699">
        <v>2017</v>
      </c>
      <c r="G2699" t="s">
        <v>126</v>
      </c>
      <c r="H2699" t="s">
        <v>122</v>
      </c>
      <c r="I2699" t="s">
        <v>15</v>
      </c>
      <c r="J2699" s="10">
        <v>13.18542918</v>
      </c>
    </row>
    <row r="2700" spans="1:10" x14ac:dyDescent="0.35">
      <c r="A2700" t="s">
        <v>10</v>
      </c>
      <c r="B2700" t="s">
        <v>11</v>
      </c>
      <c r="C2700" t="s">
        <v>117</v>
      </c>
      <c r="D2700" t="s">
        <v>118</v>
      </c>
      <c r="E2700">
        <v>2017</v>
      </c>
      <c r="F2700">
        <v>2017</v>
      </c>
      <c r="G2700" t="s">
        <v>126</v>
      </c>
      <c r="H2700" t="s">
        <v>123</v>
      </c>
      <c r="I2700" t="s">
        <v>15</v>
      </c>
      <c r="J2700" s="10">
        <v>10.298391779999999</v>
      </c>
    </row>
    <row r="2701" spans="1:10" x14ac:dyDescent="0.35">
      <c r="A2701" t="s">
        <v>10</v>
      </c>
      <c r="B2701" t="s">
        <v>11</v>
      </c>
      <c r="C2701" t="s">
        <v>117</v>
      </c>
      <c r="D2701" t="s">
        <v>118</v>
      </c>
      <c r="E2701">
        <v>2017</v>
      </c>
      <c r="F2701">
        <v>2017</v>
      </c>
      <c r="G2701" t="s">
        <v>126</v>
      </c>
      <c r="H2701" t="s">
        <v>124</v>
      </c>
      <c r="I2701" t="s">
        <v>15</v>
      </c>
      <c r="J2701" s="10">
        <v>2.078085642</v>
      </c>
    </row>
    <row r="2702" spans="1:10" x14ac:dyDescent="0.35">
      <c r="A2702" t="s">
        <v>10</v>
      </c>
      <c r="B2702" t="s">
        <v>11</v>
      </c>
      <c r="C2702" t="s">
        <v>117</v>
      </c>
      <c r="D2702" t="s">
        <v>118</v>
      </c>
      <c r="E2702">
        <v>2016</v>
      </c>
      <c r="F2702">
        <v>2016</v>
      </c>
      <c r="G2702" t="s">
        <v>14</v>
      </c>
      <c r="H2702" t="s">
        <v>119</v>
      </c>
      <c r="I2702" t="s">
        <v>15</v>
      </c>
      <c r="J2702" s="10">
        <v>11.54920398</v>
      </c>
    </row>
    <row r="2703" spans="1:10" x14ac:dyDescent="0.35">
      <c r="A2703" t="s">
        <v>10</v>
      </c>
      <c r="B2703" t="s">
        <v>11</v>
      </c>
      <c r="C2703" t="s">
        <v>117</v>
      </c>
      <c r="D2703" t="s">
        <v>118</v>
      </c>
      <c r="E2703">
        <v>2016</v>
      </c>
      <c r="F2703">
        <v>2016</v>
      </c>
      <c r="G2703" t="s">
        <v>14</v>
      </c>
      <c r="H2703" t="s">
        <v>120</v>
      </c>
      <c r="I2703" t="s">
        <v>15</v>
      </c>
      <c r="J2703" s="10">
        <v>20.50204823</v>
      </c>
    </row>
    <row r="2704" spans="1:10" x14ac:dyDescent="0.35">
      <c r="A2704" t="s">
        <v>10</v>
      </c>
      <c r="B2704" t="s">
        <v>11</v>
      </c>
      <c r="C2704" t="s">
        <v>117</v>
      </c>
      <c r="D2704" t="s">
        <v>118</v>
      </c>
      <c r="E2704">
        <v>2016</v>
      </c>
      <c r="F2704">
        <v>2016</v>
      </c>
      <c r="G2704" t="s">
        <v>14</v>
      </c>
      <c r="H2704" t="s">
        <v>121</v>
      </c>
      <c r="I2704" t="s">
        <v>15</v>
      </c>
      <c r="J2704" s="10">
        <v>44.183502470000001</v>
      </c>
    </row>
    <row r="2705" spans="1:10" x14ac:dyDescent="0.35">
      <c r="A2705" t="s">
        <v>10</v>
      </c>
      <c r="B2705" t="s">
        <v>11</v>
      </c>
      <c r="C2705" t="s">
        <v>117</v>
      </c>
      <c r="D2705" t="s">
        <v>118</v>
      </c>
      <c r="E2705">
        <v>2016</v>
      </c>
      <c r="F2705">
        <v>2016</v>
      </c>
      <c r="G2705" t="s">
        <v>14</v>
      </c>
      <c r="H2705" t="s">
        <v>122</v>
      </c>
      <c r="I2705" t="s">
        <v>15</v>
      </c>
      <c r="J2705" s="10">
        <v>13.23549949</v>
      </c>
    </row>
    <row r="2706" spans="1:10" x14ac:dyDescent="0.35">
      <c r="A2706" t="s">
        <v>10</v>
      </c>
      <c r="B2706" t="s">
        <v>11</v>
      </c>
      <c r="C2706" t="s">
        <v>117</v>
      </c>
      <c r="D2706" t="s">
        <v>118</v>
      </c>
      <c r="E2706">
        <v>2016</v>
      </c>
      <c r="F2706">
        <v>2016</v>
      </c>
      <c r="G2706" t="s">
        <v>14</v>
      </c>
      <c r="H2706" t="s">
        <v>123</v>
      </c>
      <c r="I2706" t="s">
        <v>15</v>
      </c>
      <c r="J2706" s="10">
        <v>9.0645656829999997</v>
      </c>
    </row>
    <row r="2707" spans="1:10" x14ac:dyDescent="0.35">
      <c r="A2707" t="s">
        <v>10</v>
      </c>
      <c r="B2707" t="s">
        <v>11</v>
      </c>
      <c r="C2707" t="s">
        <v>117</v>
      </c>
      <c r="D2707" t="s">
        <v>118</v>
      </c>
      <c r="E2707">
        <v>2016</v>
      </c>
      <c r="F2707">
        <v>2016</v>
      </c>
      <c r="G2707" t="s">
        <v>14</v>
      </c>
      <c r="H2707" t="s">
        <v>124</v>
      </c>
      <c r="I2707" t="s">
        <v>15</v>
      </c>
      <c r="J2707" s="10">
        <v>1.465180151</v>
      </c>
    </row>
    <row r="2708" spans="1:10" x14ac:dyDescent="0.35">
      <c r="A2708" t="s">
        <v>10</v>
      </c>
      <c r="B2708" t="s">
        <v>11</v>
      </c>
      <c r="C2708" t="s">
        <v>117</v>
      </c>
      <c r="D2708" t="s">
        <v>118</v>
      </c>
      <c r="E2708">
        <v>2016</v>
      </c>
      <c r="F2708">
        <v>2016</v>
      </c>
      <c r="G2708" t="s">
        <v>125</v>
      </c>
      <c r="H2708" t="s">
        <v>119</v>
      </c>
      <c r="I2708" t="s">
        <v>15</v>
      </c>
      <c r="J2708" s="10">
        <v>11.556807340000001</v>
      </c>
    </row>
    <row r="2709" spans="1:10" x14ac:dyDescent="0.35">
      <c r="A2709" t="s">
        <v>10</v>
      </c>
      <c r="B2709" t="s">
        <v>11</v>
      </c>
      <c r="C2709" t="s">
        <v>117</v>
      </c>
      <c r="D2709" t="s">
        <v>118</v>
      </c>
      <c r="E2709">
        <v>2016</v>
      </c>
      <c r="F2709">
        <v>2016</v>
      </c>
      <c r="G2709" t="s">
        <v>125</v>
      </c>
      <c r="H2709" t="s">
        <v>120</v>
      </c>
      <c r="I2709" t="s">
        <v>15</v>
      </c>
      <c r="J2709" s="10">
        <v>18.361877069999998</v>
      </c>
    </row>
    <row r="2710" spans="1:10" x14ac:dyDescent="0.35">
      <c r="A2710" t="s">
        <v>10</v>
      </c>
      <c r="B2710" t="s">
        <v>11</v>
      </c>
      <c r="C2710" t="s">
        <v>117</v>
      </c>
      <c r="D2710" t="s">
        <v>118</v>
      </c>
      <c r="E2710">
        <v>2016</v>
      </c>
      <c r="F2710">
        <v>2016</v>
      </c>
      <c r="G2710" t="s">
        <v>125</v>
      </c>
      <c r="H2710" t="s">
        <v>121</v>
      </c>
      <c r="I2710" t="s">
        <v>15</v>
      </c>
      <c r="J2710" s="10">
        <v>47.565075180000001</v>
      </c>
    </row>
    <row r="2711" spans="1:10" x14ac:dyDescent="0.35">
      <c r="A2711" t="s">
        <v>10</v>
      </c>
      <c r="B2711" t="s">
        <v>11</v>
      </c>
      <c r="C2711" t="s">
        <v>117</v>
      </c>
      <c r="D2711" t="s">
        <v>118</v>
      </c>
      <c r="E2711">
        <v>2016</v>
      </c>
      <c r="F2711">
        <v>2016</v>
      </c>
      <c r="G2711" t="s">
        <v>125</v>
      </c>
      <c r="H2711" t="s">
        <v>122</v>
      </c>
      <c r="I2711" t="s">
        <v>15</v>
      </c>
      <c r="J2711" s="10">
        <v>13.535183760000001</v>
      </c>
    </row>
    <row r="2712" spans="1:10" x14ac:dyDescent="0.35">
      <c r="A2712" t="s">
        <v>10</v>
      </c>
      <c r="B2712" t="s">
        <v>11</v>
      </c>
      <c r="C2712" t="s">
        <v>117</v>
      </c>
      <c r="D2712" t="s">
        <v>118</v>
      </c>
      <c r="E2712">
        <v>2016</v>
      </c>
      <c r="F2712">
        <v>2016</v>
      </c>
      <c r="G2712" t="s">
        <v>125</v>
      </c>
      <c r="H2712" t="s">
        <v>123</v>
      </c>
      <c r="I2712" t="s">
        <v>15</v>
      </c>
      <c r="J2712" s="10">
        <v>8.0861309230000007</v>
      </c>
    </row>
    <row r="2713" spans="1:10" x14ac:dyDescent="0.35">
      <c r="A2713" t="s">
        <v>10</v>
      </c>
      <c r="B2713" t="s">
        <v>11</v>
      </c>
      <c r="C2713" t="s">
        <v>117</v>
      </c>
      <c r="D2713" t="s">
        <v>118</v>
      </c>
      <c r="E2713">
        <v>2016</v>
      </c>
      <c r="F2713">
        <v>2016</v>
      </c>
      <c r="G2713" t="s">
        <v>125</v>
      </c>
      <c r="H2713" t="s">
        <v>124</v>
      </c>
      <c r="I2713" t="s">
        <v>15</v>
      </c>
      <c r="J2713" s="10">
        <v>0.89492572599999998</v>
      </c>
    </row>
    <row r="2714" spans="1:10" x14ac:dyDescent="0.35">
      <c r="A2714" t="s">
        <v>10</v>
      </c>
      <c r="B2714" t="s">
        <v>11</v>
      </c>
      <c r="C2714" t="s">
        <v>117</v>
      </c>
      <c r="D2714" t="s">
        <v>118</v>
      </c>
      <c r="E2714">
        <v>2016</v>
      </c>
      <c r="F2714">
        <v>2016</v>
      </c>
      <c r="G2714" t="s">
        <v>126</v>
      </c>
      <c r="H2714" t="s">
        <v>119</v>
      </c>
      <c r="I2714" t="s">
        <v>15</v>
      </c>
      <c r="J2714" s="10">
        <v>11.54121522</v>
      </c>
    </row>
    <row r="2715" spans="1:10" x14ac:dyDescent="0.35">
      <c r="A2715" t="s">
        <v>10</v>
      </c>
      <c r="B2715" t="s">
        <v>11</v>
      </c>
      <c r="C2715" t="s">
        <v>117</v>
      </c>
      <c r="D2715" t="s">
        <v>118</v>
      </c>
      <c r="E2715">
        <v>2016</v>
      </c>
      <c r="F2715">
        <v>2016</v>
      </c>
      <c r="G2715" t="s">
        <v>126</v>
      </c>
      <c r="H2715" t="s">
        <v>120</v>
      </c>
      <c r="I2715" t="s">
        <v>15</v>
      </c>
      <c r="J2715" s="10">
        <v>22.750704020000001</v>
      </c>
    </row>
    <row r="2716" spans="1:10" x14ac:dyDescent="0.35">
      <c r="A2716" t="s">
        <v>10</v>
      </c>
      <c r="B2716" t="s">
        <v>11</v>
      </c>
      <c r="C2716" t="s">
        <v>117</v>
      </c>
      <c r="D2716" t="s">
        <v>118</v>
      </c>
      <c r="E2716">
        <v>2016</v>
      </c>
      <c r="F2716">
        <v>2016</v>
      </c>
      <c r="G2716" t="s">
        <v>126</v>
      </c>
      <c r="H2716" t="s">
        <v>121</v>
      </c>
      <c r="I2716" t="s">
        <v>15</v>
      </c>
      <c r="J2716" s="10">
        <v>40.63051883</v>
      </c>
    </row>
    <row r="2717" spans="1:10" x14ac:dyDescent="0.35">
      <c r="A2717" t="s">
        <v>10</v>
      </c>
      <c r="B2717" t="s">
        <v>11</v>
      </c>
      <c r="C2717" t="s">
        <v>117</v>
      </c>
      <c r="D2717" t="s">
        <v>118</v>
      </c>
      <c r="E2717">
        <v>2016</v>
      </c>
      <c r="F2717">
        <v>2016</v>
      </c>
      <c r="G2717" t="s">
        <v>126</v>
      </c>
      <c r="H2717" t="s">
        <v>122</v>
      </c>
      <c r="I2717" t="s">
        <v>15</v>
      </c>
      <c r="J2717" s="10">
        <v>12.920624309999999</v>
      </c>
    </row>
    <row r="2718" spans="1:10" x14ac:dyDescent="0.35">
      <c r="A2718" t="s">
        <v>10</v>
      </c>
      <c r="B2718" t="s">
        <v>11</v>
      </c>
      <c r="C2718" t="s">
        <v>117</v>
      </c>
      <c r="D2718" t="s">
        <v>118</v>
      </c>
      <c r="E2718">
        <v>2016</v>
      </c>
      <c r="F2718">
        <v>2016</v>
      </c>
      <c r="G2718" t="s">
        <v>126</v>
      </c>
      <c r="H2718" t="s">
        <v>123</v>
      </c>
      <c r="I2718" t="s">
        <v>15</v>
      </c>
      <c r="J2718" s="10">
        <v>10.09259701</v>
      </c>
    </row>
    <row r="2719" spans="1:10" x14ac:dyDescent="0.35">
      <c r="A2719" t="s">
        <v>10</v>
      </c>
      <c r="B2719" t="s">
        <v>11</v>
      </c>
      <c r="C2719" t="s">
        <v>117</v>
      </c>
      <c r="D2719" t="s">
        <v>118</v>
      </c>
      <c r="E2719">
        <v>2016</v>
      </c>
      <c r="F2719">
        <v>2016</v>
      </c>
      <c r="G2719" t="s">
        <v>126</v>
      </c>
      <c r="H2719" t="s">
        <v>124</v>
      </c>
      <c r="I2719" t="s">
        <v>15</v>
      </c>
      <c r="J2719" s="10">
        <v>2.0643406039999999</v>
      </c>
    </row>
    <row r="2720" spans="1:10" x14ac:dyDescent="0.35">
      <c r="A2720" t="s">
        <v>10</v>
      </c>
      <c r="B2720" t="s">
        <v>11</v>
      </c>
      <c r="C2720" t="s">
        <v>117</v>
      </c>
      <c r="D2720" t="s">
        <v>118</v>
      </c>
      <c r="E2720">
        <v>2015</v>
      </c>
      <c r="F2720">
        <v>2015</v>
      </c>
      <c r="G2720" t="s">
        <v>14</v>
      </c>
      <c r="H2720" t="s">
        <v>119</v>
      </c>
      <c r="I2720" t="s">
        <v>15</v>
      </c>
      <c r="J2720" s="10">
        <v>11.27201926</v>
      </c>
    </row>
    <row r="2721" spans="1:10" x14ac:dyDescent="0.35">
      <c r="A2721" t="s">
        <v>10</v>
      </c>
      <c r="B2721" t="s">
        <v>11</v>
      </c>
      <c r="C2721" t="s">
        <v>117</v>
      </c>
      <c r="D2721" t="s">
        <v>118</v>
      </c>
      <c r="E2721">
        <v>2015</v>
      </c>
      <c r="F2721">
        <v>2015</v>
      </c>
      <c r="G2721" t="s">
        <v>14</v>
      </c>
      <c r="H2721" t="s">
        <v>120</v>
      </c>
      <c r="I2721" t="s">
        <v>15</v>
      </c>
      <c r="J2721" s="10">
        <v>21.506008130000001</v>
      </c>
    </row>
    <row r="2722" spans="1:10" x14ac:dyDescent="0.35">
      <c r="A2722" t="s">
        <v>10</v>
      </c>
      <c r="B2722" t="s">
        <v>11</v>
      </c>
      <c r="C2722" t="s">
        <v>117</v>
      </c>
      <c r="D2722" t="s">
        <v>118</v>
      </c>
      <c r="E2722">
        <v>2015</v>
      </c>
      <c r="F2722">
        <v>2015</v>
      </c>
      <c r="G2722" t="s">
        <v>14</v>
      </c>
      <c r="H2722" t="s">
        <v>121</v>
      </c>
      <c r="I2722" t="s">
        <v>15</v>
      </c>
      <c r="J2722" s="10">
        <v>43.711333080000003</v>
      </c>
    </row>
    <row r="2723" spans="1:10" x14ac:dyDescent="0.35">
      <c r="A2723" t="s">
        <v>10</v>
      </c>
      <c r="B2723" t="s">
        <v>11</v>
      </c>
      <c r="C2723" t="s">
        <v>117</v>
      </c>
      <c r="D2723" t="s">
        <v>118</v>
      </c>
      <c r="E2723">
        <v>2015</v>
      </c>
      <c r="F2723">
        <v>2015</v>
      </c>
      <c r="G2723" t="s">
        <v>14</v>
      </c>
      <c r="H2723" t="s">
        <v>122</v>
      </c>
      <c r="I2723" t="s">
        <v>15</v>
      </c>
      <c r="J2723" s="10">
        <v>13.19024413</v>
      </c>
    </row>
    <row r="2724" spans="1:10" x14ac:dyDescent="0.35">
      <c r="A2724" t="s">
        <v>10</v>
      </c>
      <c r="B2724" t="s">
        <v>11</v>
      </c>
      <c r="C2724" t="s">
        <v>117</v>
      </c>
      <c r="D2724" t="s">
        <v>118</v>
      </c>
      <c r="E2724">
        <v>2015</v>
      </c>
      <c r="F2724">
        <v>2015</v>
      </c>
      <c r="G2724" t="s">
        <v>14</v>
      </c>
      <c r="H2724" t="s">
        <v>123</v>
      </c>
      <c r="I2724" t="s">
        <v>15</v>
      </c>
      <c r="J2724" s="10">
        <v>8.8895033350000006</v>
      </c>
    </row>
    <row r="2725" spans="1:10" x14ac:dyDescent="0.35">
      <c r="A2725" t="s">
        <v>10</v>
      </c>
      <c r="B2725" t="s">
        <v>11</v>
      </c>
      <c r="C2725" t="s">
        <v>117</v>
      </c>
      <c r="D2725" t="s">
        <v>118</v>
      </c>
      <c r="E2725">
        <v>2015</v>
      </c>
      <c r="F2725">
        <v>2015</v>
      </c>
      <c r="G2725" t="s">
        <v>14</v>
      </c>
      <c r="H2725" t="s">
        <v>124</v>
      </c>
      <c r="I2725" t="s">
        <v>15</v>
      </c>
      <c r="J2725" s="10">
        <v>1.430892061</v>
      </c>
    </row>
    <row r="2726" spans="1:10" x14ac:dyDescent="0.35">
      <c r="A2726" t="s">
        <v>10</v>
      </c>
      <c r="B2726" t="s">
        <v>11</v>
      </c>
      <c r="C2726" t="s">
        <v>117</v>
      </c>
      <c r="D2726" t="s">
        <v>118</v>
      </c>
      <c r="E2726">
        <v>2015</v>
      </c>
      <c r="F2726">
        <v>2015</v>
      </c>
      <c r="G2726" t="s">
        <v>125</v>
      </c>
      <c r="H2726" t="s">
        <v>119</v>
      </c>
      <c r="I2726" t="s">
        <v>15</v>
      </c>
      <c r="J2726" s="10">
        <v>11.33295901</v>
      </c>
    </row>
    <row r="2727" spans="1:10" x14ac:dyDescent="0.35">
      <c r="A2727" t="s">
        <v>10</v>
      </c>
      <c r="B2727" t="s">
        <v>11</v>
      </c>
      <c r="C2727" t="s">
        <v>117</v>
      </c>
      <c r="D2727" t="s">
        <v>118</v>
      </c>
      <c r="E2727">
        <v>2015</v>
      </c>
      <c r="F2727">
        <v>2015</v>
      </c>
      <c r="G2727" t="s">
        <v>125</v>
      </c>
      <c r="H2727" t="s">
        <v>120</v>
      </c>
      <c r="I2727" t="s">
        <v>15</v>
      </c>
      <c r="J2727" s="10">
        <v>19.32172937</v>
      </c>
    </row>
    <row r="2728" spans="1:10" x14ac:dyDescent="0.35">
      <c r="A2728" t="s">
        <v>10</v>
      </c>
      <c r="B2728" t="s">
        <v>11</v>
      </c>
      <c r="C2728" t="s">
        <v>117</v>
      </c>
      <c r="D2728" t="s">
        <v>118</v>
      </c>
      <c r="E2728">
        <v>2015</v>
      </c>
      <c r="F2728">
        <v>2015</v>
      </c>
      <c r="G2728" t="s">
        <v>125</v>
      </c>
      <c r="H2728" t="s">
        <v>121</v>
      </c>
      <c r="I2728" t="s">
        <v>15</v>
      </c>
      <c r="J2728" s="10">
        <v>47.052217859999999</v>
      </c>
    </row>
    <row r="2729" spans="1:10" x14ac:dyDescent="0.35">
      <c r="A2729" t="s">
        <v>10</v>
      </c>
      <c r="B2729" t="s">
        <v>11</v>
      </c>
      <c r="C2729" t="s">
        <v>117</v>
      </c>
      <c r="D2729" t="s">
        <v>118</v>
      </c>
      <c r="E2729">
        <v>2015</v>
      </c>
      <c r="F2729">
        <v>2015</v>
      </c>
      <c r="G2729" t="s">
        <v>125</v>
      </c>
      <c r="H2729" t="s">
        <v>122</v>
      </c>
      <c r="I2729" t="s">
        <v>15</v>
      </c>
      <c r="J2729" s="10">
        <v>13.536215609999999</v>
      </c>
    </row>
    <row r="2730" spans="1:10" x14ac:dyDescent="0.35">
      <c r="A2730" t="s">
        <v>10</v>
      </c>
      <c r="B2730" t="s">
        <v>11</v>
      </c>
      <c r="C2730" t="s">
        <v>117</v>
      </c>
      <c r="D2730" t="s">
        <v>118</v>
      </c>
      <c r="E2730">
        <v>2015</v>
      </c>
      <c r="F2730">
        <v>2015</v>
      </c>
      <c r="G2730" t="s">
        <v>125</v>
      </c>
      <c r="H2730" t="s">
        <v>123</v>
      </c>
      <c r="I2730" t="s">
        <v>15</v>
      </c>
      <c r="J2730" s="10">
        <v>7.9438517690000001</v>
      </c>
    </row>
    <row r="2731" spans="1:10" x14ac:dyDescent="0.35">
      <c r="A2731" t="s">
        <v>10</v>
      </c>
      <c r="B2731" t="s">
        <v>11</v>
      </c>
      <c r="C2731" t="s">
        <v>117</v>
      </c>
      <c r="D2731" t="s">
        <v>118</v>
      </c>
      <c r="E2731">
        <v>2015</v>
      </c>
      <c r="F2731">
        <v>2015</v>
      </c>
      <c r="G2731" t="s">
        <v>125</v>
      </c>
      <c r="H2731" t="s">
        <v>124</v>
      </c>
      <c r="I2731" t="s">
        <v>15</v>
      </c>
      <c r="J2731" s="10">
        <v>0.81302638999999999</v>
      </c>
    </row>
    <row r="2732" spans="1:10" x14ac:dyDescent="0.35">
      <c r="A2732" t="s">
        <v>10</v>
      </c>
      <c r="B2732" t="s">
        <v>11</v>
      </c>
      <c r="C2732" t="s">
        <v>117</v>
      </c>
      <c r="D2732" t="s">
        <v>118</v>
      </c>
      <c r="E2732">
        <v>2015</v>
      </c>
      <c r="F2732">
        <v>2015</v>
      </c>
      <c r="G2732" t="s">
        <v>126</v>
      </c>
      <c r="H2732" t="s">
        <v>119</v>
      </c>
      <c r="I2732" t="s">
        <v>15</v>
      </c>
      <c r="J2732" s="10">
        <v>11.2078346</v>
      </c>
    </row>
    <row r="2733" spans="1:10" x14ac:dyDescent="0.35">
      <c r="A2733" t="s">
        <v>10</v>
      </c>
      <c r="B2733" t="s">
        <v>11</v>
      </c>
      <c r="C2733" t="s">
        <v>117</v>
      </c>
      <c r="D2733" t="s">
        <v>118</v>
      </c>
      <c r="E2733">
        <v>2015</v>
      </c>
      <c r="F2733">
        <v>2015</v>
      </c>
      <c r="G2733" t="s">
        <v>126</v>
      </c>
      <c r="H2733" t="s">
        <v>120</v>
      </c>
      <c r="I2733" t="s">
        <v>15</v>
      </c>
      <c r="J2733" s="10">
        <v>23.80659507</v>
      </c>
    </row>
    <row r="2734" spans="1:10" x14ac:dyDescent="0.35">
      <c r="A2734" t="s">
        <v>10</v>
      </c>
      <c r="B2734" t="s">
        <v>11</v>
      </c>
      <c r="C2734" t="s">
        <v>117</v>
      </c>
      <c r="D2734" t="s">
        <v>118</v>
      </c>
      <c r="E2734">
        <v>2015</v>
      </c>
      <c r="F2734">
        <v>2015</v>
      </c>
      <c r="G2734" t="s">
        <v>126</v>
      </c>
      <c r="H2734" t="s">
        <v>121</v>
      </c>
      <c r="I2734" t="s">
        <v>15</v>
      </c>
      <c r="J2734" s="10">
        <v>40.192553340000003</v>
      </c>
    </row>
    <row r="2735" spans="1:10" x14ac:dyDescent="0.35">
      <c r="A2735" t="s">
        <v>10</v>
      </c>
      <c r="B2735" t="s">
        <v>11</v>
      </c>
      <c r="C2735" t="s">
        <v>117</v>
      </c>
      <c r="D2735" t="s">
        <v>118</v>
      </c>
      <c r="E2735">
        <v>2015</v>
      </c>
      <c r="F2735">
        <v>2015</v>
      </c>
      <c r="G2735" t="s">
        <v>126</v>
      </c>
      <c r="H2735" t="s">
        <v>122</v>
      </c>
      <c r="I2735" t="s">
        <v>15</v>
      </c>
      <c r="J2735" s="10">
        <v>12.8258504</v>
      </c>
    </row>
    <row r="2736" spans="1:10" x14ac:dyDescent="0.35">
      <c r="A2736" t="s">
        <v>10</v>
      </c>
      <c r="B2736" t="s">
        <v>11</v>
      </c>
      <c r="C2736" t="s">
        <v>117</v>
      </c>
      <c r="D2736" t="s">
        <v>118</v>
      </c>
      <c r="E2736">
        <v>2015</v>
      </c>
      <c r="F2736">
        <v>2015</v>
      </c>
      <c r="G2736" t="s">
        <v>126</v>
      </c>
      <c r="H2736" t="s">
        <v>123</v>
      </c>
      <c r="I2736" t="s">
        <v>15</v>
      </c>
      <c r="J2736" s="10">
        <v>9.8855088230000003</v>
      </c>
    </row>
    <row r="2737" spans="1:10" x14ac:dyDescent="0.35">
      <c r="A2737" t="s">
        <v>10</v>
      </c>
      <c r="B2737" t="s">
        <v>11</v>
      </c>
      <c r="C2737" t="s">
        <v>117</v>
      </c>
      <c r="D2737" t="s">
        <v>118</v>
      </c>
      <c r="E2737">
        <v>2015</v>
      </c>
      <c r="F2737">
        <v>2015</v>
      </c>
      <c r="G2737" t="s">
        <v>126</v>
      </c>
      <c r="H2737" t="s">
        <v>124</v>
      </c>
      <c r="I2737" t="s">
        <v>15</v>
      </c>
      <c r="J2737" s="10">
        <v>2.0816577569999999</v>
      </c>
    </row>
    <row r="2738" spans="1:10" x14ac:dyDescent="0.35">
      <c r="A2738" t="s">
        <v>10</v>
      </c>
      <c r="B2738" t="s">
        <v>11</v>
      </c>
      <c r="C2738" t="s">
        <v>117</v>
      </c>
      <c r="D2738" t="s">
        <v>118</v>
      </c>
      <c r="E2738">
        <v>2014</v>
      </c>
      <c r="F2738">
        <v>2014</v>
      </c>
      <c r="G2738" t="s">
        <v>14</v>
      </c>
      <c r="H2738" t="s">
        <v>119</v>
      </c>
      <c r="I2738" t="s">
        <v>15</v>
      </c>
      <c r="J2738" s="10">
        <v>11.164839260000001</v>
      </c>
    </row>
    <row r="2739" spans="1:10" x14ac:dyDescent="0.35">
      <c r="A2739" t="s">
        <v>10</v>
      </c>
      <c r="B2739" t="s">
        <v>11</v>
      </c>
      <c r="C2739" t="s">
        <v>117</v>
      </c>
      <c r="D2739" t="s">
        <v>118</v>
      </c>
      <c r="E2739">
        <v>2014</v>
      </c>
      <c r="F2739">
        <v>2014</v>
      </c>
      <c r="G2739" t="s">
        <v>14</v>
      </c>
      <c r="H2739" t="s">
        <v>120</v>
      </c>
      <c r="I2739" t="s">
        <v>15</v>
      </c>
      <c r="J2739" s="10">
        <v>21.897393470000001</v>
      </c>
    </row>
    <row r="2740" spans="1:10" x14ac:dyDescent="0.35">
      <c r="A2740" t="s">
        <v>10</v>
      </c>
      <c r="B2740" t="s">
        <v>11</v>
      </c>
      <c r="C2740" t="s">
        <v>117</v>
      </c>
      <c r="D2740" t="s">
        <v>118</v>
      </c>
      <c r="E2740">
        <v>2014</v>
      </c>
      <c r="F2740">
        <v>2014</v>
      </c>
      <c r="G2740" t="s">
        <v>14</v>
      </c>
      <c r="H2740" t="s">
        <v>121</v>
      </c>
      <c r="I2740" t="s">
        <v>15</v>
      </c>
      <c r="J2740" s="10">
        <v>43.389301240000002</v>
      </c>
    </row>
    <row r="2741" spans="1:10" x14ac:dyDescent="0.35">
      <c r="A2741" t="s">
        <v>10</v>
      </c>
      <c r="B2741" t="s">
        <v>11</v>
      </c>
      <c r="C2741" t="s">
        <v>117</v>
      </c>
      <c r="D2741" t="s">
        <v>118</v>
      </c>
      <c r="E2741">
        <v>2014</v>
      </c>
      <c r="F2741">
        <v>2014</v>
      </c>
      <c r="G2741" t="s">
        <v>14</v>
      </c>
      <c r="H2741" t="s">
        <v>122</v>
      </c>
      <c r="I2741" t="s">
        <v>15</v>
      </c>
      <c r="J2741" s="10">
        <v>13.16779884</v>
      </c>
    </row>
    <row r="2742" spans="1:10" x14ac:dyDescent="0.35">
      <c r="A2742" t="s">
        <v>10</v>
      </c>
      <c r="B2742" t="s">
        <v>11</v>
      </c>
      <c r="C2742" t="s">
        <v>117</v>
      </c>
      <c r="D2742" t="s">
        <v>118</v>
      </c>
      <c r="E2742">
        <v>2014</v>
      </c>
      <c r="F2742">
        <v>2014</v>
      </c>
      <c r="G2742" t="s">
        <v>14</v>
      </c>
      <c r="H2742" t="s">
        <v>123</v>
      </c>
      <c r="I2742" t="s">
        <v>15</v>
      </c>
      <c r="J2742" s="10">
        <v>8.9206855970000003</v>
      </c>
    </row>
    <row r="2743" spans="1:10" x14ac:dyDescent="0.35">
      <c r="A2743" t="s">
        <v>10</v>
      </c>
      <c r="B2743" t="s">
        <v>11</v>
      </c>
      <c r="C2743" t="s">
        <v>117</v>
      </c>
      <c r="D2743" t="s">
        <v>118</v>
      </c>
      <c r="E2743">
        <v>2014</v>
      </c>
      <c r="F2743">
        <v>2014</v>
      </c>
      <c r="G2743" t="s">
        <v>14</v>
      </c>
      <c r="H2743" t="s">
        <v>124</v>
      </c>
      <c r="I2743" t="s">
        <v>15</v>
      </c>
      <c r="J2743" s="10">
        <v>1.4599815899999999</v>
      </c>
    </row>
    <row r="2744" spans="1:10" x14ac:dyDescent="0.35">
      <c r="A2744" t="s">
        <v>10</v>
      </c>
      <c r="B2744" t="s">
        <v>11</v>
      </c>
      <c r="C2744" t="s">
        <v>117</v>
      </c>
      <c r="D2744" t="s">
        <v>118</v>
      </c>
      <c r="E2744">
        <v>2014</v>
      </c>
      <c r="F2744">
        <v>2014</v>
      </c>
      <c r="G2744" t="s">
        <v>125</v>
      </c>
      <c r="H2744" t="s">
        <v>119</v>
      </c>
      <c r="I2744" t="s">
        <v>15</v>
      </c>
      <c r="J2744" s="10">
        <v>11.31059656</v>
      </c>
    </row>
    <row r="2745" spans="1:10" x14ac:dyDescent="0.35">
      <c r="A2745" t="s">
        <v>10</v>
      </c>
      <c r="B2745" t="s">
        <v>11</v>
      </c>
      <c r="C2745" t="s">
        <v>117</v>
      </c>
      <c r="D2745" t="s">
        <v>118</v>
      </c>
      <c r="E2745">
        <v>2014</v>
      </c>
      <c r="F2745">
        <v>2014</v>
      </c>
      <c r="G2745" t="s">
        <v>125</v>
      </c>
      <c r="H2745" t="s">
        <v>120</v>
      </c>
      <c r="I2745" t="s">
        <v>15</v>
      </c>
      <c r="J2745" s="10">
        <v>19.856279229999998</v>
      </c>
    </row>
    <row r="2746" spans="1:10" x14ac:dyDescent="0.35">
      <c r="A2746" t="s">
        <v>10</v>
      </c>
      <c r="B2746" t="s">
        <v>11</v>
      </c>
      <c r="C2746" t="s">
        <v>117</v>
      </c>
      <c r="D2746" t="s">
        <v>118</v>
      </c>
      <c r="E2746">
        <v>2014</v>
      </c>
      <c r="F2746">
        <v>2014</v>
      </c>
      <c r="G2746" t="s">
        <v>125</v>
      </c>
      <c r="H2746" t="s">
        <v>121</v>
      </c>
      <c r="I2746" t="s">
        <v>15</v>
      </c>
      <c r="J2746" s="10">
        <v>46.492528800000002</v>
      </c>
    </row>
    <row r="2747" spans="1:10" x14ac:dyDescent="0.35">
      <c r="A2747" t="s">
        <v>10</v>
      </c>
      <c r="B2747" t="s">
        <v>11</v>
      </c>
      <c r="C2747" t="s">
        <v>117</v>
      </c>
      <c r="D2747" t="s">
        <v>118</v>
      </c>
      <c r="E2747">
        <v>2014</v>
      </c>
      <c r="F2747">
        <v>2014</v>
      </c>
      <c r="G2747" t="s">
        <v>125</v>
      </c>
      <c r="H2747" t="s">
        <v>122</v>
      </c>
      <c r="I2747" t="s">
        <v>15</v>
      </c>
      <c r="J2747" s="10">
        <v>13.601003759999999</v>
      </c>
    </row>
    <row r="2748" spans="1:10" x14ac:dyDescent="0.35">
      <c r="A2748" t="s">
        <v>10</v>
      </c>
      <c r="B2748" t="s">
        <v>11</v>
      </c>
      <c r="C2748" t="s">
        <v>117</v>
      </c>
      <c r="D2748" t="s">
        <v>118</v>
      </c>
      <c r="E2748">
        <v>2014</v>
      </c>
      <c r="F2748">
        <v>2014</v>
      </c>
      <c r="G2748" t="s">
        <v>125</v>
      </c>
      <c r="H2748" t="s">
        <v>123</v>
      </c>
      <c r="I2748" t="s">
        <v>15</v>
      </c>
      <c r="J2748" s="10">
        <v>7.9114862549999998</v>
      </c>
    </row>
    <row r="2749" spans="1:10" x14ac:dyDescent="0.35">
      <c r="A2749" t="s">
        <v>10</v>
      </c>
      <c r="B2749" t="s">
        <v>11</v>
      </c>
      <c r="C2749" t="s">
        <v>117</v>
      </c>
      <c r="D2749" t="s">
        <v>118</v>
      </c>
      <c r="E2749">
        <v>2014</v>
      </c>
      <c r="F2749">
        <v>2014</v>
      </c>
      <c r="G2749" t="s">
        <v>125</v>
      </c>
      <c r="H2749" t="s">
        <v>124</v>
      </c>
      <c r="I2749" t="s">
        <v>15</v>
      </c>
      <c r="J2749" s="10">
        <v>0.82810539500000002</v>
      </c>
    </row>
    <row r="2750" spans="1:10" x14ac:dyDescent="0.35">
      <c r="A2750" t="s">
        <v>10</v>
      </c>
      <c r="B2750" t="s">
        <v>11</v>
      </c>
      <c r="C2750" t="s">
        <v>117</v>
      </c>
      <c r="D2750" t="s">
        <v>118</v>
      </c>
      <c r="E2750">
        <v>2014</v>
      </c>
      <c r="F2750">
        <v>2014</v>
      </c>
      <c r="G2750" t="s">
        <v>126</v>
      </c>
      <c r="H2750" t="s">
        <v>119</v>
      </c>
      <c r="I2750" t="s">
        <v>15</v>
      </c>
      <c r="J2750" s="10">
        <v>11.012670290000001</v>
      </c>
    </row>
    <row r="2751" spans="1:10" x14ac:dyDescent="0.35">
      <c r="A2751" t="s">
        <v>10</v>
      </c>
      <c r="B2751" t="s">
        <v>11</v>
      </c>
      <c r="C2751" t="s">
        <v>117</v>
      </c>
      <c r="D2751" t="s">
        <v>118</v>
      </c>
      <c r="E2751">
        <v>2014</v>
      </c>
      <c r="F2751">
        <v>2014</v>
      </c>
      <c r="G2751" t="s">
        <v>126</v>
      </c>
      <c r="H2751" t="s">
        <v>120</v>
      </c>
      <c r="I2751" t="s">
        <v>15</v>
      </c>
      <c r="J2751" s="10">
        <v>24.0282938</v>
      </c>
    </row>
    <row r="2752" spans="1:10" x14ac:dyDescent="0.35">
      <c r="A2752" t="s">
        <v>10</v>
      </c>
      <c r="B2752" t="s">
        <v>11</v>
      </c>
      <c r="C2752" t="s">
        <v>117</v>
      </c>
      <c r="D2752" t="s">
        <v>118</v>
      </c>
      <c r="E2752">
        <v>2014</v>
      </c>
      <c r="F2752">
        <v>2014</v>
      </c>
      <c r="G2752" t="s">
        <v>126</v>
      </c>
      <c r="H2752" t="s">
        <v>121</v>
      </c>
      <c r="I2752" t="s">
        <v>15</v>
      </c>
      <c r="J2752" s="10">
        <v>40.149566540000002</v>
      </c>
    </row>
    <row r="2753" spans="1:10" x14ac:dyDescent="0.35">
      <c r="A2753" t="s">
        <v>10</v>
      </c>
      <c r="B2753" t="s">
        <v>11</v>
      </c>
      <c r="C2753" t="s">
        <v>117</v>
      </c>
      <c r="D2753" t="s">
        <v>118</v>
      </c>
      <c r="E2753">
        <v>2014</v>
      </c>
      <c r="F2753">
        <v>2014</v>
      </c>
      <c r="G2753" t="s">
        <v>126</v>
      </c>
      <c r="H2753" t="s">
        <v>122</v>
      </c>
      <c r="I2753" t="s">
        <v>15</v>
      </c>
      <c r="J2753" s="10">
        <v>12.715537769999999</v>
      </c>
    </row>
    <row r="2754" spans="1:10" x14ac:dyDescent="0.35">
      <c r="A2754" t="s">
        <v>10</v>
      </c>
      <c r="B2754" t="s">
        <v>11</v>
      </c>
      <c r="C2754" t="s">
        <v>117</v>
      </c>
      <c r="D2754" t="s">
        <v>118</v>
      </c>
      <c r="E2754">
        <v>2014</v>
      </c>
      <c r="F2754">
        <v>2014</v>
      </c>
      <c r="G2754" t="s">
        <v>126</v>
      </c>
      <c r="H2754" t="s">
        <v>123</v>
      </c>
      <c r="I2754" t="s">
        <v>15</v>
      </c>
      <c r="J2754" s="10">
        <v>9.974278365</v>
      </c>
    </row>
    <row r="2755" spans="1:10" x14ac:dyDescent="0.35">
      <c r="A2755" t="s">
        <v>10</v>
      </c>
      <c r="B2755" t="s">
        <v>11</v>
      </c>
      <c r="C2755" t="s">
        <v>117</v>
      </c>
      <c r="D2755" t="s">
        <v>118</v>
      </c>
      <c r="E2755">
        <v>2014</v>
      </c>
      <c r="F2755">
        <v>2014</v>
      </c>
      <c r="G2755" t="s">
        <v>126</v>
      </c>
      <c r="H2755" t="s">
        <v>124</v>
      </c>
      <c r="I2755" t="s">
        <v>15</v>
      </c>
      <c r="J2755" s="10">
        <v>2.1196532339999998</v>
      </c>
    </row>
    <row r="2756" spans="1:10" x14ac:dyDescent="0.35">
      <c r="A2756" t="s">
        <v>10</v>
      </c>
      <c r="B2756" t="s">
        <v>11</v>
      </c>
      <c r="C2756" t="s">
        <v>117</v>
      </c>
      <c r="D2756" t="s">
        <v>118</v>
      </c>
      <c r="E2756">
        <v>2013</v>
      </c>
      <c r="F2756">
        <v>2013</v>
      </c>
      <c r="G2756" t="s">
        <v>14</v>
      </c>
      <c r="H2756" t="s">
        <v>119</v>
      </c>
      <c r="I2756" t="s">
        <v>15</v>
      </c>
      <c r="J2756" s="10">
        <v>11.13529668</v>
      </c>
    </row>
    <row r="2757" spans="1:10" x14ac:dyDescent="0.35">
      <c r="A2757" t="s">
        <v>10</v>
      </c>
      <c r="B2757" t="s">
        <v>11</v>
      </c>
      <c r="C2757" t="s">
        <v>117</v>
      </c>
      <c r="D2757" t="s">
        <v>118</v>
      </c>
      <c r="E2757">
        <v>2013</v>
      </c>
      <c r="F2757">
        <v>2013</v>
      </c>
      <c r="G2757" t="s">
        <v>14</v>
      </c>
      <c r="H2757" t="s">
        <v>120</v>
      </c>
      <c r="I2757" t="s">
        <v>15</v>
      </c>
      <c r="J2757" s="10">
        <v>22.565918740000001</v>
      </c>
    </row>
    <row r="2758" spans="1:10" x14ac:dyDescent="0.35">
      <c r="A2758" t="s">
        <v>10</v>
      </c>
      <c r="B2758" t="s">
        <v>11</v>
      </c>
      <c r="C2758" t="s">
        <v>117</v>
      </c>
      <c r="D2758" t="s">
        <v>118</v>
      </c>
      <c r="E2758">
        <v>2013</v>
      </c>
      <c r="F2758">
        <v>2013</v>
      </c>
      <c r="G2758" t="s">
        <v>14</v>
      </c>
      <c r="H2758" t="s">
        <v>121</v>
      </c>
      <c r="I2758" t="s">
        <v>15</v>
      </c>
      <c r="J2758" s="10">
        <v>42.668047199999997</v>
      </c>
    </row>
    <row r="2759" spans="1:10" x14ac:dyDescent="0.35">
      <c r="A2759" t="s">
        <v>10</v>
      </c>
      <c r="B2759" t="s">
        <v>11</v>
      </c>
      <c r="C2759" t="s">
        <v>117</v>
      </c>
      <c r="D2759" t="s">
        <v>118</v>
      </c>
      <c r="E2759">
        <v>2013</v>
      </c>
      <c r="F2759">
        <v>2013</v>
      </c>
      <c r="G2759" t="s">
        <v>14</v>
      </c>
      <c r="H2759" t="s">
        <v>122</v>
      </c>
      <c r="I2759" t="s">
        <v>15</v>
      </c>
      <c r="J2759" s="10">
        <v>13.21434034</v>
      </c>
    </row>
    <row r="2760" spans="1:10" x14ac:dyDescent="0.35">
      <c r="A2760" t="s">
        <v>10</v>
      </c>
      <c r="B2760" t="s">
        <v>11</v>
      </c>
      <c r="C2760" t="s">
        <v>117</v>
      </c>
      <c r="D2760" t="s">
        <v>118</v>
      </c>
      <c r="E2760">
        <v>2013</v>
      </c>
      <c r="F2760">
        <v>2013</v>
      </c>
      <c r="G2760" t="s">
        <v>14</v>
      </c>
      <c r="H2760" t="s">
        <v>123</v>
      </c>
      <c r="I2760" t="s">
        <v>15</v>
      </c>
      <c r="J2760" s="10">
        <v>8.9527126399999997</v>
      </c>
    </row>
    <row r="2761" spans="1:10" x14ac:dyDescent="0.35">
      <c r="A2761" t="s">
        <v>10</v>
      </c>
      <c r="B2761" t="s">
        <v>11</v>
      </c>
      <c r="C2761" t="s">
        <v>117</v>
      </c>
      <c r="D2761" t="s">
        <v>118</v>
      </c>
      <c r="E2761">
        <v>2013</v>
      </c>
      <c r="F2761">
        <v>2013</v>
      </c>
      <c r="G2761" t="s">
        <v>14</v>
      </c>
      <c r="H2761" t="s">
        <v>124</v>
      </c>
      <c r="I2761" t="s">
        <v>15</v>
      </c>
      <c r="J2761" s="10">
        <v>1.4636843900000001</v>
      </c>
    </row>
    <row r="2762" spans="1:10" x14ac:dyDescent="0.35">
      <c r="A2762" t="s">
        <v>10</v>
      </c>
      <c r="B2762" t="s">
        <v>11</v>
      </c>
      <c r="C2762" t="s">
        <v>117</v>
      </c>
      <c r="D2762" t="s">
        <v>118</v>
      </c>
      <c r="E2762">
        <v>2013</v>
      </c>
      <c r="F2762">
        <v>2013</v>
      </c>
      <c r="G2762" t="s">
        <v>125</v>
      </c>
      <c r="H2762" t="s">
        <v>119</v>
      </c>
      <c r="I2762" t="s">
        <v>15</v>
      </c>
      <c r="J2762" s="10">
        <v>11.27681119</v>
      </c>
    </row>
    <row r="2763" spans="1:10" x14ac:dyDescent="0.35">
      <c r="A2763" t="s">
        <v>10</v>
      </c>
      <c r="B2763" t="s">
        <v>11</v>
      </c>
      <c r="C2763" t="s">
        <v>117</v>
      </c>
      <c r="D2763" t="s">
        <v>118</v>
      </c>
      <c r="E2763">
        <v>2013</v>
      </c>
      <c r="F2763">
        <v>2013</v>
      </c>
      <c r="G2763" t="s">
        <v>125</v>
      </c>
      <c r="H2763" t="s">
        <v>120</v>
      </c>
      <c r="I2763" t="s">
        <v>15</v>
      </c>
      <c r="J2763" s="10">
        <v>20.848292369999999</v>
      </c>
    </row>
    <row r="2764" spans="1:10" x14ac:dyDescent="0.35">
      <c r="A2764" t="s">
        <v>10</v>
      </c>
      <c r="B2764" t="s">
        <v>11</v>
      </c>
      <c r="C2764" t="s">
        <v>117</v>
      </c>
      <c r="D2764" t="s">
        <v>118</v>
      </c>
      <c r="E2764">
        <v>2013</v>
      </c>
      <c r="F2764">
        <v>2013</v>
      </c>
      <c r="G2764" t="s">
        <v>125</v>
      </c>
      <c r="H2764" t="s">
        <v>121</v>
      </c>
      <c r="I2764" t="s">
        <v>15</v>
      </c>
      <c r="J2764" s="10">
        <v>45.51919359</v>
      </c>
    </row>
    <row r="2765" spans="1:10" x14ac:dyDescent="0.35">
      <c r="A2765" t="s">
        <v>10</v>
      </c>
      <c r="B2765" t="s">
        <v>11</v>
      </c>
      <c r="C2765" t="s">
        <v>117</v>
      </c>
      <c r="D2765" t="s">
        <v>118</v>
      </c>
      <c r="E2765">
        <v>2013</v>
      </c>
      <c r="F2765">
        <v>2013</v>
      </c>
      <c r="G2765" t="s">
        <v>125</v>
      </c>
      <c r="H2765" t="s">
        <v>122</v>
      </c>
      <c r="I2765" t="s">
        <v>15</v>
      </c>
      <c r="J2765" s="10">
        <v>13.66565406</v>
      </c>
    </row>
    <row r="2766" spans="1:10" x14ac:dyDescent="0.35">
      <c r="A2766" t="s">
        <v>10</v>
      </c>
      <c r="B2766" t="s">
        <v>11</v>
      </c>
      <c r="C2766" t="s">
        <v>117</v>
      </c>
      <c r="D2766" t="s">
        <v>118</v>
      </c>
      <c r="E2766">
        <v>2013</v>
      </c>
      <c r="F2766">
        <v>2013</v>
      </c>
      <c r="G2766" t="s">
        <v>125</v>
      </c>
      <c r="H2766" t="s">
        <v>123</v>
      </c>
      <c r="I2766" t="s">
        <v>15</v>
      </c>
      <c r="J2766" s="10">
        <v>7.8500414249999997</v>
      </c>
    </row>
    <row r="2767" spans="1:10" x14ac:dyDescent="0.35">
      <c r="A2767" t="s">
        <v>10</v>
      </c>
      <c r="B2767" t="s">
        <v>11</v>
      </c>
      <c r="C2767" t="s">
        <v>117</v>
      </c>
      <c r="D2767" t="s">
        <v>118</v>
      </c>
      <c r="E2767">
        <v>2013</v>
      </c>
      <c r="F2767">
        <v>2013</v>
      </c>
      <c r="G2767" t="s">
        <v>125</v>
      </c>
      <c r="H2767" t="s">
        <v>124</v>
      </c>
      <c r="I2767" t="s">
        <v>15</v>
      </c>
      <c r="J2767" s="10">
        <v>0.84000736399999998</v>
      </c>
    </row>
    <row r="2768" spans="1:10" x14ac:dyDescent="0.35">
      <c r="A2768" t="s">
        <v>10</v>
      </c>
      <c r="B2768" t="s">
        <v>11</v>
      </c>
      <c r="C2768" t="s">
        <v>117</v>
      </c>
      <c r="D2768" t="s">
        <v>118</v>
      </c>
      <c r="E2768">
        <v>2013</v>
      </c>
      <c r="F2768">
        <v>2013</v>
      </c>
      <c r="G2768" t="s">
        <v>126</v>
      </c>
      <c r="H2768" t="s">
        <v>119</v>
      </c>
      <c r="I2768" t="s">
        <v>15</v>
      </c>
      <c r="J2768" s="10">
        <v>10.987264980000001</v>
      </c>
    </row>
    <row r="2769" spans="1:10" x14ac:dyDescent="0.35">
      <c r="A2769" t="s">
        <v>10</v>
      </c>
      <c r="B2769" t="s">
        <v>11</v>
      </c>
      <c r="C2769" t="s">
        <v>117</v>
      </c>
      <c r="D2769" t="s">
        <v>118</v>
      </c>
      <c r="E2769">
        <v>2013</v>
      </c>
      <c r="F2769">
        <v>2013</v>
      </c>
      <c r="G2769" t="s">
        <v>126</v>
      </c>
      <c r="H2769" t="s">
        <v>120</v>
      </c>
      <c r="I2769" t="s">
        <v>15</v>
      </c>
      <c r="J2769" s="10">
        <v>24.362647150000001</v>
      </c>
    </row>
    <row r="2770" spans="1:10" x14ac:dyDescent="0.35">
      <c r="A2770" t="s">
        <v>10</v>
      </c>
      <c r="B2770" t="s">
        <v>11</v>
      </c>
      <c r="C2770" t="s">
        <v>117</v>
      </c>
      <c r="D2770" t="s">
        <v>118</v>
      </c>
      <c r="E2770">
        <v>2013</v>
      </c>
      <c r="F2770">
        <v>2013</v>
      </c>
      <c r="G2770" t="s">
        <v>126</v>
      </c>
      <c r="H2770" t="s">
        <v>121</v>
      </c>
      <c r="I2770" t="s">
        <v>15</v>
      </c>
      <c r="J2770" s="10">
        <v>39.685596670000002</v>
      </c>
    </row>
    <row r="2771" spans="1:10" x14ac:dyDescent="0.35">
      <c r="A2771" t="s">
        <v>10</v>
      </c>
      <c r="B2771" t="s">
        <v>11</v>
      </c>
      <c r="C2771" t="s">
        <v>117</v>
      </c>
      <c r="D2771" t="s">
        <v>118</v>
      </c>
      <c r="E2771">
        <v>2013</v>
      </c>
      <c r="F2771">
        <v>2013</v>
      </c>
      <c r="G2771" t="s">
        <v>126</v>
      </c>
      <c r="H2771" t="s">
        <v>122</v>
      </c>
      <c r="I2771" t="s">
        <v>15</v>
      </c>
      <c r="J2771" s="10">
        <v>12.74224223</v>
      </c>
    </row>
    <row r="2772" spans="1:10" x14ac:dyDescent="0.35">
      <c r="A2772" t="s">
        <v>10</v>
      </c>
      <c r="B2772" t="s">
        <v>11</v>
      </c>
      <c r="C2772" t="s">
        <v>117</v>
      </c>
      <c r="D2772" t="s">
        <v>118</v>
      </c>
      <c r="E2772">
        <v>2013</v>
      </c>
      <c r="F2772">
        <v>2013</v>
      </c>
      <c r="G2772" t="s">
        <v>126</v>
      </c>
      <c r="H2772" t="s">
        <v>123</v>
      </c>
      <c r="I2772" t="s">
        <v>15</v>
      </c>
      <c r="J2772" s="10">
        <v>10.10616529</v>
      </c>
    </row>
    <row r="2773" spans="1:10" x14ac:dyDescent="0.35">
      <c r="A2773" t="s">
        <v>10</v>
      </c>
      <c r="B2773" t="s">
        <v>11</v>
      </c>
      <c r="C2773" t="s">
        <v>117</v>
      </c>
      <c r="D2773" t="s">
        <v>118</v>
      </c>
      <c r="E2773">
        <v>2013</v>
      </c>
      <c r="F2773">
        <v>2013</v>
      </c>
      <c r="G2773" t="s">
        <v>126</v>
      </c>
      <c r="H2773" t="s">
        <v>124</v>
      </c>
      <c r="I2773" t="s">
        <v>15</v>
      </c>
      <c r="J2773" s="10">
        <v>2.11608368</v>
      </c>
    </row>
    <row r="2774" spans="1:10" x14ac:dyDescent="0.35">
      <c r="A2774" t="s">
        <v>10</v>
      </c>
      <c r="B2774" t="s">
        <v>11</v>
      </c>
      <c r="C2774" t="s">
        <v>117</v>
      </c>
      <c r="D2774" t="s">
        <v>118</v>
      </c>
      <c r="E2774">
        <v>2012</v>
      </c>
      <c r="F2774">
        <v>2012</v>
      </c>
      <c r="G2774" t="s">
        <v>14</v>
      </c>
      <c r="H2774" t="s">
        <v>119</v>
      </c>
      <c r="I2774" t="s">
        <v>15</v>
      </c>
      <c r="J2774" s="10">
        <v>10.97046916</v>
      </c>
    </row>
    <row r="2775" spans="1:10" x14ac:dyDescent="0.35">
      <c r="A2775" t="s">
        <v>10</v>
      </c>
      <c r="B2775" t="s">
        <v>11</v>
      </c>
      <c r="C2775" t="s">
        <v>117</v>
      </c>
      <c r="D2775" t="s">
        <v>118</v>
      </c>
      <c r="E2775">
        <v>2012</v>
      </c>
      <c r="F2775">
        <v>2012</v>
      </c>
      <c r="G2775" t="s">
        <v>14</v>
      </c>
      <c r="H2775" t="s">
        <v>120</v>
      </c>
      <c r="I2775" t="s">
        <v>15</v>
      </c>
      <c r="J2775" s="10">
        <v>23.194808290000001</v>
      </c>
    </row>
    <row r="2776" spans="1:10" x14ac:dyDescent="0.35">
      <c r="A2776" t="s">
        <v>10</v>
      </c>
      <c r="B2776" t="s">
        <v>11</v>
      </c>
      <c r="C2776" t="s">
        <v>117</v>
      </c>
      <c r="D2776" t="s">
        <v>118</v>
      </c>
      <c r="E2776">
        <v>2012</v>
      </c>
      <c r="F2776">
        <v>2012</v>
      </c>
      <c r="G2776" t="s">
        <v>14</v>
      </c>
      <c r="H2776" t="s">
        <v>121</v>
      </c>
      <c r="I2776" t="s">
        <v>15</v>
      </c>
      <c r="J2776" s="10">
        <v>42.098118599999999</v>
      </c>
    </row>
    <row r="2777" spans="1:10" x14ac:dyDescent="0.35">
      <c r="A2777" t="s">
        <v>10</v>
      </c>
      <c r="B2777" t="s">
        <v>11</v>
      </c>
      <c r="C2777" t="s">
        <v>117</v>
      </c>
      <c r="D2777" t="s">
        <v>118</v>
      </c>
      <c r="E2777">
        <v>2012</v>
      </c>
      <c r="F2777">
        <v>2012</v>
      </c>
      <c r="G2777" t="s">
        <v>14</v>
      </c>
      <c r="H2777" t="s">
        <v>122</v>
      </c>
      <c r="I2777" t="s">
        <v>15</v>
      </c>
      <c r="J2777" s="10">
        <v>13.211478919999999</v>
      </c>
    </row>
    <row r="2778" spans="1:10" x14ac:dyDescent="0.35">
      <c r="A2778" t="s">
        <v>10</v>
      </c>
      <c r="B2778" t="s">
        <v>11</v>
      </c>
      <c r="C2778" t="s">
        <v>117</v>
      </c>
      <c r="D2778" t="s">
        <v>118</v>
      </c>
      <c r="E2778">
        <v>2012</v>
      </c>
      <c r="F2778">
        <v>2012</v>
      </c>
      <c r="G2778" t="s">
        <v>14</v>
      </c>
      <c r="H2778" t="s">
        <v>123</v>
      </c>
      <c r="I2778" t="s">
        <v>15</v>
      </c>
      <c r="J2778" s="10">
        <v>9.0200047629999993</v>
      </c>
    </row>
    <row r="2779" spans="1:10" x14ac:dyDescent="0.35">
      <c r="A2779" t="s">
        <v>10</v>
      </c>
      <c r="B2779" t="s">
        <v>11</v>
      </c>
      <c r="C2779" t="s">
        <v>117</v>
      </c>
      <c r="D2779" t="s">
        <v>118</v>
      </c>
      <c r="E2779">
        <v>2012</v>
      </c>
      <c r="F2779">
        <v>2012</v>
      </c>
      <c r="G2779" t="s">
        <v>14</v>
      </c>
      <c r="H2779" t="s">
        <v>124</v>
      </c>
      <c r="I2779" t="s">
        <v>15</v>
      </c>
      <c r="J2779" s="10">
        <v>1.5051202669999999</v>
      </c>
    </row>
    <row r="2780" spans="1:10" x14ac:dyDescent="0.35">
      <c r="A2780" t="s">
        <v>10</v>
      </c>
      <c r="B2780" t="s">
        <v>11</v>
      </c>
      <c r="C2780" t="s">
        <v>117</v>
      </c>
      <c r="D2780" t="s">
        <v>118</v>
      </c>
      <c r="E2780">
        <v>2012</v>
      </c>
      <c r="F2780">
        <v>2012</v>
      </c>
      <c r="G2780" t="s">
        <v>125</v>
      </c>
      <c r="H2780" t="s">
        <v>119</v>
      </c>
      <c r="I2780" t="s">
        <v>15</v>
      </c>
      <c r="J2780" s="10">
        <v>11.185980669999999</v>
      </c>
    </row>
    <row r="2781" spans="1:10" x14ac:dyDescent="0.35">
      <c r="A2781" t="s">
        <v>10</v>
      </c>
      <c r="B2781" t="s">
        <v>11</v>
      </c>
      <c r="C2781" t="s">
        <v>117</v>
      </c>
      <c r="D2781" t="s">
        <v>118</v>
      </c>
      <c r="E2781">
        <v>2012</v>
      </c>
      <c r="F2781">
        <v>2012</v>
      </c>
      <c r="G2781" t="s">
        <v>125</v>
      </c>
      <c r="H2781" t="s">
        <v>120</v>
      </c>
      <c r="I2781" t="s">
        <v>15</v>
      </c>
      <c r="J2781" s="10">
        <v>21.48522496</v>
      </c>
    </row>
    <row r="2782" spans="1:10" x14ac:dyDescent="0.35">
      <c r="A2782" t="s">
        <v>10</v>
      </c>
      <c r="B2782" t="s">
        <v>11</v>
      </c>
      <c r="C2782" t="s">
        <v>117</v>
      </c>
      <c r="D2782" t="s">
        <v>118</v>
      </c>
      <c r="E2782">
        <v>2012</v>
      </c>
      <c r="F2782">
        <v>2012</v>
      </c>
      <c r="G2782" t="s">
        <v>125</v>
      </c>
      <c r="H2782" t="s">
        <v>121</v>
      </c>
      <c r="I2782" t="s">
        <v>15</v>
      </c>
      <c r="J2782" s="10">
        <v>45.001286819999997</v>
      </c>
    </row>
    <row r="2783" spans="1:10" x14ac:dyDescent="0.35">
      <c r="A2783" t="s">
        <v>10</v>
      </c>
      <c r="B2783" t="s">
        <v>11</v>
      </c>
      <c r="C2783" t="s">
        <v>117</v>
      </c>
      <c r="D2783" t="s">
        <v>118</v>
      </c>
      <c r="E2783">
        <v>2012</v>
      </c>
      <c r="F2783">
        <v>2012</v>
      </c>
      <c r="G2783" t="s">
        <v>125</v>
      </c>
      <c r="H2783" t="s">
        <v>122</v>
      </c>
      <c r="I2783" t="s">
        <v>15</v>
      </c>
      <c r="J2783" s="10">
        <v>13.656676259999999</v>
      </c>
    </row>
    <row r="2784" spans="1:10" x14ac:dyDescent="0.35">
      <c r="A2784" t="s">
        <v>10</v>
      </c>
      <c r="B2784" t="s">
        <v>11</v>
      </c>
      <c r="C2784" t="s">
        <v>117</v>
      </c>
      <c r="D2784" t="s">
        <v>118</v>
      </c>
      <c r="E2784">
        <v>2012</v>
      </c>
      <c r="F2784">
        <v>2012</v>
      </c>
      <c r="G2784" t="s">
        <v>125</v>
      </c>
      <c r="H2784" t="s">
        <v>123</v>
      </c>
      <c r="I2784" t="s">
        <v>15</v>
      </c>
      <c r="J2784" s="10">
        <v>7.8051519620000001</v>
      </c>
    </row>
    <row r="2785" spans="1:10" x14ac:dyDescent="0.35">
      <c r="A2785" t="s">
        <v>10</v>
      </c>
      <c r="B2785" t="s">
        <v>11</v>
      </c>
      <c r="C2785" t="s">
        <v>117</v>
      </c>
      <c r="D2785" t="s">
        <v>118</v>
      </c>
      <c r="E2785">
        <v>2012</v>
      </c>
      <c r="F2785">
        <v>2012</v>
      </c>
      <c r="G2785" t="s">
        <v>125</v>
      </c>
      <c r="H2785" t="s">
        <v>124</v>
      </c>
      <c r="I2785" t="s">
        <v>15</v>
      </c>
      <c r="J2785" s="10">
        <v>0.86567932400000003</v>
      </c>
    </row>
    <row r="2786" spans="1:10" x14ac:dyDescent="0.35">
      <c r="A2786" t="s">
        <v>10</v>
      </c>
      <c r="B2786" t="s">
        <v>11</v>
      </c>
      <c r="C2786" t="s">
        <v>117</v>
      </c>
      <c r="D2786" t="s">
        <v>118</v>
      </c>
      <c r="E2786">
        <v>2012</v>
      </c>
      <c r="F2786">
        <v>2012</v>
      </c>
      <c r="G2786" t="s">
        <v>126</v>
      </c>
      <c r="H2786" t="s">
        <v>119</v>
      </c>
      <c r="I2786" t="s">
        <v>15</v>
      </c>
      <c r="J2786" s="10">
        <v>10.747108320000001</v>
      </c>
    </row>
    <row r="2787" spans="1:10" x14ac:dyDescent="0.35">
      <c r="A2787" t="s">
        <v>10</v>
      </c>
      <c r="B2787" t="s">
        <v>11</v>
      </c>
      <c r="C2787" t="s">
        <v>117</v>
      </c>
      <c r="D2787" t="s">
        <v>118</v>
      </c>
      <c r="E2787">
        <v>2012</v>
      </c>
      <c r="F2787">
        <v>2012</v>
      </c>
      <c r="G2787" t="s">
        <v>126</v>
      </c>
      <c r="H2787" t="s">
        <v>120</v>
      </c>
      <c r="I2787" t="s">
        <v>15</v>
      </c>
      <c r="J2787" s="10">
        <v>24.966657779999998</v>
      </c>
    </row>
    <row r="2788" spans="1:10" x14ac:dyDescent="0.35">
      <c r="A2788" t="s">
        <v>10</v>
      </c>
      <c r="B2788" t="s">
        <v>11</v>
      </c>
      <c r="C2788" t="s">
        <v>117</v>
      </c>
      <c r="D2788" t="s">
        <v>118</v>
      </c>
      <c r="E2788">
        <v>2012</v>
      </c>
      <c r="F2788">
        <v>2012</v>
      </c>
      <c r="G2788" t="s">
        <v>126</v>
      </c>
      <c r="H2788" t="s">
        <v>121</v>
      </c>
      <c r="I2788" t="s">
        <v>15</v>
      </c>
      <c r="J2788" s="10">
        <v>39.089211669999997</v>
      </c>
    </row>
    <row r="2789" spans="1:10" x14ac:dyDescent="0.35">
      <c r="A2789" t="s">
        <v>10</v>
      </c>
      <c r="B2789" t="s">
        <v>11</v>
      </c>
      <c r="C2789" t="s">
        <v>117</v>
      </c>
      <c r="D2789" t="s">
        <v>118</v>
      </c>
      <c r="E2789">
        <v>2012</v>
      </c>
      <c r="F2789">
        <v>2012</v>
      </c>
      <c r="G2789" t="s">
        <v>126</v>
      </c>
      <c r="H2789" t="s">
        <v>122</v>
      </c>
      <c r="I2789" t="s">
        <v>15</v>
      </c>
      <c r="J2789" s="10">
        <v>12.75006668</v>
      </c>
    </row>
    <row r="2790" spans="1:10" x14ac:dyDescent="0.35">
      <c r="A2790" t="s">
        <v>10</v>
      </c>
      <c r="B2790" t="s">
        <v>11</v>
      </c>
      <c r="C2790" t="s">
        <v>117</v>
      </c>
      <c r="D2790" t="s">
        <v>118</v>
      </c>
      <c r="E2790">
        <v>2012</v>
      </c>
      <c r="F2790">
        <v>2012</v>
      </c>
      <c r="G2790" t="s">
        <v>126</v>
      </c>
      <c r="H2790" t="s">
        <v>123</v>
      </c>
      <c r="I2790" t="s">
        <v>15</v>
      </c>
      <c r="J2790" s="10">
        <v>10.27910473</v>
      </c>
    </row>
    <row r="2791" spans="1:10" x14ac:dyDescent="0.35">
      <c r="A2791" t="s">
        <v>10</v>
      </c>
      <c r="B2791" t="s">
        <v>11</v>
      </c>
      <c r="C2791" t="s">
        <v>117</v>
      </c>
      <c r="D2791" t="s">
        <v>118</v>
      </c>
      <c r="E2791">
        <v>2012</v>
      </c>
      <c r="F2791">
        <v>2012</v>
      </c>
      <c r="G2791" t="s">
        <v>126</v>
      </c>
      <c r="H2791" t="s">
        <v>124</v>
      </c>
      <c r="I2791" t="s">
        <v>15</v>
      </c>
      <c r="J2791" s="10">
        <v>2.167850821</v>
      </c>
    </row>
    <row r="2792" spans="1:10" x14ac:dyDescent="0.35">
      <c r="A2792" t="s">
        <v>10</v>
      </c>
      <c r="B2792" t="s">
        <v>11</v>
      </c>
      <c r="C2792" t="s">
        <v>117</v>
      </c>
      <c r="D2792" t="s">
        <v>118</v>
      </c>
      <c r="E2792">
        <v>2011</v>
      </c>
      <c r="F2792">
        <v>2011</v>
      </c>
      <c r="G2792" t="s">
        <v>14</v>
      </c>
      <c r="H2792" t="s">
        <v>119</v>
      </c>
      <c r="I2792" t="s">
        <v>15</v>
      </c>
      <c r="J2792" s="10">
        <v>10.566767370000001</v>
      </c>
    </row>
    <row r="2793" spans="1:10" x14ac:dyDescent="0.35">
      <c r="A2793" t="s">
        <v>10</v>
      </c>
      <c r="B2793" t="s">
        <v>11</v>
      </c>
      <c r="C2793" t="s">
        <v>117</v>
      </c>
      <c r="D2793" t="s">
        <v>118</v>
      </c>
      <c r="E2793">
        <v>2011</v>
      </c>
      <c r="F2793">
        <v>2011</v>
      </c>
      <c r="G2793" t="s">
        <v>14</v>
      </c>
      <c r="H2793" t="s">
        <v>120</v>
      </c>
      <c r="I2793" t="s">
        <v>15</v>
      </c>
      <c r="J2793" s="10">
        <v>23.751057400000001</v>
      </c>
    </row>
    <row r="2794" spans="1:10" x14ac:dyDescent="0.35">
      <c r="A2794" t="s">
        <v>10</v>
      </c>
      <c r="B2794" t="s">
        <v>11</v>
      </c>
      <c r="C2794" t="s">
        <v>117</v>
      </c>
      <c r="D2794" t="s">
        <v>118</v>
      </c>
      <c r="E2794">
        <v>2011</v>
      </c>
      <c r="F2794">
        <v>2011</v>
      </c>
      <c r="G2794" t="s">
        <v>14</v>
      </c>
      <c r="H2794" t="s">
        <v>121</v>
      </c>
      <c r="I2794" t="s">
        <v>15</v>
      </c>
      <c r="J2794" s="10">
        <v>41.969788520000002</v>
      </c>
    </row>
    <row r="2795" spans="1:10" x14ac:dyDescent="0.35">
      <c r="A2795" t="s">
        <v>10</v>
      </c>
      <c r="B2795" t="s">
        <v>11</v>
      </c>
      <c r="C2795" t="s">
        <v>117</v>
      </c>
      <c r="D2795" t="s">
        <v>118</v>
      </c>
      <c r="E2795">
        <v>2011</v>
      </c>
      <c r="F2795">
        <v>2011</v>
      </c>
      <c r="G2795" t="s">
        <v>14</v>
      </c>
      <c r="H2795" t="s">
        <v>122</v>
      </c>
      <c r="I2795" t="s">
        <v>15</v>
      </c>
      <c r="J2795" s="10">
        <v>13.22900302</v>
      </c>
    </row>
    <row r="2796" spans="1:10" x14ac:dyDescent="0.35">
      <c r="A2796" t="s">
        <v>10</v>
      </c>
      <c r="B2796" t="s">
        <v>11</v>
      </c>
      <c r="C2796" t="s">
        <v>117</v>
      </c>
      <c r="D2796" t="s">
        <v>118</v>
      </c>
      <c r="E2796">
        <v>2011</v>
      </c>
      <c r="F2796">
        <v>2011</v>
      </c>
      <c r="G2796" t="s">
        <v>14</v>
      </c>
      <c r="H2796" t="s">
        <v>123</v>
      </c>
      <c r="I2796" t="s">
        <v>15</v>
      </c>
      <c r="J2796" s="10">
        <v>8.9824773409999992</v>
      </c>
    </row>
    <row r="2797" spans="1:10" x14ac:dyDescent="0.35">
      <c r="A2797" t="s">
        <v>10</v>
      </c>
      <c r="B2797" t="s">
        <v>11</v>
      </c>
      <c r="C2797" t="s">
        <v>117</v>
      </c>
      <c r="D2797" t="s">
        <v>118</v>
      </c>
      <c r="E2797">
        <v>2011</v>
      </c>
      <c r="F2797">
        <v>2011</v>
      </c>
      <c r="G2797" t="s">
        <v>14</v>
      </c>
      <c r="H2797" t="s">
        <v>124</v>
      </c>
      <c r="I2797" t="s">
        <v>15</v>
      </c>
      <c r="J2797" s="10">
        <v>1.5009063439999999</v>
      </c>
    </row>
    <row r="2798" spans="1:10" x14ac:dyDescent="0.35">
      <c r="A2798" t="s">
        <v>10</v>
      </c>
      <c r="B2798" t="s">
        <v>11</v>
      </c>
      <c r="C2798" t="s">
        <v>117</v>
      </c>
      <c r="D2798" t="s">
        <v>118</v>
      </c>
      <c r="E2798">
        <v>2011</v>
      </c>
      <c r="F2798">
        <v>2011</v>
      </c>
      <c r="G2798" t="s">
        <v>125</v>
      </c>
      <c r="H2798" t="s">
        <v>119</v>
      </c>
      <c r="I2798" t="s">
        <v>15</v>
      </c>
      <c r="J2798" s="10">
        <v>10.70562503</v>
      </c>
    </row>
    <row r="2799" spans="1:10" x14ac:dyDescent="0.35">
      <c r="A2799" t="s">
        <v>10</v>
      </c>
      <c r="B2799" t="s">
        <v>11</v>
      </c>
      <c r="C2799" t="s">
        <v>117</v>
      </c>
      <c r="D2799" t="s">
        <v>118</v>
      </c>
      <c r="E2799">
        <v>2011</v>
      </c>
      <c r="F2799">
        <v>2011</v>
      </c>
      <c r="G2799" t="s">
        <v>125</v>
      </c>
      <c r="H2799" t="s">
        <v>120</v>
      </c>
      <c r="I2799" t="s">
        <v>15</v>
      </c>
      <c r="J2799" s="10">
        <v>22.114973129999999</v>
      </c>
    </row>
    <row r="2800" spans="1:10" x14ac:dyDescent="0.35">
      <c r="A2800" t="s">
        <v>10</v>
      </c>
      <c r="B2800" t="s">
        <v>11</v>
      </c>
      <c r="C2800" t="s">
        <v>117</v>
      </c>
      <c r="D2800" t="s">
        <v>118</v>
      </c>
      <c r="E2800">
        <v>2011</v>
      </c>
      <c r="F2800">
        <v>2011</v>
      </c>
      <c r="G2800" t="s">
        <v>125</v>
      </c>
      <c r="H2800" t="s">
        <v>121</v>
      </c>
      <c r="I2800" t="s">
        <v>15</v>
      </c>
      <c r="J2800" s="10">
        <v>44.852836289999999</v>
      </c>
    </row>
    <row r="2801" spans="1:10" x14ac:dyDescent="0.35">
      <c r="A2801" t="s">
        <v>10</v>
      </c>
      <c r="B2801" t="s">
        <v>11</v>
      </c>
      <c r="C2801" t="s">
        <v>117</v>
      </c>
      <c r="D2801" t="s">
        <v>118</v>
      </c>
      <c r="E2801">
        <v>2011</v>
      </c>
      <c r="F2801">
        <v>2011</v>
      </c>
      <c r="G2801" t="s">
        <v>125</v>
      </c>
      <c r="H2801" t="s">
        <v>122</v>
      </c>
      <c r="I2801" t="s">
        <v>15</v>
      </c>
      <c r="J2801" s="10">
        <v>13.748751840000001</v>
      </c>
    </row>
    <row r="2802" spans="1:10" x14ac:dyDescent="0.35">
      <c r="A2802" t="s">
        <v>10</v>
      </c>
      <c r="B2802" t="s">
        <v>11</v>
      </c>
      <c r="C2802" t="s">
        <v>117</v>
      </c>
      <c r="D2802" t="s">
        <v>118</v>
      </c>
      <c r="E2802">
        <v>2011</v>
      </c>
      <c r="F2802">
        <v>2011</v>
      </c>
      <c r="G2802" t="s">
        <v>125</v>
      </c>
      <c r="H2802" t="s">
        <v>123</v>
      </c>
      <c r="I2802" t="s">
        <v>15</v>
      </c>
      <c r="J2802" s="10">
        <v>7.7290666159999999</v>
      </c>
    </row>
    <row r="2803" spans="1:10" x14ac:dyDescent="0.35">
      <c r="A2803" t="s">
        <v>10</v>
      </c>
      <c r="B2803" t="s">
        <v>11</v>
      </c>
      <c r="C2803" t="s">
        <v>117</v>
      </c>
      <c r="D2803" t="s">
        <v>118</v>
      </c>
      <c r="E2803">
        <v>2011</v>
      </c>
      <c r="F2803">
        <v>2011</v>
      </c>
      <c r="G2803" t="s">
        <v>125</v>
      </c>
      <c r="H2803" t="s">
        <v>124</v>
      </c>
      <c r="I2803" t="s">
        <v>15</v>
      </c>
      <c r="J2803" s="10">
        <v>0.84874708799999998</v>
      </c>
    </row>
    <row r="2804" spans="1:10" x14ac:dyDescent="0.35">
      <c r="A2804" t="s">
        <v>10</v>
      </c>
      <c r="B2804" t="s">
        <v>11</v>
      </c>
      <c r="C2804" t="s">
        <v>117</v>
      </c>
      <c r="D2804" t="s">
        <v>118</v>
      </c>
      <c r="E2804">
        <v>2011</v>
      </c>
      <c r="F2804">
        <v>2011</v>
      </c>
      <c r="G2804" t="s">
        <v>126</v>
      </c>
      <c r="H2804" t="s">
        <v>119</v>
      </c>
      <c r="I2804" t="s">
        <v>15</v>
      </c>
      <c r="J2804" s="10">
        <v>10.42322061</v>
      </c>
    </row>
    <row r="2805" spans="1:10" x14ac:dyDescent="0.35">
      <c r="A2805" t="s">
        <v>10</v>
      </c>
      <c r="B2805" t="s">
        <v>11</v>
      </c>
      <c r="C2805" t="s">
        <v>117</v>
      </c>
      <c r="D2805" t="s">
        <v>118</v>
      </c>
      <c r="E2805">
        <v>2011</v>
      </c>
      <c r="F2805">
        <v>2011</v>
      </c>
      <c r="G2805" t="s">
        <v>126</v>
      </c>
      <c r="H2805" t="s">
        <v>120</v>
      </c>
      <c r="I2805" t="s">
        <v>15</v>
      </c>
      <c r="J2805" s="10">
        <v>25.442390880000001</v>
      </c>
    </row>
    <row r="2806" spans="1:10" x14ac:dyDescent="0.35">
      <c r="A2806" t="s">
        <v>10</v>
      </c>
      <c r="B2806" t="s">
        <v>11</v>
      </c>
      <c r="C2806" t="s">
        <v>117</v>
      </c>
      <c r="D2806" t="s">
        <v>118</v>
      </c>
      <c r="E2806">
        <v>2011</v>
      </c>
      <c r="F2806">
        <v>2011</v>
      </c>
      <c r="G2806" t="s">
        <v>126</v>
      </c>
      <c r="H2806" t="s">
        <v>121</v>
      </c>
      <c r="I2806" t="s">
        <v>15</v>
      </c>
      <c r="J2806" s="10">
        <v>38.989382620000001</v>
      </c>
    </row>
    <row r="2807" spans="1:10" x14ac:dyDescent="0.35">
      <c r="A2807" t="s">
        <v>10</v>
      </c>
      <c r="B2807" t="s">
        <v>11</v>
      </c>
      <c r="C2807" t="s">
        <v>117</v>
      </c>
      <c r="D2807" t="s">
        <v>118</v>
      </c>
      <c r="E2807">
        <v>2011</v>
      </c>
      <c r="F2807">
        <v>2011</v>
      </c>
      <c r="G2807" t="s">
        <v>126</v>
      </c>
      <c r="H2807" t="s">
        <v>122</v>
      </c>
      <c r="I2807" t="s">
        <v>15</v>
      </c>
      <c r="J2807" s="10">
        <v>12.691702709999999</v>
      </c>
    </row>
    <row r="2808" spans="1:10" x14ac:dyDescent="0.35">
      <c r="A2808" t="s">
        <v>10</v>
      </c>
      <c r="B2808" t="s">
        <v>11</v>
      </c>
      <c r="C2808" t="s">
        <v>117</v>
      </c>
      <c r="D2808" t="s">
        <v>118</v>
      </c>
      <c r="E2808">
        <v>2011</v>
      </c>
      <c r="F2808">
        <v>2011</v>
      </c>
      <c r="G2808" t="s">
        <v>126</v>
      </c>
      <c r="H2808" t="s">
        <v>123</v>
      </c>
      <c r="I2808" t="s">
        <v>15</v>
      </c>
      <c r="J2808" s="10">
        <v>10.27821471</v>
      </c>
    </row>
    <row r="2809" spans="1:10" x14ac:dyDescent="0.35">
      <c r="A2809" t="s">
        <v>10</v>
      </c>
      <c r="B2809" t="s">
        <v>11</v>
      </c>
      <c r="C2809" t="s">
        <v>117</v>
      </c>
      <c r="D2809" t="s">
        <v>118</v>
      </c>
      <c r="E2809">
        <v>2011</v>
      </c>
      <c r="F2809">
        <v>2011</v>
      </c>
      <c r="G2809" t="s">
        <v>126</v>
      </c>
      <c r="H2809" t="s">
        <v>124</v>
      </c>
      <c r="I2809" t="s">
        <v>15</v>
      </c>
      <c r="J2809" s="10">
        <v>2.1750884780000002</v>
      </c>
    </row>
    <row r="2810" spans="1:10" x14ac:dyDescent="0.35">
      <c r="A2810" t="s">
        <v>10</v>
      </c>
      <c r="B2810" t="s">
        <v>16</v>
      </c>
      <c r="C2810" t="s">
        <v>117</v>
      </c>
      <c r="D2810" t="s">
        <v>118</v>
      </c>
      <c r="E2810">
        <v>2020</v>
      </c>
      <c r="F2810">
        <v>2020</v>
      </c>
      <c r="G2810" t="s">
        <v>14</v>
      </c>
      <c r="H2810" t="s">
        <v>119</v>
      </c>
      <c r="I2810" t="s">
        <v>15</v>
      </c>
      <c r="J2810" s="10">
        <v>17.864786290000001</v>
      </c>
    </row>
    <row r="2811" spans="1:10" x14ac:dyDescent="0.35">
      <c r="A2811" t="s">
        <v>10</v>
      </c>
      <c r="B2811" t="s">
        <v>16</v>
      </c>
      <c r="C2811" t="s">
        <v>117</v>
      </c>
      <c r="D2811" t="s">
        <v>118</v>
      </c>
      <c r="E2811">
        <v>2020</v>
      </c>
      <c r="F2811">
        <v>2020</v>
      </c>
      <c r="G2811" t="s">
        <v>14</v>
      </c>
      <c r="H2811" t="s">
        <v>120</v>
      </c>
      <c r="I2811" t="s">
        <v>15</v>
      </c>
      <c r="J2811" s="10">
        <v>7.5734520940000003</v>
      </c>
    </row>
    <row r="2812" spans="1:10" x14ac:dyDescent="0.35">
      <c r="A2812" t="s">
        <v>10</v>
      </c>
      <c r="B2812" t="s">
        <v>16</v>
      </c>
      <c r="C2812" t="s">
        <v>117</v>
      </c>
      <c r="D2812" t="s">
        <v>118</v>
      </c>
      <c r="E2812">
        <v>2020</v>
      </c>
      <c r="F2812">
        <v>2020</v>
      </c>
      <c r="G2812" t="s">
        <v>14</v>
      </c>
      <c r="H2812" t="s">
        <v>121</v>
      </c>
      <c r="I2812" t="s">
        <v>15</v>
      </c>
      <c r="J2812" s="10">
        <v>36.355539059999998</v>
      </c>
    </row>
    <row r="2813" spans="1:10" x14ac:dyDescent="0.35">
      <c r="A2813" t="s">
        <v>10</v>
      </c>
      <c r="B2813" t="s">
        <v>16</v>
      </c>
      <c r="C2813" t="s">
        <v>117</v>
      </c>
      <c r="D2813" t="s">
        <v>118</v>
      </c>
      <c r="E2813">
        <v>2020</v>
      </c>
      <c r="F2813">
        <v>2020</v>
      </c>
      <c r="G2813" t="s">
        <v>14</v>
      </c>
      <c r="H2813" t="s">
        <v>122</v>
      </c>
      <c r="I2813" t="s">
        <v>15</v>
      </c>
      <c r="J2813" s="10">
        <v>19.46805221</v>
      </c>
    </row>
    <row r="2814" spans="1:10" x14ac:dyDescent="0.35">
      <c r="A2814" t="s">
        <v>10</v>
      </c>
      <c r="B2814" t="s">
        <v>16</v>
      </c>
      <c r="C2814" t="s">
        <v>117</v>
      </c>
      <c r="D2814" t="s">
        <v>118</v>
      </c>
      <c r="E2814">
        <v>2020</v>
      </c>
      <c r="F2814">
        <v>2020</v>
      </c>
      <c r="G2814" t="s">
        <v>14</v>
      </c>
      <c r="H2814" t="s">
        <v>123</v>
      </c>
      <c r="I2814" t="s">
        <v>15</v>
      </c>
      <c r="J2814" s="10">
        <v>16.5559473</v>
      </c>
    </row>
    <row r="2815" spans="1:10" x14ac:dyDescent="0.35">
      <c r="A2815" t="s">
        <v>10</v>
      </c>
      <c r="B2815" t="s">
        <v>16</v>
      </c>
      <c r="C2815" t="s">
        <v>117</v>
      </c>
      <c r="D2815" t="s">
        <v>118</v>
      </c>
      <c r="E2815">
        <v>2020</v>
      </c>
      <c r="F2815">
        <v>2020</v>
      </c>
      <c r="G2815" t="s">
        <v>14</v>
      </c>
      <c r="H2815" t="s">
        <v>124</v>
      </c>
      <c r="I2815" t="s">
        <v>15</v>
      </c>
      <c r="J2815" s="10">
        <v>2.1822230469999999</v>
      </c>
    </row>
    <row r="2816" spans="1:10" x14ac:dyDescent="0.35">
      <c r="A2816" t="s">
        <v>10</v>
      </c>
      <c r="B2816" t="s">
        <v>16</v>
      </c>
      <c r="C2816" t="s">
        <v>117</v>
      </c>
      <c r="D2816" t="s">
        <v>118</v>
      </c>
      <c r="E2816">
        <v>2020</v>
      </c>
      <c r="F2816">
        <v>2020</v>
      </c>
      <c r="G2816" t="s">
        <v>125</v>
      </c>
      <c r="H2816" t="s">
        <v>119</v>
      </c>
      <c r="I2816" t="s">
        <v>15</v>
      </c>
      <c r="J2816" s="10">
        <v>18.77408234</v>
      </c>
    </row>
    <row r="2817" spans="1:10" x14ac:dyDescent="0.35">
      <c r="A2817" t="s">
        <v>10</v>
      </c>
      <c r="B2817" t="s">
        <v>16</v>
      </c>
      <c r="C2817" t="s">
        <v>117</v>
      </c>
      <c r="D2817" t="s">
        <v>118</v>
      </c>
      <c r="E2817">
        <v>2020</v>
      </c>
      <c r="F2817">
        <v>2020</v>
      </c>
      <c r="G2817" t="s">
        <v>125</v>
      </c>
      <c r="H2817" t="s">
        <v>120</v>
      </c>
      <c r="I2817" t="s">
        <v>15</v>
      </c>
      <c r="J2817" s="10">
        <v>7.7342324070000004</v>
      </c>
    </row>
    <row r="2818" spans="1:10" x14ac:dyDescent="0.35">
      <c r="A2818" t="s">
        <v>10</v>
      </c>
      <c r="B2818" t="s">
        <v>16</v>
      </c>
      <c r="C2818" t="s">
        <v>117</v>
      </c>
      <c r="D2818" t="s">
        <v>118</v>
      </c>
      <c r="E2818">
        <v>2020</v>
      </c>
      <c r="F2818">
        <v>2020</v>
      </c>
      <c r="G2818" t="s">
        <v>125</v>
      </c>
      <c r="H2818" t="s">
        <v>121</v>
      </c>
      <c r="I2818" t="s">
        <v>15</v>
      </c>
      <c r="J2818" s="10">
        <v>37.14256743</v>
      </c>
    </row>
    <row r="2819" spans="1:10" x14ac:dyDescent="0.35">
      <c r="A2819" t="s">
        <v>10</v>
      </c>
      <c r="B2819" t="s">
        <v>16</v>
      </c>
      <c r="C2819" t="s">
        <v>117</v>
      </c>
      <c r="D2819" t="s">
        <v>118</v>
      </c>
      <c r="E2819">
        <v>2020</v>
      </c>
      <c r="F2819">
        <v>2020</v>
      </c>
      <c r="G2819" t="s">
        <v>125</v>
      </c>
      <c r="H2819" t="s">
        <v>122</v>
      </c>
      <c r="I2819" t="s">
        <v>15</v>
      </c>
      <c r="J2819" s="10">
        <v>19.093490160000002</v>
      </c>
    </row>
    <row r="2820" spans="1:10" x14ac:dyDescent="0.35">
      <c r="A2820" t="s">
        <v>10</v>
      </c>
      <c r="B2820" t="s">
        <v>16</v>
      </c>
      <c r="C2820" t="s">
        <v>117</v>
      </c>
      <c r="D2820" t="s">
        <v>118</v>
      </c>
      <c r="E2820">
        <v>2020</v>
      </c>
      <c r="F2820">
        <v>2020</v>
      </c>
      <c r="G2820" t="s">
        <v>125</v>
      </c>
      <c r="H2820" t="s">
        <v>123</v>
      </c>
      <c r="I2820" t="s">
        <v>15</v>
      </c>
      <c r="J2820" s="10">
        <v>15.6611235</v>
      </c>
    </row>
    <row r="2821" spans="1:10" x14ac:dyDescent="0.35">
      <c r="A2821" t="s">
        <v>10</v>
      </c>
      <c r="B2821" t="s">
        <v>16</v>
      </c>
      <c r="C2821" t="s">
        <v>117</v>
      </c>
      <c r="D2821" t="s">
        <v>118</v>
      </c>
      <c r="E2821">
        <v>2020</v>
      </c>
      <c r="F2821">
        <v>2020</v>
      </c>
      <c r="G2821" t="s">
        <v>125</v>
      </c>
      <c r="H2821" t="s">
        <v>124</v>
      </c>
      <c r="I2821" t="s">
        <v>15</v>
      </c>
      <c r="J2821" s="10">
        <v>1.594504157</v>
      </c>
    </row>
    <row r="2822" spans="1:10" x14ac:dyDescent="0.35">
      <c r="A2822" t="s">
        <v>10</v>
      </c>
      <c r="B2822" t="s">
        <v>16</v>
      </c>
      <c r="C2822" t="s">
        <v>117</v>
      </c>
      <c r="D2822" t="s">
        <v>118</v>
      </c>
      <c r="E2822">
        <v>2020</v>
      </c>
      <c r="F2822">
        <v>2020</v>
      </c>
      <c r="G2822" t="s">
        <v>126</v>
      </c>
      <c r="H2822" t="s">
        <v>119</v>
      </c>
      <c r="I2822" t="s">
        <v>15</v>
      </c>
      <c r="J2822" s="10">
        <v>16.99809119</v>
      </c>
    </row>
    <row r="2823" spans="1:10" x14ac:dyDescent="0.35">
      <c r="A2823" t="s">
        <v>10</v>
      </c>
      <c r="B2823" t="s">
        <v>16</v>
      </c>
      <c r="C2823" t="s">
        <v>117</v>
      </c>
      <c r="D2823" t="s">
        <v>118</v>
      </c>
      <c r="E2823">
        <v>2020</v>
      </c>
      <c r="F2823">
        <v>2020</v>
      </c>
      <c r="G2823" t="s">
        <v>126</v>
      </c>
      <c r="H2823" t="s">
        <v>120</v>
      </c>
      <c r="I2823" t="s">
        <v>15</v>
      </c>
      <c r="J2823" s="10">
        <v>7.4202044120000004</v>
      </c>
    </row>
    <row r="2824" spans="1:10" x14ac:dyDescent="0.35">
      <c r="A2824" t="s">
        <v>10</v>
      </c>
      <c r="B2824" t="s">
        <v>16</v>
      </c>
      <c r="C2824" t="s">
        <v>117</v>
      </c>
      <c r="D2824" t="s">
        <v>118</v>
      </c>
      <c r="E2824">
        <v>2020</v>
      </c>
      <c r="F2824">
        <v>2020</v>
      </c>
      <c r="G2824" t="s">
        <v>126</v>
      </c>
      <c r="H2824" t="s">
        <v>121</v>
      </c>
      <c r="I2824" t="s">
        <v>15</v>
      </c>
      <c r="J2824" s="10">
        <v>35.605383330000002</v>
      </c>
    </row>
    <row r="2825" spans="1:10" x14ac:dyDescent="0.35">
      <c r="A2825" t="s">
        <v>10</v>
      </c>
      <c r="B2825" t="s">
        <v>16</v>
      </c>
      <c r="C2825" t="s">
        <v>117</v>
      </c>
      <c r="D2825" t="s">
        <v>118</v>
      </c>
      <c r="E2825">
        <v>2020</v>
      </c>
      <c r="F2825">
        <v>2020</v>
      </c>
      <c r="G2825" t="s">
        <v>126</v>
      </c>
      <c r="H2825" t="s">
        <v>122</v>
      </c>
      <c r="I2825" t="s">
        <v>15</v>
      </c>
      <c r="J2825" s="10">
        <v>19.825065840000001</v>
      </c>
    </row>
    <row r="2826" spans="1:10" x14ac:dyDescent="0.35">
      <c r="A2826" t="s">
        <v>10</v>
      </c>
      <c r="B2826" t="s">
        <v>16</v>
      </c>
      <c r="C2826" t="s">
        <v>117</v>
      </c>
      <c r="D2826" t="s">
        <v>118</v>
      </c>
      <c r="E2826">
        <v>2020</v>
      </c>
      <c r="F2826">
        <v>2020</v>
      </c>
      <c r="G2826" t="s">
        <v>126</v>
      </c>
      <c r="H2826" t="s">
        <v>123</v>
      </c>
      <c r="I2826" t="s">
        <v>15</v>
      </c>
      <c r="J2826" s="10">
        <v>17.40884819</v>
      </c>
    </row>
    <row r="2827" spans="1:10" x14ac:dyDescent="0.35">
      <c r="A2827" t="s">
        <v>10</v>
      </c>
      <c r="B2827" t="s">
        <v>16</v>
      </c>
      <c r="C2827" t="s">
        <v>117</v>
      </c>
      <c r="D2827" t="s">
        <v>118</v>
      </c>
      <c r="E2827">
        <v>2020</v>
      </c>
      <c r="F2827">
        <v>2020</v>
      </c>
      <c r="G2827" t="s">
        <v>126</v>
      </c>
      <c r="H2827" t="s">
        <v>124</v>
      </c>
      <c r="I2827" t="s">
        <v>15</v>
      </c>
      <c r="J2827" s="10">
        <v>2.7424070359999999</v>
      </c>
    </row>
    <row r="2828" spans="1:10" x14ac:dyDescent="0.35">
      <c r="A2828" t="s">
        <v>10</v>
      </c>
      <c r="B2828" t="s">
        <v>16</v>
      </c>
      <c r="C2828" t="s">
        <v>117</v>
      </c>
      <c r="D2828" t="s">
        <v>118</v>
      </c>
      <c r="E2828">
        <v>2019</v>
      </c>
      <c r="F2828">
        <v>2019</v>
      </c>
      <c r="G2828" t="s">
        <v>14</v>
      </c>
      <c r="H2828" t="s">
        <v>119</v>
      </c>
      <c r="I2828" t="s">
        <v>15</v>
      </c>
      <c r="J2828" s="10">
        <v>17.76482262</v>
      </c>
    </row>
    <row r="2829" spans="1:10" x14ac:dyDescent="0.35">
      <c r="A2829" t="s">
        <v>10</v>
      </c>
      <c r="B2829" t="s">
        <v>16</v>
      </c>
      <c r="C2829" t="s">
        <v>117</v>
      </c>
      <c r="D2829" t="s">
        <v>118</v>
      </c>
      <c r="E2829">
        <v>2019</v>
      </c>
      <c r="F2829">
        <v>2019</v>
      </c>
      <c r="G2829" t="s">
        <v>14</v>
      </c>
      <c r="H2829" t="s">
        <v>120</v>
      </c>
      <c r="I2829" t="s">
        <v>15</v>
      </c>
      <c r="J2829" s="10">
        <v>7.6618705040000004</v>
      </c>
    </row>
    <row r="2830" spans="1:10" x14ac:dyDescent="0.35">
      <c r="A2830" t="s">
        <v>10</v>
      </c>
      <c r="B2830" t="s">
        <v>16</v>
      </c>
      <c r="C2830" t="s">
        <v>117</v>
      </c>
      <c r="D2830" t="s">
        <v>118</v>
      </c>
      <c r="E2830">
        <v>2019</v>
      </c>
      <c r="F2830">
        <v>2019</v>
      </c>
      <c r="G2830" t="s">
        <v>14</v>
      </c>
      <c r="H2830" t="s">
        <v>121</v>
      </c>
      <c r="I2830" t="s">
        <v>15</v>
      </c>
      <c r="J2830" s="10">
        <v>36.338377569999999</v>
      </c>
    </row>
    <row r="2831" spans="1:10" x14ac:dyDescent="0.35">
      <c r="A2831" t="s">
        <v>10</v>
      </c>
      <c r="B2831" t="s">
        <v>16</v>
      </c>
      <c r="C2831" t="s">
        <v>117</v>
      </c>
      <c r="D2831" t="s">
        <v>118</v>
      </c>
      <c r="E2831">
        <v>2019</v>
      </c>
      <c r="F2831">
        <v>2019</v>
      </c>
      <c r="G2831" t="s">
        <v>14</v>
      </c>
      <c r="H2831" t="s">
        <v>122</v>
      </c>
      <c r="I2831" t="s">
        <v>15</v>
      </c>
      <c r="J2831" s="10">
        <v>19.73951873</v>
      </c>
    </row>
    <row r="2832" spans="1:10" x14ac:dyDescent="0.35">
      <c r="A2832" t="s">
        <v>10</v>
      </c>
      <c r="B2832" t="s">
        <v>16</v>
      </c>
      <c r="C2832" t="s">
        <v>117</v>
      </c>
      <c r="D2832" t="s">
        <v>118</v>
      </c>
      <c r="E2832">
        <v>2019</v>
      </c>
      <c r="F2832">
        <v>2019</v>
      </c>
      <c r="G2832" t="s">
        <v>14</v>
      </c>
      <c r="H2832" t="s">
        <v>123</v>
      </c>
      <c r="I2832" t="s">
        <v>15</v>
      </c>
      <c r="J2832" s="10">
        <v>16.34333912</v>
      </c>
    </row>
    <row r="2833" spans="1:10" x14ac:dyDescent="0.35">
      <c r="A2833" t="s">
        <v>10</v>
      </c>
      <c r="B2833" t="s">
        <v>16</v>
      </c>
      <c r="C2833" t="s">
        <v>117</v>
      </c>
      <c r="D2833" t="s">
        <v>118</v>
      </c>
      <c r="E2833">
        <v>2019</v>
      </c>
      <c r="F2833">
        <v>2019</v>
      </c>
      <c r="G2833" t="s">
        <v>14</v>
      </c>
      <c r="H2833" t="s">
        <v>124</v>
      </c>
      <c r="I2833" t="s">
        <v>15</v>
      </c>
      <c r="J2833" s="10">
        <v>2.1520714459999999</v>
      </c>
    </row>
    <row r="2834" spans="1:10" x14ac:dyDescent="0.35">
      <c r="A2834" t="s">
        <v>10</v>
      </c>
      <c r="B2834" t="s">
        <v>16</v>
      </c>
      <c r="C2834" t="s">
        <v>117</v>
      </c>
      <c r="D2834" t="s">
        <v>118</v>
      </c>
      <c r="E2834">
        <v>2019</v>
      </c>
      <c r="F2834">
        <v>2019</v>
      </c>
      <c r="G2834" t="s">
        <v>125</v>
      </c>
      <c r="H2834" t="s">
        <v>119</v>
      </c>
      <c r="I2834" t="s">
        <v>15</v>
      </c>
      <c r="J2834" s="10">
        <v>18.742378049999999</v>
      </c>
    </row>
    <row r="2835" spans="1:10" x14ac:dyDescent="0.35">
      <c r="A2835" t="s">
        <v>10</v>
      </c>
      <c r="B2835" t="s">
        <v>16</v>
      </c>
      <c r="C2835" t="s">
        <v>117</v>
      </c>
      <c r="D2835" t="s">
        <v>118</v>
      </c>
      <c r="E2835">
        <v>2019</v>
      </c>
      <c r="F2835">
        <v>2019</v>
      </c>
      <c r="G2835" t="s">
        <v>125</v>
      </c>
      <c r="H2835" t="s">
        <v>120</v>
      </c>
      <c r="I2835" t="s">
        <v>15</v>
      </c>
      <c r="J2835" s="10">
        <v>7.6981707320000003</v>
      </c>
    </row>
    <row r="2836" spans="1:10" x14ac:dyDescent="0.35">
      <c r="A2836" t="s">
        <v>10</v>
      </c>
      <c r="B2836" t="s">
        <v>16</v>
      </c>
      <c r="C2836" t="s">
        <v>117</v>
      </c>
      <c r="D2836" t="s">
        <v>118</v>
      </c>
      <c r="E2836">
        <v>2019</v>
      </c>
      <c r="F2836">
        <v>2019</v>
      </c>
      <c r="G2836" t="s">
        <v>125</v>
      </c>
      <c r="H2836" t="s">
        <v>121</v>
      </c>
      <c r="I2836" t="s">
        <v>15</v>
      </c>
      <c r="J2836" s="10">
        <v>37.131605690000001</v>
      </c>
    </row>
    <row r="2837" spans="1:10" x14ac:dyDescent="0.35">
      <c r="A2837" t="s">
        <v>10</v>
      </c>
      <c r="B2837" t="s">
        <v>16</v>
      </c>
      <c r="C2837" t="s">
        <v>117</v>
      </c>
      <c r="D2837" t="s">
        <v>118</v>
      </c>
      <c r="E2837">
        <v>2019</v>
      </c>
      <c r="F2837">
        <v>2019</v>
      </c>
      <c r="G2837" t="s">
        <v>125</v>
      </c>
      <c r="H2837" t="s">
        <v>122</v>
      </c>
      <c r="I2837" t="s">
        <v>15</v>
      </c>
      <c r="J2837" s="10">
        <v>19.390243900000002</v>
      </c>
    </row>
    <row r="2838" spans="1:10" x14ac:dyDescent="0.35">
      <c r="A2838" t="s">
        <v>10</v>
      </c>
      <c r="B2838" t="s">
        <v>16</v>
      </c>
      <c r="C2838" t="s">
        <v>117</v>
      </c>
      <c r="D2838" t="s">
        <v>118</v>
      </c>
      <c r="E2838">
        <v>2019</v>
      </c>
      <c r="F2838">
        <v>2019</v>
      </c>
      <c r="G2838" t="s">
        <v>125</v>
      </c>
      <c r="H2838" t="s">
        <v>123</v>
      </c>
      <c r="I2838" t="s">
        <v>15</v>
      </c>
      <c r="J2838" s="10">
        <v>15.510670729999999</v>
      </c>
    </row>
    <row r="2839" spans="1:10" x14ac:dyDescent="0.35">
      <c r="A2839" t="s">
        <v>10</v>
      </c>
      <c r="B2839" t="s">
        <v>16</v>
      </c>
      <c r="C2839" t="s">
        <v>117</v>
      </c>
      <c r="D2839" t="s">
        <v>118</v>
      </c>
      <c r="E2839">
        <v>2019</v>
      </c>
      <c r="F2839">
        <v>2019</v>
      </c>
      <c r="G2839" t="s">
        <v>125</v>
      </c>
      <c r="H2839" t="s">
        <v>124</v>
      </c>
      <c r="I2839" t="s">
        <v>15</v>
      </c>
      <c r="J2839" s="10">
        <v>1.5269308939999999</v>
      </c>
    </row>
    <row r="2840" spans="1:10" x14ac:dyDescent="0.35">
      <c r="A2840" t="s">
        <v>10</v>
      </c>
      <c r="B2840" t="s">
        <v>16</v>
      </c>
      <c r="C2840" t="s">
        <v>117</v>
      </c>
      <c r="D2840" t="s">
        <v>118</v>
      </c>
      <c r="E2840">
        <v>2019</v>
      </c>
      <c r="F2840">
        <v>2019</v>
      </c>
      <c r="G2840" t="s">
        <v>126</v>
      </c>
      <c r="H2840" t="s">
        <v>119</v>
      </c>
      <c r="I2840" t="s">
        <v>15</v>
      </c>
      <c r="J2840" s="10">
        <v>16.83228308</v>
      </c>
    </row>
    <row r="2841" spans="1:10" x14ac:dyDescent="0.35">
      <c r="A2841" t="s">
        <v>10</v>
      </c>
      <c r="B2841" t="s">
        <v>16</v>
      </c>
      <c r="C2841" t="s">
        <v>117</v>
      </c>
      <c r="D2841" t="s">
        <v>118</v>
      </c>
      <c r="E2841">
        <v>2019</v>
      </c>
      <c r="F2841">
        <v>2019</v>
      </c>
      <c r="G2841" t="s">
        <v>126</v>
      </c>
      <c r="H2841" t="s">
        <v>120</v>
      </c>
      <c r="I2841" t="s">
        <v>15</v>
      </c>
      <c r="J2841" s="10">
        <v>7.6272418809999998</v>
      </c>
    </row>
    <row r="2842" spans="1:10" x14ac:dyDescent="0.35">
      <c r="A2842" t="s">
        <v>10</v>
      </c>
      <c r="B2842" t="s">
        <v>16</v>
      </c>
      <c r="C2842" t="s">
        <v>117</v>
      </c>
      <c r="D2842" t="s">
        <v>118</v>
      </c>
      <c r="E2842">
        <v>2019</v>
      </c>
      <c r="F2842">
        <v>2019</v>
      </c>
      <c r="G2842" t="s">
        <v>126</v>
      </c>
      <c r="H2842" t="s">
        <v>121</v>
      </c>
      <c r="I2842" t="s">
        <v>15</v>
      </c>
      <c r="J2842" s="10">
        <v>35.581677169999999</v>
      </c>
    </row>
    <row r="2843" spans="1:10" x14ac:dyDescent="0.35">
      <c r="A2843" t="s">
        <v>10</v>
      </c>
      <c r="B2843" t="s">
        <v>16</v>
      </c>
      <c r="C2843" t="s">
        <v>117</v>
      </c>
      <c r="D2843" t="s">
        <v>118</v>
      </c>
      <c r="E2843">
        <v>2019</v>
      </c>
      <c r="F2843">
        <v>2019</v>
      </c>
      <c r="G2843" t="s">
        <v>126</v>
      </c>
      <c r="H2843" t="s">
        <v>122</v>
      </c>
      <c r="I2843" t="s">
        <v>15</v>
      </c>
      <c r="J2843" s="10">
        <v>20.07270965</v>
      </c>
    </row>
    <row r="2844" spans="1:10" x14ac:dyDescent="0.35">
      <c r="A2844" t="s">
        <v>10</v>
      </c>
      <c r="B2844" t="s">
        <v>16</v>
      </c>
      <c r="C2844" t="s">
        <v>117</v>
      </c>
      <c r="D2844" t="s">
        <v>118</v>
      </c>
      <c r="E2844">
        <v>2019</v>
      </c>
      <c r="F2844">
        <v>2019</v>
      </c>
      <c r="G2844" t="s">
        <v>126</v>
      </c>
      <c r="H2844" t="s">
        <v>123</v>
      </c>
      <c r="I2844" t="s">
        <v>15</v>
      </c>
      <c r="J2844" s="10">
        <v>17.1376636</v>
      </c>
    </row>
    <row r="2845" spans="1:10" x14ac:dyDescent="0.35">
      <c r="A2845" t="s">
        <v>10</v>
      </c>
      <c r="B2845" t="s">
        <v>16</v>
      </c>
      <c r="C2845" t="s">
        <v>117</v>
      </c>
      <c r="D2845" t="s">
        <v>118</v>
      </c>
      <c r="E2845">
        <v>2019</v>
      </c>
      <c r="F2845">
        <v>2019</v>
      </c>
      <c r="G2845" t="s">
        <v>126</v>
      </c>
      <c r="H2845" t="s">
        <v>124</v>
      </c>
      <c r="I2845" t="s">
        <v>15</v>
      </c>
      <c r="J2845" s="10">
        <v>2.7484246240000001</v>
      </c>
    </row>
    <row r="2846" spans="1:10" x14ac:dyDescent="0.35">
      <c r="A2846" t="s">
        <v>10</v>
      </c>
      <c r="B2846" t="s">
        <v>16</v>
      </c>
      <c r="C2846" t="s">
        <v>117</v>
      </c>
      <c r="D2846" t="s">
        <v>118</v>
      </c>
      <c r="E2846">
        <v>2018</v>
      </c>
      <c r="F2846">
        <v>2018</v>
      </c>
      <c r="G2846" t="s">
        <v>14</v>
      </c>
      <c r="H2846" t="s">
        <v>119</v>
      </c>
      <c r="I2846" t="s">
        <v>15</v>
      </c>
      <c r="J2846" s="10">
        <v>17.46843655</v>
      </c>
    </row>
    <row r="2847" spans="1:10" x14ac:dyDescent="0.35">
      <c r="A2847" t="s">
        <v>10</v>
      </c>
      <c r="B2847" t="s">
        <v>16</v>
      </c>
      <c r="C2847" t="s">
        <v>117</v>
      </c>
      <c r="D2847" t="s">
        <v>118</v>
      </c>
      <c r="E2847">
        <v>2018</v>
      </c>
      <c r="F2847">
        <v>2018</v>
      </c>
      <c r="G2847" t="s">
        <v>14</v>
      </c>
      <c r="H2847" t="s">
        <v>120</v>
      </c>
      <c r="I2847" t="s">
        <v>15</v>
      </c>
      <c r="J2847" s="10">
        <v>7.9407655070000001</v>
      </c>
    </row>
    <row r="2848" spans="1:10" x14ac:dyDescent="0.35">
      <c r="A2848" t="s">
        <v>10</v>
      </c>
      <c r="B2848" t="s">
        <v>16</v>
      </c>
      <c r="C2848" t="s">
        <v>117</v>
      </c>
      <c r="D2848" t="s">
        <v>118</v>
      </c>
      <c r="E2848">
        <v>2018</v>
      </c>
      <c r="F2848">
        <v>2018</v>
      </c>
      <c r="G2848" t="s">
        <v>14</v>
      </c>
      <c r="H2848" t="s">
        <v>121</v>
      </c>
      <c r="I2848" t="s">
        <v>15</v>
      </c>
      <c r="J2848" s="10">
        <v>36.518788360000002</v>
      </c>
    </row>
    <row r="2849" spans="1:10" x14ac:dyDescent="0.35">
      <c r="A2849" t="s">
        <v>10</v>
      </c>
      <c r="B2849" t="s">
        <v>16</v>
      </c>
      <c r="C2849" t="s">
        <v>117</v>
      </c>
      <c r="D2849" t="s">
        <v>118</v>
      </c>
      <c r="E2849">
        <v>2018</v>
      </c>
      <c r="F2849">
        <v>2018</v>
      </c>
      <c r="G2849" t="s">
        <v>14</v>
      </c>
      <c r="H2849" t="s">
        <v>122</v>
      </c>
      <c r="I2849" t="s">
        <v>15</v>
      </c>
      <c r="J2849" s="10">
        <v>19.883726729999999</v>
      </c>
    </row>
    <row r="2850" spans="1:10" x14ac:dyDescent="0.35">
      <c r="A2850" t="s">
        <v>10</v>
      </c>
      <c r="B2850" t="s">
        <v>16</v>
      </c>
      <c r="C2850" t="s">
        <v>117</v>
      </c>
      <c r="D2850" t="s">
        <v>118</v>
      </c>
      <c r="E2850">
        <v>2018</v>
      </c>
      <c r="F2850">
        <v>2018</v>
      </c>
      <c r="G2850" t="s">
        <v>14</v>
      </c>
      <c r="H2850" t="s">
        <v>123</v>
      </c>
      <c r="I2850" t="s">
        <v>15</v>
      </c>
      <c r="J2850" s="10">
        <v>16.15350067</v>
      </c>
    </row>
    <row r="2851" spans="1:10" x14ac:dyDescent="0.35">
      <c r="A2851" t="s">
        <v>10</v>
      </c>
      <c r="B2851" t="s">
        <v>16</v>
      </c>
      <c r="C2851" t="s">
        <v>117</v>
      </c>
      <c r="D2851" t="s">
        <v>118</v>
      </c>
      <c r="E2851">
        <v>2018</v>
      </c>
      <c r="F2851">
        <v>2018</v>
      </c>
      <c r="G2851" t="s">
        <v>14</v>
      </c>
      <c r="H2851" t="s">
        <v>124</v>
      </c>
      <c r="I2851" t="s">
        <v>15</v>
      </c>
      <c r="J2851" s="10">
        <v>2.0347821750000001</v>
      </c>
    </row>
    <row r="2852" spans="1:10" x14ac:dyDescent="0.35">
      <c r="A2852" t="s">
        <v>10</v>
      </c>
      <c r="B2852" t="s">
        <v>16</v>
      </c>
      <c r="C2852" t="s">
        <v>117</v>
      </c>
      <c r="D2852" t="s">
        <v>118</v>
      </c>
      <c r="E2852">
        <v>2018</v>
      </c>
      <c r="F2852">
        <v>2018</v>
      </c>
      <c r="G2852" t="s">
        <v>125</v>
      </c>
      <c r="H2852" t="s">
        <v>119</v>
      </c>
      <c r="I2852" t="s">
        <v>15</v>
      </c>
      <c r="J2852" s="10">
        <v>18.360680840000001</v>
      </c>
    </row>
    <row r="2853" spans="1:10" x14ac:dyDescent="0.35">
      <c r="A2853" t="s">
        <v>10</v>
      </c>
      <c r="B2853" t="s">
        <v>16</v>
      </c>
      <c r="C2853" t="s">
        <v>117</v>
      </c>
      <c r="D2853" t="s">
        <v>118</v>
      </c>
      <c r="E2853">
        <v>2018</v>
      </c>
      <c r="F2853">
        <v>2018</v>
      </c>
      <c r="G2853" t="s">
        <v>125</v>
      </c>
      <c r="H2853" t="s">
        <v>120</v>
      </c>
      <c r="I2853" t="s">
        <v>15</v>
      </c>
      <c r="J2853" s="10">
        <v>8.0281726080000002</v>
      </c>
    </row>
    <row r="2854" spans="1:10" x14ac:dyDescent="0.35">
      <c r="A2854" t="s">
        <v>10</v>
      </c>
      <c r="B2854" t="s">
        <v>16</v>
      </c>
      <c r="C2854" t="s">
        <v>117</v>
      </c>
      <c r="D2854" t="s">
        <v>118</v>
      </c>
      <c r="E2854">
        <v>2018</v>
      </c>
      <c r="F2854">
        <v>2018</v>
      </c>
      <c r="G2854" t="s">
        <v>125</v>
      </c>
      <c r="H2854" t="s">
        <v>121</v>
      </c>
      <c r="I2854" t="s">
        <v>15</v>
      </c>
      <c r="J2854" s="10">
        <v>37.287876079999997</v>
      </c>
    </row>
    <row r="2855" spans="1:10" x14ac:dyDescent="0.35">
      <c r="A2855" t="s">
        <v>10</v>
      </c>
      <c r="B2855" t="s">
        <v>16</v>
      </c>
      <c r="C2855" t="s">
        <v>117</v>
      </c>
      <c r="D2855" t="s">
        <v>118</v>
      </c>
      <c r="E2855">
        <v>2018</v>
      </c>
      <c r="F2855">
        <v>2018</v>
      </c>
      <c r="G2855" t="s">
        <v>125</v>
      </c>
      <c r="H2855" t="s">
        <v>122</v>
      </c>
      <c r="I2855" t="s">
        <v>15</v>
      </c>
      <c r="J2855" s="10">
        <v>19.616199250000001</v>
      </c>
    </row>
    <row r="2856" spans="1:10" x14ac:dyDescent="0.35">
      <c r="A2856" t="s">
        <v>10</v>
      </c>
      <c r="B2856" t="s">
        <v>16</v>
      </c>
      <c r="C2856" t="s">
        <v>117</v>
      </c>
      <c r="D2856" t="s">
        <v>118</v>
      </c>
      <c r="E2856">
        <v>2018</v>
      </c>
      <c r="F2856">
        <v>2018</v>
      </c>
      <c r="G2856" t="s">
        <v>125</v>
      </c>
      <c r="H2856" t="s">
        <v>123</v>
      </c>
      <c r="I2856" t="s">
        <v>15</v>
      </c>
      <c r="J2856" s="10">
        <v>15.28312961</v>
      </c>
    </row>
    <row r="2857" spans="1:10" x14ac:dyDescent="0.35">
      <c r="A2857" t="s">
        <v>10</v>
      </c>
      <c r="B2857" t="s">
        <v>16</v>
      </c>
      <c r="C2857" t="s">
        <v>117</v>
      </c>
      <c r="D2857" t="s">
        <v>118</v>
      </c>
      <c r="E2857">
        <v>2018</v>
      </c>
      <c r="F2857">
        <v>2018</v>
      </c>
      <c r="G2857" t="s">
        <v>125</v>
      </c>
      <c r="H2857" t="s">
        <v>124</v>
      </c>
      <c r="I2857" t="s">
        <v>15</v>
      </c>
      <c r="J2857" s="10">
        <v>1.423941613</v>
      </c>
    </row>
    <row r="2858" spans="1:10" x14ac:dyDescent="0.35">
      <c r="A2858" t="s">
        <v>10</v>
      </c>
      <c r="B2858" t="s">
        <v>16</v>
      </c>
      <c r="C2858" t="s">
        <v>117</v>
      </c>
      <c r="D2858" t="s">
        <v>118</v>
      </c>
      <c r="E2858">
        <v>2018</v>
      </c>
      <c r="F2858">
        <v>2018</v>
      </c>
      <c r="G2858" t="s">
        <v>126</v>
      </c>
      <c r="H2858" t="s">
        <v>119</v>
      </c>
      <c r="I2858" t="s">
        <v>15</v>
      </c>
      <c r="J2858" s="10">
        <v>16.615001589999999</v>
      </c>
    </row>
    <row r="2859" spans="1:10" x14ac:dyDescent="0.35">
      <c r="A2859" t="s">
        <v>10</v>
      </c>
      <c r="B2859" t="s">
        <v>16</v>
      </c>
      <c r="C2859" t="s">
        <v>117</v>
      </c>
      <c r="D2859" t="s">
        <v>118</v>
      </c>
      <c r="E2859">
        <v>2018</v>
      </c>
      <c r="F2859">
        <v>2018</v>
      </c>
      <c r="G2859" t="s">
        <v>126</v>
      </c>
      <c r="H2859" t="s">
        <v>120</v>
      </c>
      <c r="I2859" t="s">
        <v>15</v>
      </c>
      <c r="J2859" s="10">
        <v>7.8571602919999997</v>
      </c>
    </row>
    <row r="2860" spans="1:10" x14ac:dyDescent="0.35">
      <c r="A2860" t="s">
        <v>10</v>
      </c>
      <c r="B2860" t="s">
        <v>16</v>
      </c>
      <c r="C2860" t="s">
        <v>117</v>
      </c>
      <c r="D2860" t="s">
        <v>118</v>
      </c>
      <c r="E2860">
        <v>2018</v>
      </c>
      <c r="F2860">
        <v>2018</v>
      </c>
      <c r="G2860" t="s">
        <v>126</v>
      </c>
      <c r="H2860" t="s">
        <v>121</v>
      </c>
      <c r="I2860" t="s">
        <v>15</v>
      </c>
      <c r="J2860" s="10">
        <v>35.783153120000001</v>
      </c>
    </row>
    <row r="2861" spans="1:10" x14ac:dyDescent="0.35">
      <c r="A2861" t="s">
        <v>10</v>
      </c>
      <c r="B2861" t="s">
        <v>16</v>
      </c>
      <c r="C2861" t="s">
        <v>117</v>
      </c>
      <c r="D2861" t="s">
        <v>118</v>
      </c>
      <c r="E2861">
        <v>2018</v>
      </c>
      <c r="F2861">
        <v>2018</v>
      </c>
      <c r="G2861" t="s">
        <v>126</v>
      </c>
      <c r="H2861" t="s">
        <v>122</v>
      </c>
      <c r="I2861" t="s">
        <v>15</v>
      </c>
      <c r="J2861" s="10">
        <v>20.13961776</v>
      </c>
    </row>
    <row r="2862" spans="1:10" x14ac:dyDescent="0.35">
      <c r="A2862" t="s">
        <v>10</v>
      </c>
      <c r="B2862" t="s">
        <v>16</v>
      </c>
      <c r="C2862" t="s">
        <v>117</v>
      </c>
      <c r="D2862" t="s">
        <v>118</v>
      </c>
      <c r="E2862">
        <v>2018</v>
      </c>
      <c r="F2862">
        <v>2018</v>
      </c>
      <c r="G2862" t="s">
        <v>126</v>
      </c>
      <c r="H2862" t="s">
        <v>123</v>
      </c>
      <c r="I2862" t="s">
        <v>15</v>
      </c>
      <c r="J2862" s="10">
        <v>16.98601382</v>
      </c>
    </row>
    <row r="2863" spans="1:10" x14ac:dyDescent="0.35">
      <c r="A2863" t="s">
        <v>10</v>
      </c>
      <c r="B2863" t="s">
        <v>16</v>
      </c>
      <c r="C2863" t="s">
        <v>117</v>
      </c>
      <c r="D2863" t="s">
        <v>118</v>
      </c>
      <c r="E2863">
        <v>2018</v>
      </c>
      <c r="F2863">
        <v>2018</v>
      </c>
      <c r="G2863" t="s">
        <v>126</v>
      </c>
      <c r="H2863" t="s">
        <v>124</v>
      </c>
      <c r="I2863" t="s">
        <v>15</v>
      </c>
      <c r="J2863" s="10">
        <v>2.6190534310000002</v>
      </c>
    </row>
    <row r="2864" spans="1:10" x14ac:dyDescent="0.35">
      <c r="A2864" t="s">
        <v>10</v>
      </c>
      <c r="B2864" t="s">
        <v>16</v>
      </c>
      <c r="C2864" t="s">
        <v>117</v>
      </c>
      <c r="D2864" t="s">
        <v>118</v>
      </c>
      <c r="E2864">
        <v>2017</v>
      </c>
      <c r="F2864">
        <v>2017</v>
      </c>
      <c r="G2864" t="s">
        <v>14</v>
      </c>
      <c r="H2864" t="s">
        <v>119</v>
      </c>
      <c r="I2864" t="s">
        <v>15</v>
      </c>
      <c r="J2864" s="10">
        <v>17.251542319999999</v>
      </c>
    </row>
    <row r="2865" spans="1:10" x14ac:dyDescent="0.35">
      <c r="A2865" t="s">
        <v>10</v>
      </c>
      <c r="B2865" t="s">
        <v>16</v>
      </c>
      <c r="C2865" t="s">
        <v>117</v>
      </c>
      <c r="D2865" t="s">
        <v>118</v>
      </c>
      <c r="E2865">
        <v>2017</v>
      </c>
      <c r="F2865">
        <v>2017</v>
      </c>
      <c r="G2865" t="s">
        <v>14</v>
      </c>
      <c r="H2865" t="s">
        <v>120</v>
      </c>
      <c r="I2865" t="s">
        <v>15</v>
      </c>
      <c r="J2865" s="10">
        <v>8.3322926289999995</v>
      </c>
    </row>
    <row r="2866" spans="1:10" x14ac:dyDescent="0.35">
      <c r="A2866" t="s">
        <v>10</v>
      </c>
      <c r="B2866" t="s">
        <v>16</v>
      </c>
      <c r="C2866" t="s">
        <v>117</v>
      </c>
      <c r="D2866" t="s">
        <v>118</v>
      </c>
      <c r="E2866">
        <v>2017</v>
      </c>
      <c r="F2866">
        <v>2017</v>
      </c>
      <c r="G2866" t="s">
        <v>14</v>
      </c>
      <c r="H2866" t="s">
        <v>121</v>
      </c>
      <c r="I2866" t="s">
        <v>15</v>
      </c>
      <c r="J2866" s="10">
        <v>36.421310290000001</v>
      </c>
    </row>
    <row r="2867" spans="1:10" x14ac:dyDescent="0.35">
      <c r="A2867" t="s">
        <v>10</v>
      </c>
      <c r="B2867" t="s">
        <v>16</v>
      </c>
      <c r="C2867" t="s">
        <v>117</v>
      </c>
      <c r="D2867" t="s">
        <v>118</v>
      </c>
      <c r="E2867">
        <v>2017</v>
      </c>
      <c r="F2867">
        <v>2017</v>
      </c>
      <c r="G2867" t="s">
        <v>14</v>
      </c>
      <c r="H2867" t="s">
        <v>122</v>
      </c>
      <c r="I2867" t="s">
        <v>15</v>
      </c>
      <c r="J2867" s="10">
        <v>19.985263629999999</v>
      </c>
    </row>
    <row r="2868" spans="1:10" x14ac:dyDescent="0.35">
      <c r="A2868" t="s">
        <v>10</v>
      </c>
      <c r="B2868" t="s">
        <v>16</v>
      </c>
      <c r="C2868" t="s">
        <v>117</v>
      </c>
      <c r="D2868" t="s">
        <v>118</v>
      </c>
      <c r="E2868">
        <v>2017</v>
      </c>
      <c r="F2868">
        <v>2017</v>
      </c>
      <c r="G2868" t="s">
        <v>14</v>
      </c>
      <c r="H2868" t="s">
        <v>123</v>
      </c>
      <c r="I2868" t="s">
        <v>15</v>
      </c>
      <c r="J2868" s="10">
        <v>15.93401104</v>
      </c>
    </row>
    <row r="2869" spans="1:10" x14ac:dyDescent="0.35">
      <c r="A2869" t="s">
        <v>10</v>
      </c>
      <c r="B2869" t="s">
        <v>16</v>
      </c>
      <c r="C2869" t="s">
        <v>117</v>
      </c>
      <c r="D2869" t="s">
        <v>118</v>
      </c>
      <c r="E2869">
        <v>2017</v>
      </c>
      <c r="F2869">
        <v>2017</v>
      </c>
      <c r="G2869" t="s">
        <v>14</v>
      </c>
      <c r="H2869" t="s">
        <v>124</v>
      </c>
      <c r="I2869" t="s">
        <v>15</v>
      </c>
      <c r="J2869" s="10">
        <v>2.0755800880000002</v>
      </c>
    </row>
    <row r="2870" spans="1:10" x14ac:dyDescent="0.35">
      <c r="A2870" t="s">
        <v>10</v>
      </c>
      <c r="B2870" t="s">
        <v>16</v>
      </c>
      <c r="C2870" t="s">
        <v>117</v>
      </c>
      <c r="D2870" t="s">
        <v>118</v>
      </c>
      <c r="E2870">
        <v>2017</v>
      </c>
      <c r="F2870">
        <v>2017</v>
      </c>
      <c r="G2870" t="s">
        <v>125</v>
      </c>
      <c r="H2870" t="s">
        <v>119</v>
      </c>
      <c r="I2870" t="s">
        <v>15</v>
      </c>
      <c r="J2870" s="10">
        <v>18.131868130000001</v>
      </c>
    </row>
    <row r="2871" spans="1:10" x14ac:dyDescent="0.35">
      <c r="A2871" t="s">
        <v>10</v>
      </c>
      <c r="B2871" t="s">
        <v>16</v>
      </c>
      <c r="C2871" t="s">
        <v>117</v>
      </c>
      <c r="D2871" t="s">
        <v>118</v>
      </c>
      <c r="E2871">
        <v>2017</v>
      </c>
      <c r="F2871">
        <v>2017</v>
      </c>
      <c r="G2871" t="s">
        <v>125</v>
      </c>
      <c r="H2871" t="s">
        <v>120</v>
      </c>
      <c r="I2871" t="s">
        <v>15</v>
      </c>
      <c r="J2871" s="10">
        <v>8.3644262709999992</v>
      </c>
    </row>
    <row r="2872" spans="1:10" x14ac:dyDescent="0.35">
      <c r="A2872" t="s">
        <v>10</v>
      </c>
      <c r="B2872" t="s">
        <v>16</v>
      </c>
      <c r="C2872" t="s">
        <v>117</v>
      </c>
      <c r="D2872" t="s">
        <v>118</v>
      </c>
      <c r="E2872">
        <v>2017</v>
      </c>
      <c r="F2872">
        <v>2017</v>
      </c>
      <c r="G2872" t="s">
        <v>125</v>
      </c>
      <c r="H2872" t="s">
        <v>121</v>
      </c>
      <c r="I2872" t="s">
        <v>15</v>
      </c>
      <c r="J2872" s="10">
        <v>37.265525169999997</v>
      </c>
    </row>
    <row r="2873" spans="1:10" x14ac:dyDescent="0.35">
      <c r="A2873" t="s">
        <v>10</v>
      </c>
      <c r="B2873" t="s">
        <v>16</v>
      </c>
      <c r="C2873" t="s">
        <v>117</v>
      </c>
      <c r="D2873" t="s">
        <v>118</v>
      </c>
      <c r="E2873">
        <v>2017</v>
      </c>
      <c r="F2873">
        <v>2017</v>
      </c>
      <c r="G2873" t="s">
        <v>125</v>
      </c>
      <c r="H2873" t="s">
        <v>122</v>
      </c>
      <c r="I2873" t="s">
        <v>15</v>
      </c>
      <c r="J2873" s="10">
        <v>19.813442370000001</v>
      </c>
    </row>
    <row r="2874" spans="1:10" x14ac:dyDescent="0.35">
      <c r="A2874" t="s">
        <v>10</v>
      </c>
      <c r="B2874" t="s">
        <v>16</v>
      </c>
      <c r="C2874" t="s">
        <v>117</v>
      </c>
      <c r="D2874" t="s">
        <v>118</v>
      </c>
      <c r="E2874">
        <v>2017</v>
      </c>
      <c r="F2874">
        <v>2017</v>
      </c>
      <c r="G2874" t="s">
        <v>125</v>
      </c>
      <c r="H2874" t="s">
        <v>123</v>
      </c>
      <c r="I2874" t="s">
        <v>15</v>
      </c>
      <c r="J2874" s="10">
        <v>14.985944290000001</v>
      </c>
    </row>
    <row r="2875" spans="1:10" x14ac:dyDescent="0.35">
      <c r="A2875" t="s">
        <v>10</v>
      </c>
      <c r="B2875" t="s">
        <v>16</v>
      </c>
      <c r="C2875" t="s">
        <v>117</v>
      </c>
      <c r="D2875" t="s">
        <v>118</v>
      </c>
      <c r="E2875">
        <v>2017</v>
      </c>
      <c r="F2875">
        <v>2017</v>
      </c>
      <c r="G2875" t="s">
        <v>125</v>
      </c>
      <c r="H2875" t="s">
        <v>124</v>
      </c>
      <c r="I2875" t="s">
        <v>15</v>
      </c>
      <c r="J2875" s="10">
        <v>1.4387937639999999</v>
      </c>
    </row>
    <row r="2876" spans="1:10" x14ac:dyDescent="0.35">
      <c r="A2876" t="s">
        <v>10</v>
      </c>
      <c r="B2876" t="s">
        <v>16</v>
      </c>
      <c r="C2876" t="s">
        <v>117</v>
      </c>
      <c r="D2876" t="s">
        <v>118</v>
      </c>
      <c r="E2876">
        <v>2017</v>
      </c>
      <c r="F2876">
        <v>2017</v>
      </c>
      <c r="G2876" t="s">
        <v>126</v>
      </c>
      <c r="H2876" t="s">
        <v>119</v>
      </c>
      <c r="I2876" t="s">
        <v>15</v>
      </c>
      <c r="J2876" s="10">
        <v>16.410218839999999</v>
      </c>
    </row>
    <row r="2877" spans="1:10" x14ac:dyDescent="0.35">
      <c r="A2877" t="s">
        <v>10</v>
      </c>
      <c r="B2877" t="s">
        <v>16</v>
      </c>
      <c r="C2877" t="s">
        <v>117</v>
      </c>
      <c r="D2877" t="s">
        <v>118</v>
      </c>
      <c r="E2877">
        <v>2017</v>
      </c>
      <c r="F2877">
        <v>2017</v>
      </c>
      <c r="G2877" t="s">
        <v>126</v>
      </c>
      <c r="H2877" t="s">
        <v>120</v>
      </c>
      <c r="I2877" t="s">
        <v>15</v>
      </c>
      <c r="J2877" s="10">
        <v>8.3015826490000002</v>
      </c>
    </row>
    <row r="2878" spans="1:10" x14ac:dyDescent="0.35">
      <c r="A2878" t="s">
        <v>10</v>
      </c>
      <c r="B2878" t="s">
        <v>16</v>
      </c>
      <c r="C2878" t="s">
        <v>117</v>
      </c>
      <c r="D2878" t="s">
        <v>118</v>
      </c>
      <c r="E2878">
        <v>2017</v>
      </c>
      <c r="F2878">
        <v>2017</v>
      </c>
      <c r="G2878" t="s">
        <v>126</v>
      </c>
      <c r="H2878" t="s">
        <v>121</v>
      </c>
      <c r="I2878" t="s">
        <v>15</v>
      </c>
      <c r="J2878" s="10">
        <v>35.614497849999999</v>
      </c>
    </row>
    <row r="2879" spans="1:10" x14ac:dyDescent="0.35">
      <c r="A2879" t="s">
        <v>10</v>
      </c>
      <c r="B2879" t="s">
        <v>16</v>
      </c>
      <c r="C2879" t="s">
        <v>117</v>
      </c>
      <c r="D2879" t="s">
        <v>118</v>
      </c>
      <c r="E2879">
        <v>2017</v>
      </c>
      <c r="F2879">
        <v>2017</v>
      </c>
      <c r="G2879" t="s">
        <v>126</v>
      </c>
      <c r="H2879" t="s">
        <v>122</v>
      </c>
      <c r="I2879" t="s">
        <v>15</v>
      </c>
      <c r="J2879" s="10">
        <v>20.149472450000001</v>
      </c>
    </row>
    <row r="2880" spans="1:10" x14ac:dyDescent="0.35">
      <c r="A2880" t="s">
        <v>10</v>
      </c>
      <c r="B2880" t="s">
        <v>16</v>
      </c>
      <c r="C2880" t="s">
        <v>117</v>
      </c>
      <c r="D2880" t="s">
        <v>118</v>
      </c>
      <c r="E2880">
        <v>2017</v>
      </c>
      <c r="F2880">
        <v>2017</v>
      </c>
      <c r="G2880" t="s">
        <v>126</v>
      </c>
      <c r="H2880" t="s">
        <v>123</v>
      </c>
      <c r="I2880" t="s">
        <v>15</v>
      </c>
      <c r="J2880" s="10">
        <v>16.840074250000001</v>
      </c>
    </row>
    <row r="2881" spans="1:10" x14ac:dyDescent="0.35">
      <c r="A2881" t="s">
        <v>10</v>
      </c>
      <c r="B2881" t="s">
        <v>16</v>
      </c>
      <c r="C2881" t="s">
        <v>117</v>
      </c>
      <c r="D2881" t="s">
        <v>118</v>
      </c>
      <c r="E2881">
        <v>2017</v>
      </c>
      <c r="F2881">
        <v>2017</v>
      </c>
      <c r="G2881" t="s">
        <v>126</v>
      </c>
      <c r="H2881" t="s">
        <v>124</v>
      </c>
      <c r="I2881" t="s">
        <v>15</v>
      </c>
      <c r="J2881" s="10">
        <v>2.6841539659999998</v>
      </c>
    </row>
    <row r="2882" spans="1:10" x14ac:dyDescent="0.35">
      <c r="A2882" t="s">
        <v>10</v>
      </c>
      <c r="B2882" t="s">
        <v>16</v>
      </c>
      <c r="C2882" t="s">
        <v>117</v>
      </c>
      <c r="D2882" t="s">
        <v>118</v>
      </c>
      <c r="E2882">
        <v>2016</v>
      </c>
      <c r="F2882">
        <v>2016</v>
      </c>
      <c r="G2882" t="s">
        <v>14</v>
      </c>
      <c r="H2882" t="s">
        <v>119</v>
      </c>
      <c r="I2882" t="s">
        <v>15</v>
      </c>
      <c r="J2882" s="10">
        <v>17.07219585</v>
      </c>
    </row>
    <row r="2883" spans="1:10" x14ac:dyDescent="0.35">
      <c r="A2883" t="s">
        <v>10</v>
      </c>
      <c r="B2883" t="s">
        <v>16</v>
      </c>
      <c r="C2883" t="s">
        <v>117</v>
      </c>
      <c r="D2883" t="s">
        <v>118</v>
      </c>
      <c r="E2883">
        <v>2016</v>
      </c>
      <c r="F2883">
        <v>2016</v>
      </c>
      <c r="G2883" t="s">
        <v>14</v>
      </c>
      <c r="H2883" t="s">
        <v>120</v>
      </c>
      <c r="I2883" t="s">
        <v>15</v>
      </c>
      <c r="J2883" s="10">
        <v>9.1656257809999993</v>
      </c>
    </row>
    <row r="2884" spans="1:10" x14ac:dyDescent="0.35">
      <c r="A2884" t="s">
        <v>10</v>
      </c>
      <c r="B2884" t="s">
        <v>16</v>
      </c>
      <c r="C2884" t="s">
        <v>117</v>
      </c>
      <c r="D2884" t="s">
        <v>118</v>
      </c>
      <c r="E2884">
        <v>2016</v>
      </c>
      <c r="F2884">
        <v>2016</v>
      </c>
      <c r="G2884" t="s">
        <v>14</v>
      </c>
      <c r="H2884" t="s">
        <v>121</v>
      </c>
      <c r="I2884" t="s">
        <v>15</v>
      </c>
      <c r="J2884" s="10">
        <v>36.007993999999997</v>
      </c>
    </row>
    <row r="2885" spans="1:10" x14ac:dyDescent="0.35">
      <c r="A2885" t="s">
        <v>10</v>
      </c>
      <c r="B2885" t="s">
        <v>16</v>
      </c>
      <c r="C2885" t="s">
        <v>117</v>
      </c>
      <c r="D2885" t="s">
        <v>118</v>
      </c>
      <c r="E2885">
        <v>2016</v>
      </c>
      <c r="F2885">
        <v>2016</v>
      </c>
      <c r="G2885" t="s">
        <v>14</v>
      </c>
      <c r="H2885" t="s">
        <v>122</v>
      </c>
      <c r="I2885" t="s">
        <v>15</v>
      </c>
      <c r="J2885" s="10">
        <v>19.960029980000002</v>
      </c>
    </row>
    <row r="2886" spans="1:10" x14ac:dyDescent="0.35">
      <c r="A2886" t="s">
        <v>10</v>
      </c>
      <c r="B2886" t="s">
        <v>16</v>
      </c>
      <c r="C2886" t="s">
        <v>117</v>
      </c>
      <c r="D2886" t="s">
        <v>118</v>
      </c>
      <c r="E2886">
        <v>2016</v>
      </c>
      <c r="F2886">
        <v>2016</v>
      </c>
      <c r="G2886" t="s">
        <v>14</v>
      </c>
      <c r="H2886" t="s">
        <v>123</v>
      </c>
      <c r="I2886" t="s">
        <v>15</v>
      </c>
      <c r="J2886" s="10">
        <v>15.74943792</v>
      </c>
    </row>
    <row r="2887" spans="1:10" x14ac:dyDescent="0.35">
      <c r="A2887" t="s">
        <v>10</v>
      </c>
      <c r="B2887" t="s">
        <v>16</v>
      </c>
      <c r="C2887" t="s">
        <v>117</v>
      </c>
      <c r="D2887" t="s">
        <v>118</v>
      </c>
      <c r="E2887">
        <v>2016</v>
      </c>
      <c r="F2887">
        <v>2016</v>
      </c>
      <c r="G2887" t="s">
        <v>14</v>
      </c>
      <c r="H2887" t="s">
        <v>124</v>
      </c>
      <c r="I2887" t="s">
        <v>15</v>
      </c>
      <c r="J2887" s="10">
        <v>2.0447164629999999</v>
      </c>
    </row>
    <row r="2888" spans="1:10" x14ac:dyDescent="0.35">
      <c r="A2888" t="s">
        <v>10</v>
      </c>
      <c r="B2888" t="s">
        <v>16</v>
      </c>
      <c r="C2888" t="s">
        <v>117</v>
      </c>
      <c r="D2888" t="s">
        <v>118</v>
      </c>
      <c r="E2888">
        <v>2016</v>
      </c>
      <c r="F2888">
        <v>2016</v>
      </c>
      <c r="G2888" t="s">
        <v>125</v>
      </c>
      <c r="H2888" t="s">
        <v>119</v>
      </c>
      <c r="I2888" t="s">
        <v>15</v>
      </c>
      <c r="J2888" s="10">
        <v>17.89745821</v>
      </c>
    </row>
    <row r="2889" spans="1:10" x14ac:dyDescent="0.35">
      <c r="A2889" t="s">
        <v>10</v>
      </c>
      <c r="B2889" t="s">
        <v>16</v>
      </c>
      <c r="C2889" t="s">
        <v>117</v>
      </c>
      <c r="D2889" t="s">
        <v>118</v>
      </c>
      <c r="E2889">
        <v>2016</v>
      </c>
      <c r="F2889">
        <v>2016</v>
      </c>
      <c r="G2889" t="s">
        <v>125</v>
      </c>
      <c r="H2889" t="s">
        <v>120</v>
      </c>
      <c r="I2889" t="s">
        <v>15</v>
      </c>
      <c r="J2889" s="10">
        <v>9.3838789770000002</v>
      </c>
    </row>
    <row r="2890" spans="1:10" x14ac:dyDescent="0.35">
      <c r="A2890" t="s">
        <v>10</v>
      </c>
      <c r="B2890" t="s">
        <v>16</v>
      </c>
      <c r="C2890" t="s">
        <v>117</v>
      </c>
      <c r="D2890" t="s">
        <v>118</v>
      </c>
      <c r="E2890">
        <v>2016</v>
      </c>
      <c r="F2890">
        <v>2016</v>
      </c>
      <c r="G2890" t="s">
        <v>125</v>
      </c>
      <c r="H2890" t="s">
        <v>121</v>
      </c>
      <c r="I2890" t="s">
        <v>15</v>
      </c>
      <c r="J2890" s="10">
        <v>36.749686439999998</v>
      </c>
    </row>
    <row r="2891" spans="1:10" x14ac:dyDescent="0.35">
      <c r="A2891" t="s">
        <v>10</v>
      </c>
      <c r="B2891" t="s">
        <v>16</v>
      </c>
      <c r="C2891" t="s">
        <v>117</v>
      </c>
      <c r="D2891" t="s">
        <v>118</v>
      </c>
      <c r="E2891">
        <v>2016</v>
      </c>
      <c r="F2891">
        <v>2016</v>
      </c>
      <c r="G2891" t="s">
        <v>125</v>
      </c>
      <c r="H2891" t="s">
        <v>122</v>
      </c>
      <c r="I2891" t="s">
        <v>15</v>
      </c>
      <c r="J2891" s="10">
        <v>19.79675941</v>
      </c>
    </row>
    <row r="2892" spans="1:10" x14ac:dyDescent="0.35">
      <c r="A2892" t="s">
        <v>10</v>
      </c>
      <c r="B2892" t="s">
        <v>16</v>
      </c>
      <c r="C2892" t="s">
        <v>117</v>
      </c>
      <c r="D2892" t="s">
        <v>118</v>
      </c>
      <c r="E2892">
        <v>2016</v>
      </c>
      <c r="F2892">
        <v>2016</v>
      </c>
      <c r="G2892" t="s">
        <v>125</v>
      </c>
      <c r="H2892" t="s">
        <v>123</v>
      </c>
      <c r="I2892" t="s">
        <v>15</v>
      </c>
      <c r="J2892" s="10">
        <v>14.80277472</v>
      </c>
    </row>
    <row r="2893" spans="1:10" x14ac:dyDescent="0.35">
      <c r="A2893" t="s">
        <v>10</v>
      </c>
      <c r="B2893" t="s">
        <v>16</v>
      </c>
      <c r="C2893" t="s">
        <v>117</v>
      </c>
      <c r="D2893" t="s">
        <v>118</v>
      </c>
      <c r="E2893">
        <v>2016</v>
      </c>
      <c r="F2893">
        <v>2016</v>
      </c>
      <c r="G2893" t="s">
        <v>125</v>
      </c>
      <c r="H2893" t="s">
        <v>124</v>
      </c>
      <c r="I2893" t="s">
        <v>15</v>
      </c>
      <c r="J2893" s="10">
        <v>1.3694422399999999</v>
      </c>
    </row>
    <row r="2894" spans="1:10" x14ac:dyDescent="0.35">
      <c r="A2894" t="s">
        <v>10</v>
      </c>
      <c r="B2894" t="s">
        <v>16</v>
      </c>
      <c r="C2894" t="s">
        <v>117</v>
      </c>
      <c r="D2894" t="s">
        <v>118</v>
      </c>
      <c r="E2894">
        <v>2016</v>
      </c>
      <c r="F2894">
        <v>2016</v>
      </c>
      <c r="G2894" t="s">
        <v>126</v>
      </c>
      <c r="H2894" t="s">
        <v>119</v>
      </c>
      <c r="I2894" t="s">
        <v>15</v>
      </c>
      <c r="J2894" s="10">
        <v>16.28570732</v>
      </c>
    </row>
    <row r="2895" spans="1:10" x14ac:dyDescent="0.35">
      <c r="A2895" t="s">
        <v>10</v>
      </c>
      <c r="B2895" t="s">
        <v>16</v>
      </c>
      <c r="C2895" t="s">
        <v>117</v>
      </c>
      <c r="D2895" t="s">
        <v>118</v>
      </c>
      <c r="E2895">
        <v>2016</v>
      </c>
      <c r="F2895">
        <v>2016</v>
      </c>
      <c r="G2895" t="s">
        <v>126</v>
      </c>
      <c r="H2895" t="s">
        <v>120</v>
      </c>
      <c r="I2895" t="s">
        <v>15</v>
      </c>
      <c r="J2895" s="10">
        <v>8.9576269120000003</v>
      </c>
    </row>
    <row r="2896" spans="1:10" x14ac:dyDescent="0.35">
      <c r="A2896" t="s">
        <v>10</v>
      </c>
      <c r="B2896" t="s">
        <v>16</v>
      </c>
      <c r="C2896" t="s">
        <v>117</v>
      </c>
      <c r="D2896" t="s">
        <v>118</v>
      </c>
      <c r="E2896">
        <v>2016</v>
      </c>
      <c r="F2896">
        <v>2016</v>
      </c>
      <c r="G2896" t="s">
        <v>126</v>
      </c>
      <c r="H2896" t="s">
        <v>121</v>
      </c>
      <c r="I2896" t="s">
        <v>15</v>
      </c>
      <c r="J2896" s="10">
        <v>35.301148980000001</v>
      </c>
    </row>
    <row r="2897" spans="1:10" x14ac:dyDescent="0.35">
      <c r="A2897" t="s">
        <v>10</v>
      </c>
      <c r="B2897" t="s">
        <v>16</v>
      </c>
      <c r="C2897" t="s">
        <v>117</v>
      </c>
      <c r="D2897" t="s">
        <v>118</v>
      </c>
      <c r="E2897">
        <v>2016</v>
      </c>
      <c r="F2897">
        <v>2016</v>
      </c>
      <c r="G2897" t="s">
        <v>126</v>
      </c>
      <c r="H2897" t="s">
        <v>122</v>
      </c>
      <c r="I2897" t="s">
        <v>15</v>
      </c>
      <c r="J2897" s="10">
        <v>20.115629500000001</v>
      </c>
    </row>
    <row r="2898" spans="1:10" x14ac:dyDescent="0.35">
      <c r="A2898" t="s">
        <v>10</v>
      </c>
      <c r="B2898" t="s">
        <v>16</v>
      </c>
      <c r="C2898" t="s">
        <v>117</v>
      </c>
      <c r="D2898" t="s">
        <v>118</v>
      </c>
      <c r="E2898">
        <v>2016</v>
      </c>
      <c r="F2898">
        <v>2016</v>
      </c>
      <c r="G2898" t="s">
        <v>126</v>
      </c>
      <c r="H2898" t="s">
        <v>123</v>
      </c>
      <c r="I2898" t="s">
        <v>15</v>
      </c>
      <c r="J2898" s="10">
        <v>16.651623449999999</v>
      </c>
    </row>
    <row r="2899" spans="1:10" x14ac:dyDescent="0.35">
      <c r="A2899" t="s">
        <v>10</v>
      </c>
      <c r="B2899" t="s">
        <v>16</v>
      </c>
      <c r="C2899" t="s">
        <v>117</v>
      </c>
      <c r="D2899" t="s">
        <v>118</v>
      </c>
      <c r="E2899">
        <v>2016</v>
      </c>
      <c r="F2899">
        <v>2016</v>
      </c>
      <c r="G2899" t="s">
        <v>126</v>
      </c>
      <c r="H2899" t="s">
        <v>124</v>
      </c>
      <c r="I2899" t="s">
        <v>15</v>
      </c>
      <c r="J2899" s="10">
        <v>2.6882638499999998</v>
      </c>
    </row>
    <row r="2900" spans="1:10" x14ac:dyDescent="0.35">
      <c r="A2900" t="s">
        <v>10</v>
      </c>
      <c r="B2900" t="s">
        <v>16</v>
      </c>
      <c r="C2900" t="s">
        <v>117</v>
      </c>
      <c r="D2900" t="s">
        <v>118</v>
      </c>
      <c r="E2900">
        <v>2015</v>
      </c>
      <c r="F2900">
        <v>2015</v>
      </c>
      <c r="G2900" t="s">
        <v>14</v>
      </c>
      <c r="H2900" t="s">
        <v>119</v>
      </c>
      <c r="I2900" t="s">
        <v>15</v>
      </c>
      <c r="J2900" s="10">
        <v>16.96853789</v>
      </c>
    </row>
    <row r="2901" spans="1:10" x14ac:dyDescent="0.35">
      <c r="A2901" t="s">
        <v>10</v>
      </c>
      <c r="B2901" t="s">
        <v>16</v>
      </c>
      <c r="C2901" t="s">
        <v>117</v>
      </c>
      <c r="D2901" t="s">
        <v>118</v>
      </c>
      <c r="E2901">
        <v>2015</v>
      </c>
      <c r="F2901">
        <v>2015</v>
      </c>
      <c r="G2901" t="s">
        <v>14</v>
      </c>
      <c r="H2901" t="s">
        <v>120</v>
      </c>
      <c r="I2901" t="s">
        <v>15</v>
      </c>
      <c r="J2901" s="10">
        <v>9.9386257669999996</v>
      </c>
    </row>
    <row r="2902" spans="1:10" x14ac:dyDescent="0.35">
      <c r="A2902" t="s">
        <v>10</v>
      </c>
      <c r="B2902" t="s">
        <v>16</v>
      </c>
      <c r="C2902" t="s">
        <v>117</v>
      </c>
      <c r="D2902" t="s">
        <v>118</v>
      </c>
      <c r="E2902">
        <v>2015</v>
      </c>
      <c r="F2902">
        <v>2015</v>
      </c>
      <c r="G2902" t="s">
        <v>14</v>
      </c>
      <c r="H2902" t="s">
        <v>121</v>
      </c>
      <c r="I2902" t="s">
        <v>15</v>
      </c>
      <c r="J2902" s="10">
        <v>35.587055159999998</v>
      </c>
    </row>
    <row r="2903" spans="1:10" x14ac:dyDescent="0.35">
      <c r="A2903" t="s">
        <v>10</v>
      </c>
      <c r="B2903" t="s">
        <v>16</v>
      </c>
      <c r="C2903" t="s">
        <v>117</v>
      </c>
      <c r="D2903" t="s">
        <v>118</v>
      </c>
      <c r="E2903">
        <v>2015</v>
      </c>
      <c r="F2903">
        <v>2015</v>
      </c>
      <c r="G2903" t="s">
        <v>14</v>
      </c>
      <c r="H2903" t="s">
        <v>122</v>
      </c>
      <c r="I2903" t="s">
        <v>15</v>
      </c>
      <c r="J2903" s="10">
        <v>19.979750249999999</v>
      </c>
    </row>
    <row r="2904" spans="1:10" x14ac:dyDescent="0.35">
      <c r="A2904" t="s">
        <v>10</v>
      </c>
      <c r="B2904" t="s">
        <v>16</v>
      </c>
      <c r="C2904" t="s">
        <v>117</v>
      </c>
      <c r="D2904" t="s">
        <v>118</v>
      </c>
      <c r="E2904">
        <v>2015</v>
      </c>
      <c r="F2904">
        <v>2015</v>
      </c>
      <c r="G2904" t="s">
        <v>14</v>
      </c>
      <c r="H2904" t="s">
        <v>123</v>
      </c>
      <c r="I2904" t="s">
        <v>15</v>
      </c>
      <c r="J2904" s="10">
        <v>15.523555959999999</v>
      </c>
    </row>
    <row r="2905" spans="1:10" x14ac:dyDescent="0.35">
      <c r="A2905" t="s">
        <v>10</v>
      </c>
      <c r="B2905" t="s">
        <v>16</v>
      </c>
      <c r="C2905" t="s">
        <v>117</v>
      </c>
      <c r="D2905" t="s">
        <v>118</v>
      </c>
      <c r="E2905">
        <v>2015</v>
      </c>
      <c r="F2905">
        <v>2015</v>
      </c>
      <c r="G2905" t="s">
        <v>14</v>
      </c>
      <c r="H2905" t="s">
        <v>124</v>
      </c>
      <c r="I2905" t="s">
        <v>15</v>
      </c>
      <c r="J2905" s="10">
        <v>2.0024749690000001</v>
      </c>
    </row>
    <row r="2906" spans="1:10" x14ac:dyDescent="0.35">
      <c r="A2906" t="s">
        <v>10</v>
      </c>
      <c r="B2906" t="s">
        <v>16</v>
      </c>
      <c r="C2906" t="s">
        <v>117</v>
      </c>
      <c r="D2906" t="s">
        <v>118</v>
      </c>
      <c r="E2906">
        <v>2015</v>
      </c>
      <c r="F2906">
        <v>2015</v>
      </c>
      <c r="G2906" t="s">
        <v>125</v>
      </c>
      <c r="H2906" t="s">
        <v>119</v>
      </c>
      <c r="I2906" t="s">
        <v>15</v>
      </c>
      <c r="J2906" s="10">
        <v>17.79092399</v>
      </c>
    </row>
    <row r="2907" spans="1:10" x14ac:dyDescent="0.35">
      <c r="A2907" t="s">
        <v>10</v>
      </c>
      <c r="B2907" t="s">
        <v>16</v>
      </c>
      <c r="C2907" t="s">
        <v>117</v>
      </c>
      <c r="D2907" t="s">
        <v>118</v>
      </c>
      <c r="E2907">
        <v>2015</v>
      </c>
      <c r="F2907">
        <v>2015</v>
      </c>
      <c r="G2907" t="s">
        <v>125</v>
      </c>
      <c r="H2907" t="s">
        <v>120</v>
      </c>
      <c r="I2907" t="s">
        <v>15</v>
      </c>
      <c r="J2907" s="10">
        <v>10.30782627</v>
      </c>
    </row>
    <row r="2908" spans="1:10" x14ac:dyDescent="0.35">
      <c r="A2908" t="s">
        <v>10</v>
      </c>
      <c r="B2908" t="s">
        <v>16</v>
      </c>
      <c r="C2908" t="s">
        <v>117</v>
      </c>
      <c r="D2908" t="s">
        <v>118</v>
      </c>
      <c r="E2908">
        <v>2015</v>
      </c>
      <c r="F2908">
        <v>2015</v>
      </c>
      <c r="G2908" t="s">
        <v>125</v>
      </c>
      <c r="H2908" t="s">
        <v>121</v>
      </c>
      <c r="I2908" t="s">
        <v>15</v>
      </c>
      <c r="J2908" s="10">
        <v>36.10684286</v>
      </c>
    </row>
    <row r="2909" spans="1:10" x14ac:dyDescent="0.35">
      <c r="A2909" t="s">
        <v>10</v>
      </c>
      <c r="B2909" t="s">
        <v>16</v>
      </c>
      <c r="C2909" t="s">
        <v>117</v>
      </c>
      <c r="D2909" t="s">
        <v>118</v>
      </c>
      <c r="E2909">
        <v>2015</v>
      </c>
      <c r="F2909">
        <v>2015</v>
      </c>
      <c r="G2909" t="s">
        <v>125</v>
      </c>
      <c r="H2909" t="s">
        <v>122</v>
      </c>
      <c r="I2909" t="s">
        <v>15</v>
      </c>
      <c r="J2909" s="10">
        <v>19.934439659999999</v>
      </c>
    </row>
    <row r="2910" spans="1:10" x14ac:dyDescent="0.35">
      <c r="A2910" t="s">
        <v>10</v>
      </c>
      <c r="B2910" t="s">
        <v>16</v>
      </c>
      <c r="C2910" t="s">
        <v>117</v>
      </c>
      <c r="D2910" t="s">
        <v>118</v>
      </c>
      <c r="E2910">
        <v>2015</v>
      </c>
      <c r="F2910">
        <v>2015</v>
      </c>
      <c r="G2910" t="s">
        <v>125</v>
      </c>
      <c r="H2910" t="s">
        <v>123</v>
      </c>
      <c r="I2910" t="s">
        <v>15</v>
      </c>
      <c r="J2910" s="10">
        <v>14.535955749999999</v>
      </c>
    </row>
    <row r="2911" spans="1:10" x14ac:dyDescent="0.35">
      <c r="A2911" t="s">
        <v>10</v>
      </c>
      <c r="B2911" t="s">
        <v>16</v>
      </c>
      <c r="C2911" t="s">
        <v>117</v>
      </c>
      <c r="D2911" t="s">
        <v>118</v>
      </c>
      <c r="E2911">
        <v>2015</v>
      </c>
      <c r="F2911">
        <v>2015</v>
      </c>
      <c r="G2911" t="s">
        <v>125</v>
      </c>
      <c r="H2911" t="s">
        <v>124</v>
      </c>
      <c r="I2911" t="s">
        <v>15</v>
      </c>
      <c r="J2911" s="10">
        <v>1.3240114730000001</v>
      </c>
    </row>
    <row r="2912" spans="1:10" x14ac:dyDescent="0.35">
      <c r="A2912" t="s">
        <v>10</v>
      </c>
      <c r="B2912" t="s">
        <v>16</v>
      </c>
      <c r="C2912" t="s">
        <v>117</v>
      </c>
      <c r="D2912" t="s">
        <v>118</v>
      </c>
      <c r="E2912">
        <v>2015</v>
      </c>
      <c r="F2912">
        <v>2015</v>
      </c>
      <c r="G2912" t="s">
        <v>126</v>
      </c>
      <c r="H2912" t="s">
        <v>119</v>
      </c>
      <c r="I2912" t="s">
        <v>15</v>
      </c>
      <c r="J2912" s="10">
        <v>16.184406509999999</v>
      </c>
    </row>
    <row r="2913" spans="1:10" x14ac:dyDescent="0.35">
      <c r="A2913" t="s">
        <v>10</v>
      </c>
      <c r="B2913" t="s">
        <v>16</v>
      </c>
      <c r="C2913" t="s">
        <v>117</v>
      </c>
      <c r="D2913" t="s">
        <v>118</v>
      </c>
      <c r="E2913">
        <v>2015</v>
      </c>
      <c r="F2913">
        <v>2015</v>
      </c>
      <c r="G2913" t="s">
        <v>126</v>
      </c>
      <c r="H2913" t="s">
        <v>120</v>
      </c>
      <c r="I2913" t="s">
        <v>15</v>
      </c>
      <c r="J2913" s="10">
        <v>9.5865992720000008</v>
      </c>
    </row>
    <row r="2914" spans="1:10" x14ac:dyDescent="0.35">
      <c r="A2914" t="s">
        <v>10</v>
      </c>
      <c r="B2914" t="s">
        <v>16</v>
      </c>
      <c r="C2914" t="s">
        <v>117</v>
      </c>
      <c r="D2914" t="s">
        <v>118</v>
      </c>
      <c r="E2914">
        <v>2015</v>
      </c>
      <c r="F2914">
        <v>2015</v>
      </c>
      <c r="G2914" t="s">
        <v>126</v>
      </c>
      <c r="H2914" t="s">
        <v>121</v>
      </c>
      <c r="I2914" t="s">
        <v>15</v>
      </c>
      <c r="J2914" s="10">
        <v>35.09144629</v>
      </c>
    </row>
    <row r="2915" spans="1:10" x14ac:dyDescent="0.35">
      <c r="A2915" t="s">
        <v>10</v>
      </c>
      <c r="B2915" t="s">
        <v>16</v>
      </c>
      <c r="C2915" t="s">
        <v>117</v>
      </c>
      <c r="D2915" t="s">
        <v>118</v>
      </c>
      <c r="E2915">
        <v>2015</v>
      </c>
      <c r="F2915">
        <v>2015</v>
      </c>
      <c r="G2915" t="s">
        <v>126</v>
      </c>
      <c r="H2915" t="s">
        <v>122</v>
      </c>
      <c r="I2915" t="s">
        <v>15</v>
      </c>
      <c r="J2915" s="10">
        <v>20.022953139999998</v>
      </c>
    </row>
    <row r="2916" spans="1:10" x14ac:dyDescent="0.35">
      <c r="A2916" t="s">
        <v>10</v>
      </c>
      <c r="B2916" t="s">
        <v>16</v>
      </c>
      <c r="C2916" t="s">
        <v>117</v>
      </c>
      <c r="D2916" t="s">
        <v>118</v>
      </c>
      <c r="E2916">
        <v>2015</v>
      </c>
      <c r="F2916">
        <v>2015</v>
      </c>
      <c r="G2916" t="s">
        <v>126</v>
      </c>
      <c r="H2916" t="s">
        <v>123</v>
      </c>
      <c r="I2916" t="s">
        <v>15</v>
      </c>
      <c r="J2916" s="10">
        <v>16.465216219999999</v>
      </c>
    </row>
    <row r="2917" spans="1:10" x14ac:dyDescent="0.35">
      <c r="A2917" t="s">
        <v>10</v>
      </c>
      <c r="B2917" t="s">
        <v>16</v>
      </c>
      <c r="C2917" t="s">
        <v>117</v>
      </c>
      <c r="D2917" t="s">
        <v>118</v>
      </c>
      <c r="E2917">
        <v>2015</v>
      </c>
      <c r="F2917">
        <v>2015</v>
      </c>
      <c r="G2917" t="s">
        <v>126</v>
      </c>
      <c r="H2917" t="s">
        <v>124</v>
      </c>
      <c r="I2917" t="s">
        <v>15</v>
      </c>
      <c r="J2917" s="10">
        <v>2.6493785559999998</v>
      </c>
    </row>
    <row r="2918" spans="1:10" x14ac:dyDescent="0.35">
      <c r="A2918" t="s">
        <v>10</v>
      </c>
      <c r="B2918" t="s">
        <v>16</v>
      </c>
      <c r="C2918" t="s">
        <v>117</v>
      </c>
      <c r="D2918" t="s">
        <v>118</v>
      </c>
      <c r="E2918">
        <v>2014</v>
      </c>
      <c r="F2918">
        <v>2014</v>
      </c>
      <c r="G2918" t="s">
        <v>14</v>
      </c>
      <c r="H2918" t="s">
        <v>119</v>
      </c>
      <c r="I2918" t="s">
        <v>15</v>
      </c>
      <c r="J2918" s="10">
        <v>16.867650179999998</v>
      </c>
    </row>
    <row r="2919" spans="1:10" x14ac:dyDescent="0.35">
      <c r="A2919" t="s">
        <v>10</v>
      </c>
      <c r="B2919" t="s">
        <v>16</v>
      </c>
      <c r="C2919" t="s">
        <v>117</v>
      </c>
      <c r="D2919" t="s">
        <v>118</v>
      </c>
      <c r="E2919">
        <v>2014</v>
      </c>
      <c r="F2919">
        <v>2014</v>
      </c>
      <c r="G2919" t="s">
        <v>14</v>
      </c>
      <c r="H2919" t="s">
        <v>120</v>
      </c>
      <c r="I2919" t="s">
        <v>15</v>
      </c>
      <c r="J2919" s="10">
        <v>10.66355735</v>
      </c>
    </row>
    <row r="2920" spans="1:10" x14ac:dyDescent="0.35">
      <c r="A2920" t="s">
        <v>10</v>
      </c>
      <c r="B2920" t="s">
        <v>16</v>
      </c>
      <c r="C2920" t="s">
        <v>117</v>
      </c>
      <c r="D2920" t="s">
        <v>118</v>
      </c>
      <c r="E2920">
        <v>2014</v>
      </c>
      <c r="F2920">
        <v>2014</v>
      </c>
      <c r="G2920" t="s">
        <v>14</v>
      </c>
      <c r="H2920" t="s">
        <v>121</v>
      </c>
      <c r="I2920" t="s">
        <v>15</v>
      </c>
      <c r="J2920" s="10">
        <v>35.18063575</v>
      </c>
    </row>
    <row r="2921" spans="1:10" x14ac:dyDescent="0.35">
      <c r="A2921" t="s">
        <v>10</v>
      </c>
      <c r="B2921" t="s">
        <v>16</v>
      </c>
      <c r="C2921" t="s">
        <v>117</v>
      </c>
      <c r="D2921" t="s">
        <v>118</v>
      </c>
      <c r="E2921">
        <v>2014</v>
      </c>
      <c r="F2921">
        <v>2014</v>
      </c>
      <c r="G2921" t="s">
        <v>14</v>
      </c>
      <c r="H2921" t="s">
        <v>122</v>
      </c>
      <c r="I2921" t="s">
        <v>15</v>
      </c>
      <c r="J2921" s="10">
        <v>19.945379039999999</v>
      </c>
    </row>
    <row r="2922" spans="1:10" x14ac:dyDescent="0.35">
      <c r="A2922" t="s">
        <v>10</v>
      </c>
      <c r="B2922" t="s">
        <v>16</v>
      </c>
      <c r="C2922" t="s">
        <v>117</v>
      </c>
      <c r="D2922" t="s">
        <v>118</v>
      </c>
      <c r="E2922">
        <v>2014</v>
      </c>
      <c r="F2922">
        <v>2014</v>
      </c>
      <c r="G2922" t="s">
        <v>14</v>
      </c>
      <c r="H2922" t="s">
        <v>123</v>
      </c>
      <c r="I2922" t="s">
        <v>15</v>
      </c>
      <c r="J2922" s="10">
        <v>15.36993852</v>
      </c>
    </row>
    <row r="2923" spans="1:10" x14ac:dyDescent="0.35">
      <c r="A2923" t="s">
        <v>10</v>
      </c>
      <c r="B2923" t="s">
        <v>16</v>
      </c>
      <c r="C2923" t="s">
        <v>117</v>
      </c>
      <c r="D2923" t="s">
        <v>118</v>
      </c>
      <c r="E2923">
        <v>2014</v>
      </c>
      <c r="F2923">
        <v>2014</v>
      </c>
      <c r="G2923" t="s">
        <v>14</v>
      </c>
      <c r="H2923" t="s">
        <v>124</v>
      </c>
      <c r="I2923" t="s">
        <v>15</v>
      </c>
      <c r="J2923" s="10">
        <v>1.9728391670000001</v>
      </c>
    </row>
    <row r="2924" spans="1:10" x14ac:dyDescent="0.35">
      <c r="A2924" t="s">
        <v>10</v>
      </c>
      <c r="B2924" t="s">
        <v>16</v>
      </c>
      <c r="C2924" t="s">
        <v>117</v>
      </c>
      <c r="D2924" t="s">
        <v>118</v>
      </c>
      <c r="E2924">
        <v>2014</v>
      </c>
      <c r="F2924">
        <v>2014</v>
      </c>
      <c r="G2924" t="s">
        <v>125</v>
      </c>
      <c r="H2924" t="s">
        <v>119</v>
      </c>
      <c r="I2924" t="s">
        <v>15</v>
      </c>
      <c r="J2924" s="10">
        <v>17.735627189999999</v>
      </c>
    </row>
    <row r="2925" spans="1:10" x14ac:dyDescent="0.35">
      <c r="A2925" t="s">
        <v>10</v>
      </c>
      <c r="B2925" t="s">
        <v>16</v>
      </c>
      <c r="C2925" t="s">
        <v>117</v>
      </c>
      <c r="D2925" t="s">
        <v>118</v>
      </c>
      <c r="E2925">
        <v>2014</v>
      </c>
      <c r="F2925">
        <v>2014</v>
      </c>
      <c r="G2925" t="s">
        <v>125</v>
      </c>
      <c r="H2925" t="s">
        <v>120</v>
      </c>
      <c r="I2925" t="s">
        <v>15</v>
      </c>
      <c r="J2925" s="10">
        <v>10.997213629999999</v>
      </c>
    </row>
    <row r="2926" spans="1:10" x14ac:dyDescent="0.35">
      <c r="A2926" t="s">
        <v>10</v>
      </c>
      <c r="B2926" t="s">
        <v>16</v>
      </c>
      <c r="C2926" t="s">
        <v>117</v>
      </c>
      <c r="D2926" t="s">
        <v>118</v>
      </c>
      <c r="E2926">
        <v>2014</v>
      </c>
      <c r="F2926">
        <v>2014</v>
      </c>
      <c r="G2926" t="s">
        <v>125</v>
      </c>
      <c r="H2926" t="s">
        <v>121</v>
      </c>
      <c r="I2926" t="s">
        <v>15</v>
      </c>
      <c r="J2926" s="10">
        <v>35.553056060000003</v>
      </c>
    </row>
    <row r="2927" spans="1:10" x14ac:dyDescent="0.35">
      <c r="A2927" t="s">
        <v>10</v>
      </c>
      <c r="B2927" t="s">
        <v>16</v>
      </c>
      <c r="C2927" t="s">
        <v>117</v>
      </c>
      <c r="D2927" t="s">
        <v>118</v>
      </c>
      <c r="E2927">
        <v>2014</v>
      </c>
      <c r="F2927">
        <v>2014</v>
      </c>
      <c r="G2927" t="s">
        <v>125</v>
      </c>
      <c r="H2927" t="s">
        <v>122</v>
      </c>
      <c r="I2927" t="s">
        <v>15</v>
      </c>
      <c r="J2927" s="10">
        <v>20.0388558</v>
      </c>
    </row>
    <row r="2928" spans="1:10" x14ac:dyDescent="0.35">
      <c r="A2928" t="s">
        <v>10</v>
      </c>
      <c r="B2928" t="s">
        <v>16</v>
      </c>
      <c r="C2928" t="s">
        <v>117</v>
      </c>
      <c r="D2928" t="s">
        <v>118</v>
      </c>
      <c r="E2928">
        <v>2014</v>
      </c>
      <c r="F2928">
        <v>2014</v>
      </c>
      <c r="G2928" t="s">
        <v>125</v>
      </c>
      <c r="H2928" t="s">
        <v>123</v>
      </c>
      <c r="I2928" t="s">
        <v>15</v>
      </c>
      <c r="J2928" s="10">
        <v>14.338301080000001</v>
      </c>
    </row>
    <row r="2929" spans="1:10" x14ac:dyDescent="0.35">
      <c r="A2929" t="s">
        <v>10</v>
      </c>
      <c r="B2929" t="s">
        <v>16</v>
      </c>
      <c r="C2929" t="s">
        <v>117</v>
      </c>
      <c r="D2929" t="s">
        <v>118</v>
      </c>
      <c r="E2929">
        <v>2014</v>
      </c>
      <c r="F2929">
        <v>2014</v>
      </c>
      <c r="G2929" t="s">
        <v>125</v>
      </c>
      <c r="H2929" t="s">
        <v>124</v>
      </c>
      <c r="I2929" t="s">
        <v>15</v>
      </c>
      <c r="J2929" s="10">
        <v>1.3369462409999999</v>
      </c>
    </row>
    <row r="2930" spans="1:10" x14ac:dyDescent="0.35">
      <c r="A2930" t="s">
        <v>10</v>
      </c>
      <c r="B2930" t="s">
        <v>16</v>
      </c>
      <c r="C2930" t="s">
        <v>117</v>
      </c>
      <c r="D2930" t="s">
        <v>118</v>
      </c>
      <c r="E2930">
        <v>2014</v>
      </c>
      <c r="F2930">
        <v>2014</v>
      </c>
      <c r="G2930" t="s">
        <v>126</v>
      </c>
      <c r="H2930" t="s">
        <v>119</v>
      </c>
      <c r="I2930" t="s">
        <v>15</v>
      </c>
      <c r="J2930" s="10">
        <v>16.040905769999998</v>
      </c>
    </row>
    <row r="2931" spans="1:10" x14ac:dyDescent="0.35">
      <c r="A2931" t="s">
        <v>10</v>
      </c>
      <c r="B2931" t="s">
        <v>16</v>
      </c>
      <c r="C2931" t="s">
        <v>117</v>
      </c>
      <c r="D2931" t="s">
        <v>118</v>
      </c>
      <c r="E2931">
        <v>2014</v>
      </c>
      <c r="F2931">
        <v>2014</v>
      </c>
      <c r="G2931" t="s">
        <v>126</v>
      </c>
      <c r="H2931" t="s">
        <v>120</v>
      </c>
      <c r="I2931" t="s">
        <v>15</v>
      </c>
      <c r="J2931" s="10">
        <v>10.345751160000001</v>
      </c>
    </row>
    <row r="2932" spans="1:10" x14ac:dyDescent="0.35">
      <c r="A2932" t="s">
        <v>10</v>
      </c>
      <c r="B2932" t="s">
        <v>16</v>
      </c>
      <c r="C2932" t="s">
        <v>117</v>
      </c>
      <c r="D2932" t="s">
        <v>118</v>
      </c>
      <c r="E2932">
        <v>2014</v>
      </c>
      <c r="F2932">
        <v>2014</v>
      </c>
      <c r="G2932" t="s">
        <v>126</v>
      </c>
      <c r="H2932" t="s">
        <v>121</v>
      </c>
      <c r="I2932" t="s">
        <v>15</v>
      </c>
      <c r="J2932" s="10">
        <v>34.82590699</v>
      </c>
    </row>
    <row r="2933" spans="1:10" x14ac:dyDescent="0.35">
      <c r="A2933" t="s">
        <v>10</v>
      </c>
      <c r="B2933" t="s">
        <v>16</v>
      </c>
      <c r="C2933" t="s">
        <v>117</v>
      </c>
      <c r="D2933" t="s">
        <v>118</v>
      </c>
      <c r="E2933">
        <v>2014</v>
      </c>
      <c r="F2933">
        <v>2014</v>
      </c>
      <c r="G2933" t="s">
        <v>126</v>
      </c>
      <c r="H2933" t="s">
        <v>122</v>
      </c>
      <c r="I2933" t="s">
        <v>15</v>
      </c>
      <c r="J2933" s="10">
        <v>19.856342829999999</v>
      </c>
    </row>
    <row r="2934" spans="1:10" x14ac:dyDescent="0.35">
      <c r="A2934" t="s">
        <v>10</v>
      </c>
      <c r="B2934" t="s">
        <v>16</v>
      </c>
      <c r="C2934" t="s">
        <v>117</v>
      </c>
      <c r="D2934" t="s">
        <v>118</v>
      </c>
      <c r="E2934">
        <v>2014</v>
      </c>
      <c r="F2934">
        <v>2014</v>
      </c>
      <c r="G2934" t="s">
        <v>126</v>
      </c>
      <c r="H2934" t="s">
        <v>123</v>
      </c>
      <c r="I2934" t="s">
        <v>15</v>
      </c>
      <c r="J2934" s="10">
        <v>16.352568789999999</v>
      </c>
    </row>
    <row r="2935" spans="1:10" x14ac:dyDescent="0.35">
      <c r="A2935" t="s">
        <v>10</v>
      </c>
      <c r="B2935" t="s">
        <v>16</v>
      </c>
      <c r="C2935" t="s">
        <v>117</v>
      </c>
      <c r="D2935" t="s">
        <v>118</v>
      </c>
      <c r="E2935">
        <v>2014</v>
      </c>
      <c r="F2935">
        <v>2014</v>
      </c>
      <c r="G2935" t="s">
        <v>126</v>
      </c>
      <c r="H2935" t="s">
        <v>124</v>
      </c>
      <c r="I2935" t="s">
        <v>15</v>
      </c>
      <c r="J2935" s="10">
        <v>2.5785244700000001</v>
      </c>
    </row>
    <row r="2936" spans="1:10" x14ac:dyDescent="0.35">
      <c r="A2936" t="s">
        <v>10</v>
      </c>
      <c r="B2936" t="s">
        <v>16</v>
      </c>
      <c r="C2936" t="s">
        <v>117</v>
      </c>
      <c r="D2936" t="s">
        <v>118</v>
      </c>
      <c r="E2936">
        <v>2013</v>
      </c>
      <c r="F2936">
        <v>2013</v>
      </c>
      <c r="G2936" t="s">
        <v>14</v>
      </c>
      <c r="H2936" t="s">
        <v>119</v>
      </c>
      <c r="I2936" t="s">
        <v>15</v>
      </c>
      <c r="J2936" s="10">
        <v>16.755345850000001</v>
      </c>
    </row>
    <row r="2937" spans="1:10" x14ac:dyDescent="0.35">
      <c r="A2937" t="s">
        <v>10</v>
      </c>
      <c r="B2937" t="s">
        <v>16</v>
      </c>
      <c r="C2937" t="s">
        <v>117</v>
      </c>
      <c r="D2937" t="s">
        <v>118</v>
      </c>
      <c r="E2937">
        <v>2013</v>
      </c>
      <c r="F2937">
        <v>2013</v>
      </c>
      <c r="G2937" t="s">
        <v>14</v>
      </c>
      <c r="H2937" t="s">
        <v>120</v>
      </c>
      <c r="I2937" t="s">
        <v>15</v>
      </c>
      <c r="J2937" s="10">
        <v>10.96400964</v>
      </c>
    </row>
    <row r="2938" spans="1:10" x14ac:dyDescent="0.35">
      <c r="A2938" t="s">
        <v>10</v>
      </c>
      <c r="B2938" t="s">
        <v>16</v>
      </c>
      <c r="C2938" t="s">
        <v>117</v>
      </c>
      <c r="D2938" t="s">
        <v>118</v>
      </c>
      <c r="E2938">
        <v>2013</v>
      </c>
      <c r="F2938">
        <v>2013</v>
      </c>
      <c r="G2938" t="s">
        <v>14</v>
      </c>
      <c r="H2938" t="s">
        <v>121</v>
      </c>
      <c r="I2938" t="s">
        <v>15</v>
      </c>
      <c r="J2938" s="10">
        <v>35.08558378</v>
      </c>
    </row>
    <row r="2939" spans="1:10" x14ac:dyDescent="0.35">
      <c r="A2939" t="s">
        <v>10</v>
      </c>
      <c r="B2939" t="s">
        <v>16</v>
      </c>
      <c r="C2939" t="s">
        <v>117</v>
      </c>
      <c r="D2939" t="s">
        <v>118</v>
      </c>
      <c r="E2939">
        <v>2013</v>
      </c>
      <c r="F2939">
        <v>2013</v>
      </c>
      <c r="G2939" t="s">
        <v>14</v>
      </c>
      <c r="H2939" t="s">
        <v>122</v>
      </c>
      <c r="I2939" t="s">
        <v>15</v>
      </c>
      <c r="J2939" s="10">
        <v>20.201285009999999</v>
      </c>
    </row>
    <row r="2940" spans="1:10" x14ac:dyDescent="0.35">
      <c r="A2940" t="s">
        <v>10</v>
      </c>
      <c r="B2940" t="s">
        <v>16</v>
      </c>
      <c r="C2940" t="s">
        <v>117</v>
      </c>
      <c r="D2940" t="s">
        <v>118</v>
      </c>
      <c r="E2940">
        <v>2013</v>
      </c>
      <c r="F2940">
        <v>2013</v>
      </c>
      <c r="G2940" t="s">
        <v>14</v>
      </c>
      <c r="H2940" t="s">
        <v>123</v>
      </c>
      <c r="I2940" t="s">
        <v>15</v>
      </c>
      <c r="J2940" s="10">
        <v>15.056219260000001</v>
      </c>
    </row>
    <row r="2941" spans="1:10" x14ac:dyDescent="0.35">
      <c r="A2941" t="s">
        <v>10</v>
      </c>
      <c r="B2941" t="s">
        <v>16</v>
      </c>
      <c r="C2941" t="s">
        <v>117</v>
      </c>
      <c r="D2941" t="s">
        <v>118</v>
      </c>
      <c r="E2941">
        <v>2013</v>
      </c>
      <c r="F2941">
        <v>2013</v>
      </c>
      <c r="G2941" t="s">
        <v>14</v>
      </c>
      <c r="H2941" t="s">
        <v>124</v>
      </c>
      <c r="I2941" t="s">
        <v>15</v>
      </c>
      <c r="J2941" s="10">
        <v>1.9375564700000001</v>
      </c>
    </row>
    <row r="2942" spans="1:10" x14ac:dyDescent="0.35">
      <c r="A2942" t="s">
        <v>10</v>
      </c>
      <c r="B2942" t="s">
        <v>16</v>
      </c>
      <c r="C2942" t="s">
        <v>117</v>
      </c>
      <c r="D2942" t="s">
        <v>118</v>
      </c>
      <c r="E2942">
        <v>2013</v>
      </c>
      <c r="F2942">
        <v>2013</v>
      </c>
      <c r="G2942" t="s">
        <v>125</v>
      </c>
      <c r="H2942" t="s">
        <v>119</v>
      </c>
      <c r="I2942" t="s">
        <v>15</v>
      </c>
      <c r="J2942" s="10">
        <v>17.676767680000001</v>
      </c>
    </row>
    <row r="2943" spans="1:10" x14ac:dyDescent="0.35">
      <c r="A2943" t="s">
        <v>10</v>
      </c>
      <c r="B2943" t="s">
        <v>16</v>
      </c>
      <c r="C2943" t="s">
        <v>117</v>
      </c>
      <c r="D2943" t="s">
        <v>118</v>
      </c>
      <c r="E2943">
        <v>2013</v>
      </c>
      <c r="F2943">
        <v>2013</v>
      </c>
      <c r="G2943" t="s">
        <v>125</v>
      </c>
      <c r="H2943" t="s">
        <v>120</v>
      </c>
      <c r="I2943" t="s">
        <v>15</v>
      </c>
      <c r="J2943" s="10">
        <v>11.301793440000001</v>
      </c>
    </row>
    <row r="2944" spans="1:10" x14ac:dyDescent="0.35">
      <c r="A2944" t="s">
        <v>10</v>
      </c>
      <c r="B2944" t="s">
        <v>16</v>
      </c>
      <c r="C2944" t="s">
        <v>117</v>
      </c>
      <c r="D2944" t="s">
        <v>118</v>
      </c>
      <c r="E2944">
        <v>2013</v>
      </c>
      <c r="F2944">
        <v>2013</v>
      </c>
      <c r="G2944" t="s">
        <v>125</v>
      </c>
      <c r="H2944" t="s">
        <v>121</v>
      </c>
      <c r="I2944" t="s">
        <v>15</v>
      </c>
      <c r="J2944" s="10">
        <v>35.291692429999998</v>
      </c>
    </row>
    <row r="2945" spans="1:10" x14ac:dyDescent="0.35">
      <c r="A2945" t="s">
        <v>10</v>
      </c>
      <c r="B2945" t="s">
        <v>16</v>
      </c>
      <c r="C2945" t="s">
        <v>117</v>
      </c>
      <c r="D2945" t="s">
        <v>118</v>
      </c>
      <c r="E2945">
        <v>2013</v>
      </c>
      <c r="F2945">
        <v>2013</v>
      </c>
      <c r="G2945" t="s">
        <v>125</v>
      </c>
      <c r="H2945" t="s">
        <v>122</v>
      </c>
      <c r="I2945" t="s">
        <v>15</v>
      </c>
      <c r="J2945" s="10">
        <v>20.433931149999999</v>
      </c>
    </row>
    <row r="2946" spans="1:10" x14ac:dyDescent="0.35">
      <c r="A2946" t="s">
        <v>10</v>
      </c>
      <c r="B2946" t="s">
        <v>16</v>
      </c>
      <c r="C2946" t="s">
        <v>117</v>
      </c>
      <c r="D2946" t="s">
        <v>118</v>
      </c>
      <c r="E2946">
        <v>2013</v>
      </c>
      <c r="F2946">
        <v>2013</v>
      </c>
      <c r="G2946" t="s">
        <v>125</v>
      </c>
      <c r="H2946" t="s">
        <v>123</v>
      </c>
      <c r="I2946" t="s">
        <v>15</v>
      </c>
      <c r="J2946" s="10">
        <v>13.94815502</v>
      </c>
    </row>
    <row r="2947" spans="1:10" x14ac:dyDescent="0.35">
      <c r="A2947" t="s">
        <v>10</v>
      </c>
      <c r="B2947" t="s">
        <v>16</v>
      </c>
      <c r="C2947" t="s">
        <v>117</v>
      </c>
      <c r="D2947" t="s">
        <v>118</v>
      </c>
      <c r="E2947">
        <v>2013</v>
      </c>
      <c r="F2947">
        <v>2013</v>
      </c>
      <c r="G2947" t="s">
        <v>125</v>
      </c>
      <c r="H2947" t="s">
        <v>124</v>
      </c>
      <c r="I2947" t="s">
        <v>15</v>
      </c>
      <c r="J2947" s="10">
        <v>1.347660276</v>
      </c>
    </row>
    <row r="2948" spans="1:10" x14ac:dyDescent="0.35">
      <c r="A2948" t="s">
        <v>10</v>
      </c>
      <c r="B2948" t="s">
        <v>16</v>
      </c>
      <c r="C2948" t="s">
        <v>117</v>
      </c>
      <c r="D2948" t="s">
        <v>118</v>
      </c>
      <c r="E2948">
        <v>2013</v>
      </c>
      <c r="F2948">
        <v>2013</v>
      </c>
      <c r="G2948" t="s">
        <v>126</v>
      </c>
      <c r="H2948" t="s">
        <v>119</v>
      </c>
      <c r="I2948" t="s">
        <v>15</v>
      </c>
      <c r="J2948" s="10">
        <v>15.88062622</v>
      </c>
    </row>
    <row r="2949" spans="1:10" x14ac:dyDescent="0.35">
      <c r="A2949" t="s">
        <v>10</v>
      </c>
      <c r="B2949" t="s">
        <v>16</v>
      </c>
      <c r="C2949" t="s">
        <v>117</v>
      </c>
      <c r="D2949" t="s">
        <v>118</v>
      </c>
      <c r="E2949">
        <v>2013</v>
      </c>
      <c r="F2949">
        <v>2013</v>
      </c>
      <c r="G2949" t="s">
        <v>126</v>
      </c>
      <c r="H2949" t="s">
        <v>120</v>
      </c>
      <c r="I2949" t="s">
        <v>15</v>
      </c>
      <c r="J2949" s="10">
        <v>10.643346380000001</v>
      </c>
    </row>
    <row r="2950" spans="1:10" x14ac:dyDescent="0.35">
      <c r="A2950" t="s">
        <v>10</v>
      </c>
      <c r="B2950" t="s">
        <v>16</v>
      </c>
      <c r="C2950" t="s">
        <v>117</v>
      </c>
      <c r="D2950" t="s">
        <v>118</v>
      </c>
      <c r="E2950">
        <v>2013</v>
      </c>
      <c r="F2950">
        <v>2013</v>
      </c>
      <c r="G2950" t="s">
        <v>126</v>
      </c>
      <c r="H2950" t="s">
        <v>121</v>
      </c>
      <c r="I2950" t="s">
        <v>15</v>
      </c>
      <c r="J2950" s="10">
        <v>34.889921719999997</v>
      </c>
    </row>
    <row r="2951" spans="1:10" x14ac:dyDescent="0.35">
      <c r="A2951" t="s">
        <v>10</v>
      </c>
      <c r="B2951" t="s">
        <v>16</v>
      </c>
      <c r="C2951" t="s">
        <v>117</v>
      </c>
      <c r="D2951" t="s">
        <v>118</v>
      </c>
      <c r="E2951">
        <v>2013</v>
      </c>
      <c r="F2951">
        <v>2013</v>
      </c>
      <c r="G2951" t="s">
        <v>126</v>
      </c>
      <c r="H2951" t="s">
        <v>122</v>
      </c>
      <c r="I2951" t="s">
        <v>15</v>
      </c>
      <c r="J2951" s="10">
        <v>19.98043053</v>
      </c>
    </row>
    <row r="2952" spans="1:10" x14ac:dyDescent="0.35">
      <c r="A2952" t="s">
        <v>10</v>
      </c>
      <c r="B2952" t="s">
        <v>16</v>
      </c>
      <c r="C2952" t="s">
        <v>117</v>
      </c>
      <c r="D2952" t="s">
        <v>118</v>
      </c>
      <c r="E2952">
        <v>2013</v>
      </c>
      <c r="F2952">
        <v>2013</v>
      </c>
      <c r="G2952" t="s">
        <v>126</v>
      </c>
      <c r="H2952" t="s">
        <v>123</v>
      </c>
      <c r="I2952" t="s">
        <v>15</v>
      </c>
      <c r="J2952" s="10">
        <v>16.108121329999999</v>
      </c>
    </row>
    <row r="2953" spans="1:10" x14ac:dyDescent="0.35">
      <c r="A2953" t="s">
        <v>10</v>
      </c>
      <c r="B2953" t="s">
        <v>16</v>
      </c>
      <c r="C2953" t="s">
        <v>117</v>
      </c>
      <c r="D2953" t="s">
        <v>118</v>
      </c>
      <c r="E2953">
        <v>2013</v>
      </c>
      <c r="F2953">
        <v>2013</v>
      </c>
      <c r="G2953" t="s">
        <v>126</v>
      </c>
      <c r="H2953" t="s">
        <v>124</v>
      </c>
      <c r="I2953" t="s">
        <v>15</v>
      </c>
      <c r="J2953" s="10">
        <v>2.4975538159999999</v>
      </c>
    </row>
    <row r="2954" spans="1:10" x14ac:dyDescent="0.35">
      <c r="A2954" t="s">
        <v>10</v>
      </c>
      <c r="B2954" t="s">
        <v>16</v>
      </c>
      <c r="C2954" t="s">
        <v>117</v>
      </c>
      <c r="D2954" t="s">
        <v>118</v>
      </c>
      <c r="E2954">
        <v>2012</v>
      </c>
      <c r="F2954">
        <v>2012</v>
      </c>
      <c r="G2954" t="s">
        <v>14</v>
      </c>
      <c r="H2954" t="s">
        <v>119</v>
      </c>
      <c r="I2954" t="s">
        <v>15</v>
      </c>
      <c r="J2954" s="10">
        <v>16.920334740000001</v>
      </c>
    </row>
    <row r="2955" spans="1:10" x14ac:dyDescent="0.35">
      <c r="A2955" t="s">
        <v>10</v>
      </c>
      <c r="B2955" t="s">
        <v>16</v>
      </c>
      <c r="C2955" t="s">
        <v>117</v>
      </c>
      <c r="D2955" t="s">
        <v>118</v>
      </c>
      <c r="E2955">
        <v>2012</v>
      </c>
      <c r="F2955">
        <v>2012</v>
      </c>
      <c r="G2955" t="s">
        <v>14</v>
      </c>
      <c r="H2955" t="s">
        <v>120</v>
      </c>
      <c r="I2955" t="s">
        <v>15</v>
      </c>
      <c r="J2955" s="10">
        <v>11.0332971</v>
      </c>
    </row>
    <row r="2956" spans="1:10" x14ac:dyDescent="0.35">
      <c r="A2956" t="s">
        <v>10</v>
      </c>
      <c r="B2956" t="s">
        <v>16</v>
      </c>
      <c r="C2956" t="s">
        <v>117</v>
      </c>
      <c r="D2956" t="s">
        <v>118</v>
      </c>
      <c r="E2956">
        <v>2012</v>
      </c>
      <c r="F2956">
        <v>2012</v>
      </c>
      <c r="G2956" t="s">
        <v>14</v>
      </c>
      <c r="H2956" t="s">
        <v>121</v>
      </c>
      <c r="I2956" t="s">
        <v>15</v>
      </c>
      <c r="J2956" s="10">
        <v>35.015043110000001</v>
      </c>
    </row>
    <row r="2957" spans="1:10" x14ac:dyDescent="0.35">
      <c r="A2957" t="s">
        <v>10</v>
      </c>
      <c r="B2957" t="s">
        <v>16</v>
      </c>
      <c r="C2957" t="s">
        <v>117</v>
      </c>
      <c r="D2957" t="s">
        <v>118</v>
      </c>
      <c r="E2957">
        <v>2012</v>
      </c>
      <c r="F2957">
        <v>2012</v>
      </c>
      <c r="G2957" t="s">
        <v>14</v>
      </c>
      <c r="H2957" t="s">
        <v>122</v>
      </c>
      <c r="I2957" t="s">
        <v>15</v>
      </c>
      <c r="J2957" s="10">
        <v>20.406795939999999</v>
      </c>
    </row>
    <row r="2958" spans="1:10" x14ac:dyDescent="0.35">
      <c r="A2958" t="s">
        <v>10</v>
      </c>
      <c r="B2958" t="s">
        <v>16</v>
      </c>
      <c r="C2958" t="s">
        <v>117</v>
      </c>
      <c r="D2958" t="s">
        <v>118</v>
      </c>
      <c r="E2958">
        <v>2012</v>
      </c>
      <c r="F2958">
        <v>2012</v>
      </c>
      <c r="G2958" t="s">
        <v>14</v>
      </c>
      <c r="H2958" t="s">
        <v>123</v>
      </c>
      <c r="I2958" t="s">
        <v>15</v>
      </c>
      <c r="J2958" s="10">
        <v>14.680302380000001</v>
      </c>
    </row>
    <row r="2959" spans="1:10" x14ac:dyDescent="0.35">
      <c r="A2959" t="s">
        <v>10</v>
      </c>
      <c r="B2959" t="s">
        <v>16</v>
      </c>
      <c r="C2959" t="s">
        <v>117</v>
      </c>
      <c r="D2959" t="s">
        <v>118</v>
      </c>
      <c r="E2959">
        <v>2012</v>
      </c>
      <c r="F2959">
        <v>2012</v>
      </c>
      <c r="G2959" t="s">
        <v>14</v>
      </c>
      <c r="H2959" t="s">
        <v>124</v>
      </c>
      <c r="I2959" t="s">
        <v>15</v>
      </c>
      <c r="J2959" s="10">
        <v>1.9442267339999999</v>
      </c>
    </row>
    <row r="2960" spans="1:10" x14ac:dyDescent="0.35">
      <c r="A2960" t="s">
        <v>10</v>
      </c>
      <c r="B2960" t="s">
        <v>16</v>
      </c>
      <c r="C2960" t="s">
        <v>117</v>
      </c>
      <c r="D2960" t="s">
        <v>118</v>
      </c>
      <c r="E2960">
        <v>2012</v>
      </c>
      <c r="F2960">
        <v>2012</v>
      </c>
      <c r="G2960" t="s">
        <v>125</v>
      </c>
      <c r="H2960" t="s">
        <v>119</v>
      </c>
      <c r="I2960" t="s">
        <v>15</v>
      </c>
      <c r="J2960" s="10">
        <v>18.019442640000001</v>
      </c>
    </row>
    <row r="2961" spans="1:10" x14ac:dyDescent="0.35">
      <c r="A2961" t="s">
        <v>10</v>
      </c>
      <c r="B2961" t="s">
        <v>16</v>
      </c>
      <c r="C2961" t="s">
        <v>117</v>
      </c>
      <c r="D2961" t="s">
        <v>118</v>
      </c>
      <c r="E2961">
        <v>2012</v>
      </c>
      <c r="F2961">
        <v>2012</v>
      </c>
      <c r="G2961" t="s">
        <v>125</v>
      </c>
      <c r="H2961" t="s">
        <v>120</v>
      </c>
      <c r="I2961" t="s">
        <v>15</v>
      </c>
      <c r="J2961" s="10">
        <v>11.48930655</v>
      </c>
    </row>
    <row r="2962" spans="1:10" x14ac:dyDescent="0.35">
      <c r="A2962" t="s">
        <v>10</v>
      </c>
      <c r="B2962" t="s">
        <v>16</v>
      </c>
      <c r="C2962" t="s">
        <v>117</v>
      </c>
      <c r="D2962" t="s">
        <v>118</v>
      </c>
      <c r="E2962">
        <v>2012</v>
      </c>
      <c r="F2962">
        <v>2012</v>
      </c>
      <c r="G2962" t="s">
        <v>125</v>
      </c>
      <c r="H2962" t="s">
        <v>121</v>
      </c>
      <c r="I2962" t="s">
        <v>15</v>
      </c>
      <c r="J2962" s="10">
        <v>35.071937779999999</v>
      </c>
    </row>
    <row r="2963" spans="1:10" x14ac:dyDescent="0.35">
      <c r="A2963" t="s">
        <v>10</v>
      </c>
      <c r="B2963" t="s">
        <v>16</v>
      </c>
      <c r="C2963" t="s">
        <v>117</v>
      </c>
      <c r="D2963" t="s">
        <v>118</v>
      </c>
      <c r="E2963">
        <v>2012</v>
      </c>
      <c r="F2963">
        <v>2012</v>
      </c>
      <c r="G2963" t="s">
        <v>125</v>
      </c>
      <c r="H2963" t="s">
        <v>122</v>
      </c>
      <c r="I2963" t="s">
        <v>15</v>
      </c>
      <c r="J2963" s="10">
        <v>20.648088139999999</v>
      </c>
    </row>
    <row r="2964" spans="1:10" x14ac:dyDescent="0.35">
      <c r="A2964" t="s">
        <v>10</v>
      </c>
      <c r="B2964" t="s">
        <v>16</v>
      </c>
      <c r="C2964" t="s">
        <v>117</v>
      </c>
      <c r="D2964" t="s">
        <v>118</v>
      </c>
      <c r="E2964">
        <v>2012</v>
      </c>
      <c r="F2964">
        <v>2012</v>
      </c>
      <c r="G2964" t="s">
        <v>125</v>
      </c>
      <c r="H2964" t="s">
        <v>123</v>
      </c>
      <c r="I2964" t="s">
        <v>15</v>
      </c>
      <c r="J2964" s="10">
        <v>13.459494490000001</v>
      </c>
    </row>
    <row r="2965" spans="1:10" x14ac:dyDescent="0.35">
      <c r="A2965" t="s">
        <v>10</v>
      </c>
      <c r="B2965" t="s">
        <v>16</v>
      </c>
      <c r="C2965" t="s">
        <v>117</v>
      </c>
      <c r="D2965" t="s">
        <v>118</v>
      </c>
      <c r="E2965">
        <v>2012</v>
      </c>
      <c r="F2965">
        <v>2012</v>
      </c>
      <c r="G2965" t="s">
        <v>125</v>
      </c>
      <c r="H2965" t="s">
        <v>124</v>
      </c>
      <c r="I2965" t="s">
        <v>15</v>
      </c>
      <c r="J2965" s="10">
        <v>1.3117303950000001</v>
      </c>
    </row>
    <row r="2966" spans="1:10" x14ac:dyDescent="0.35">
      <c r="A2966" t="s">
        <v>10</v>
      </c>
      <c r="B2966" t="s">
        <v>16</v>
      </c>
      <c r="C2966" t="s">
        <v>117</v>
      </c>
      <c r="D2966" t="s">
        <v>118</v>
      </c>
      <c r="E2966">
        <v>2012</v>
      </c>
      <c r="F2966">
        <v>2012</v>
      </c>
      <c r="G2966" t="s">
        <v>126</v>
      </c>
      <c r="H2966" t="s">
        <v>119</v>
      </c>
      <c r="I2966" t="s">
        <v>15</v>
      </c>
      <c r="J2966" s="10">
        <v>15.874269079999999</v>
      </c>
    </row>
    <row r="2967" spans="1:10" x14ac:dyDescent="0.35">
      <c r="A2967" t="s">
        <v>10</v>
      </c>
      <c r="B2967" t="s">
        <v>16</v>
      </c>
      <c r="C2967" t="s">
        <v>117</v>
      </c>
      <c r="D2967" t="s">
        <v>118</v>
      </c>
      <c r="E2967">
        <v>2012</v>
      </c>
      <c r="F2967">
        <v>2012</v>
      </c>
      <c r="G2967" t="s">
        <v>126</v>
      </c>
      <c r="H2967" t="s">
        <v>120</v>
      </c>
      <c r="I2967" t="s">
        <v>15</v>
      </c>
      <c r="J2967" s="10">
        <v>10.599294370000001</v>
      </c>
    </row>
    <row r="2968" spans="1:10" x14ac:dyDescent="0.35">
      <c r="A2968" t="s">
        <v>10</v>
      </c>
      <c r="B2968" t="s">
        <v>16</v>
      </c>
      <c r="C2968" t="s">
        <v>117</v>
      </c>
      <c r="D2968" t="s">
        <v>118</v>
      </c>
      <c r="E2968">
        <v>2012</v>
      </c>
      <c r="F2968">
        <v>2012</v>
      </c>
      <c r="G2968" t="s">
        <v>126</v>
      </c>
      <c r="H2968" t="s">
        <v>121</v>
      </c>
      <c r="I2968" t="s">
        <v>15</v>
      </c>
      <c r="J2968" s="10">
        <v>34.96089413</v>
      </c>
    </row>
    <row r="2969" spans="1:10" x14ac:dyDescent="0.35">
      <c r="A2969" t="s">
        <v>10</v>
      </c>
      <c r="B2969" t="s">
        <v>16</v>
      </c>
      <c r="C2969" t="s">
        <v>117</v>
      </c>
      <c r="D2969" t="s">
        <v>118</v>
      </c>
      <c r="E2969">
        <v>2012</v>
      </c>
      <c r="F2969">
        <v>2012</v>
      </c>
      <c r="G2969" t="s">
        <v>126</v>
      </c>
      <c r="H2969" t="s">
        <v>122</v>
      </c>
      <c r="I2969" t="s">
        <v>15</v>
      </c>
      <c r="J2969" s="10">
        <v>20.17714836</v>
      </c>
    </row>
    <row r="2970" spans="1:10" x14ac:dyDescent="0.35">
      <c r="A2970" t="s">
        <v>10</v>
      </c>
      <c r="B2970" t="s">
        <v>16</v>
      </c>
      <c r="C2970" t="s">
        <v>117</v>
      </c>
      <c r="D2970" t="s">
        <v>118</v>
      </c>
      <c r="E2970">
        <v>2012</v>
      </c>
      <c r="F2970">
        <v>2012</v>
      </c>
      <c r="G2970" t="s">
        <v>126</v>
      </c>
      <c r="H2970" t="s">
        <v>123</v>
      </c>
      <c r="I2970" t="s">
        <v>15</v>
      </c>
      <c r="J2970" s="10">
        <v>15.842194859999999</v>
      </c>
    </row>
    <row r="2971" spans="1:10" x14ac:dyDescent="0.35">
      <c r="A2971" t="s">
        <v>10</v>
      </c>
      <c r="B2971" t="s">
        <v>16</v>
      </c>
      <c r="C2971" t="s">
        <v>117</v>
      </c>
      <c r="D2971" t="s">
        <v>118</v>
      </c>
      <c r="E2971">
        <v>2012</v>
      </c>
      <c r="F2971">
        <v>2012</v>
      </c>
      <c r="G2971" t="s">
        <v>126</v>
      </c>
      <c r="H2971" t="s">
        <v>124</v>
      </c>
      <c r="I2971" t="s">
        <v>15</v>
      </c>
      <c r="J2971" s="10">
        <v>2.5461992059999998</v>
      </c>
    </row>
    <row r="2972" spans="1:10" x14ac:dyDescent="0.35">
      <c r="A2972" t="s">
        <v>10</v>
      </c>
      <c r="B2972" t="s">
        <v>16</v>
      </c>
      <c r="C2972" t="s">
        <v>117</v>
      </c>
      <c r="D2972" t="s">
        <v>118</v>
      </c>
      <c r="E2972">
        <v>2011</v>
      </c>
      <c r="F2972">
        <v>2011</v>
      </c>
      <c r="G2972" t="s">
        <v>14</v>
      </c>
      <c r="H2972" t="s">
        <v>119</v>
      </c>
      <c r="I2972" t="s">
        <v>15</v>
      </c>
      <c r="J2972" s="10">
        <v>16.934394040000001</v>
      </c>
    </row>
    <row r="2973" spans="1:10" x14ac:dyDescent="0.35">
      <c r="A2973" t="s">
        <v>10</v>
      </c>
      <c r="B2973" t="s">
        <v>16</v>
      </c>
      <c r="C2973" t="s">
        <v>117</v>
      </c>
      <c r="D2973" t="s">
        <v>118</v>
      </c>
      <c r="E2973">
        <v>2011</v>
      </c>
      <c r="F2973">
        <v>2011</v>
      </c>
      <c r="G2973" t="s">
        <v>14</v>
      </c>
      <c r="H2973" t="s">
        <v>120</v>
      </c>
      <c r="I2973" t="s">
        <v>15</v>
      </c>
      <c r="J2973" s="10">
        <v>11.092837660000001</v>
      </c>
    </row>
    <row r="2974" spans="1:10" x14ac:dyDescent="0.35">
      <c r="A2974" t="s">
        <v>10</v>
      </c>
      <c r="B2974" t="s">
        <v>16</v>
      </c>
      <c r="C2974" t="s">
        <v>117</v>
      </c>
      <c r="D2974" t="s">
        <v>118</v>
      </c>
      <c r="E2974">
        <v>2011</v>
      </c>
      <c r="F2974">
        <v>2011</v>
      </c>
      <c r="G2974" t="s">
        <v>14</v>
      </c>
      <c r="H2974" t="s">
        <v>121</v>
      </c>
      <c r="I2974" t="s">
        <v>15</v>
      </c>
      <c r="J2974" s="10">
        <v>35.10798338</v>
      </c>
    </row>
    <row r="2975" spans="1:10" x14ac:dyDescent="0.35">
      <c r="A2975" t="s">
        <v>10</v>
      </c>
      <c r="B2975" t="s">
        <v>16</v>
      </c>
      <c r="C2975" t="s">
        <v>117</v>
      </c>
      <c r="D2975" t="s">
        <v>118</v>
      </c>
      <c r="E2975">
        <v>2011</v>
      </c>
      <c r="F2975">
        <v>2011</v>
      </c>
      <c r="G2975" t="s">
        <v>14</v>
      </c>
      <c r="H2975" t="s">
        <v>122</v>
      </c>
      <c r="I2975" t="s">
        <v>15</v>
      </c>
      <c r="J2975" s="10">
        <v>20.734847909999999</v>
      </c>
    </row>
    <row r="2976" spans="1:10" x14ac:dyDescent="0.35">
      <c r="A2976" t="s">
        <v>10</v>
      </c>
      <c r="B2976" t="s">
        <v>16</v>
      </c>
      <c r="C2976" t="s">
        <v>117</v>
      </c>
      <c r="D2976" t="s">
        <v>118</v>
      </c>
      <c r="E2976">
        <v>2011</v>
      </c>
      <c r="F2976">
        <v>2011</v>
      </c>
      <c r="G2976" t="s">
        <v>14</v>
      </c>
      <c r="H2976" t="s">
        <v>123</v>
      </c>
      <c r="I2976" t="s">
        <v>15</v>
      </c>
      <c r="J2976" s="10">
        <v>14.245646239999999</v>
      </c>
    </row>
    <row r="2977" spans="1:10" x14ac:dyDescent="0.35">
      <c r="A2977" t="s">
        <v>10</v>
      </c>
      <c r="B2977" t="s">
        <v>16</v>
      </c>
      <c r="C2977" t="s">
        <v>117</v>
      </c>
      <c r="D2977" t="s">
        <v>118</v>
      </c>
      <c r="E2977">
        <v>2011</v>
      </c>
      <c r="F2977">
        <v>2011</v>
      </c>
      <c r="G2977" t="s">
        <v>14</v>
      </c>
      <c r="H2977" t="s">
        <v>124</v>
      </c>
      <c r="I2977" t="s">
        <v>15</v>
      </c>
      <c r="J2977" s="10">
        <v>1.8842907769999999</v>
      </c>
    </row>
    <row r="2978" spans="1:10" x14ac:dyDescent="0.35">
      <c r="A2978" t="s">
        <v>10</v>
      </c>
      <c r="B2978" t="s">
        <v>16</v>
      </c>
      <c r="C2978" t="s">
        <v>117</v>
      </c>
      <c r="D2978" t="s">
        <v>118</v>
      </c>
      <c r="E2978">
        <v>2011</v>
      </c>
      <c r="F2978">
        <v>2011</v>
      </c>
      <c r="G2978" t="s">
        <v>125</v>
      </c>
      <c r="H2978" t="s">
        <v>119</v>
      </c>
      <c r="I2978" t="s">
        <v>15</v>
      </c>
      <c r="J2978" s="10">
        <v>18.11342441</v>
      </c>
    </row>
    <row r="2979" spans="1:10" x14ac:dyDescent="0.35">
      <c r="A2979" t="s">
        <v>10</v>
      </c>
      <c r="B2979" t="s">
        <v>16</v>
      </c>
      <c r="C2979" t="s">
        <v>117</v>
      </c>
      <c r="D2979" t="s">
        <v>118</v>
      </c>
      <c r="E2979">
        <v>2011</v>
      </c>
      <c r="F2979">
        <v>2011</v>
      </c>
      <c r="G2979" t="s">
        <v>125</v>
      </c>
      <c r="H2979" t="s">
        <v>120</v>
      </c>
      <c r="I2979" t="s">
        <v>15</v>
      </c>
      <c r="J2979" s="10">
        <v>11.6324025</v>
      </c>
    </row>
    <row r="2980" spans="1:10" x14ac:dyDescent="0.35">
      <c r="A2980" t="s">
        <v>10</v>
      </c>
      <c r="B2980" t="s">
        <v>16</v>
      </c>
      <c r="C2980" t="s">
        <v>117</v>
      </c>
      <c r="D2980" t="s">
        <v>118</v>
      </c>
      <c r="E2980">
        <v>2011</v>
      </c>
      <c r="F2980">
        <v>2011</v>
      </c>
      <c r="G2980" t="s">
        <v>125</v>
      </c>
      <c r="H2980" t="s">
        <v>121</v>
      </c>
      <c r="I2980" t="s">
        <v>15</v>
      </c>
      <c r="J2980" s="10">
        <v>35.17410726</v>
      </c>
    </row>
    <row r="2981" spans="1:10" x14ac:dyDescent="0.35">
      <c r="A2981" t="s">
        <v>10</v>
      </c>
      <c r="B2981" t="s">
        <v>16</v>
      </c>
      <c r="C2981" t="s">
        <v>117</v>
      </c>
      <c r="D2981" t="s">
        <v>118</v>
      </c>
      <c r="E2981">
        <v>2011</v>
      </c>
      <c r="F2981">
        <v>2011</v>
      </c>
      <c r="G2981" t="s">
        <v>125</v>
      </c>
      <c r="H2981" t="s">
        <v>122</v>
      </c>
      <c r="I2981" t="s">
        <v>15</v>
      </c>
      <c r="J2981" s="10">
        <v>20.91376923</v>
      </c>
    </row>
    <row r="2982" spans="1:10" x14ac:dyDescent="0.35">
      <c r="A2982" t="s">
        <v>10</v>
      </c>
      <c r="B2982" t="s">
        <v>16</v>
      </c>
      <c r="C2982" t="s">
        <v>117</v>
      </c>
      <c r="D2982" t="s">
        <v>118</v>
      </c>
      <c r="E2982">
        <v>2011</v>
      </c>
      <c r="F2982">
        <v>2011</v>
      </c>
      <c r="G2982" t="s">
        <v>125</v>
      </c>
      <c r="H2982" t="s">
        <v>123</v>
      </c>
      <c r="I2982" t="s">
        <v>15</v>
      </c>
      <c r="J2982" s="10">
        <v>12.96726836</v>
      </c>
    </row>
    <row r="2983" spans="1:10" x14ac:dyDescent="0.35">
      <c r="A2983" t="s">
        <v>10</v>
      </c>
      <c r="B2983" t="s">
        <v>16</v>
      </c>
      <c r="C2983" t="s">
        <v>117</v>
      </c>
      <c r="D2983" t="s">
        <v>118</v>
      </c>
      <c r="E2983">
        <v>2011</v>
      </c>
      <c r="F2983">
        <v>2011</v>
      </c>
      <c r="G2983" t="s">
        <v>125</v>
      </c>
      <c r="H2983" t="s">
        <v>124</v>
      </c>
      <c r="I2983" t="s">
        <v>15</v>
      </c>
      <c r="J2983" s="10">
        <v>1.199028239</v>
      </c>
    </row>
    <row r="2984" spans="1:10" x14ac:dyDescent="0.35">
      <c r="A2984" t="s">
        <v>10</v>
      </c>
      <c r="B2984" t="s">
        <v>16</v>
      </c>
      <c r="C2984" t="s">
        <v>117</v>
      </c>
      <c r="D2984" t="s">
        <v>118</v>
      </c>
      <c r="E2984">
        <v>2011</v>
      </c>
      <c r="F2984">
        <v>2011</v>
      </c>
      <c r="G2984" t="s">
        <v>126</v>
      </c>
      <c r="H2984" t="s">
        <v>119</v>
      </c>
      <c r="I2984" t="s">
        <v>15</v>
      </c>
      <c r="J2984" s="10">
        <v>15.810444009999999</v>
      </c>
    </row>
    <row r="2985" spans="1:10" x14ac:dyDescent="0.35">
      <c r="A2985" t="s">
        <v>10</v>
      </c>
      <c r="B2985" t="s">
        <v>16</v>
      </c>
      <c r="C2985" t="s">
        <v>117</v>
      </c>
      <c r="D2985" t="s">
        <v>118</v>
      </c>
      <c r="E2985">
        <v>2011</v>
      </c>
      <c r="F2985">
        <v>2011</v>
      </c>
      <c r="G2985" t="s">
        <v>126</v>
      </c>
      <c r="H2985" t="s">
        <v>120</v>
      </c>
      <c r="I2985" t="s">
        <v>15</v>
      </c>
      <c r="J2985" s="10">
        <v>10.57847947</v>
      </c>
    </row>
    <row r="2986" spans="1:10" x14ac:dyDescent="0.35">
      <c r="A2986" t="s">
        <v>10</v>
      </c>
      <c r="B2986" t="s">
        <v>16</v>
      </c>
      <c r="C2986" t="s">
        <v>117</v>
      </c>
      <c r="D2986" t="s">
        <v>118</v>
      </c>
      <c r="E2986">
        <v>2011</v>
      </c>
      <c r="F2986">
        <v>2011</v>
      </c>
      <c r="G2986" t="s">
        <v>126</v>
      </c>
      <c r="H2986" t="s">
        <v>121</v>
      </c>
      <c r="I2986" t="s">
        <v>15</v>
      </c>
      <c r="J2986" s="10">
        <v>35.044948580000003</v>
      </c>
    </row>
    <row r="2987" spans="1:10" x14ac:dyDescent="0.35">
      <c r="A2987" t="s">
        <v>10</v>
      </c>
      <c r="B2987" t="s">
        <v>16</v>
      </c>
      <c r="C2987" t="s">
        <v>117</v>
      </c>
      <c r="D2987" t="s">
        <v>118</v>
      </c>
      <c r="E2987">
        <v>2011</v>
      </c>
      <c r="F2987">
        <v>2011</v>
      </c>
      <c r="G2987" t="s">
        <v>126</v>
      </c>
      <c r="H2987" t="s">
        <v>122</v>
      </c>
      <c r="I2987" t="s">
        <v>15</v>
      </c>
      <c r="J2987" s="10">
        <v>20.564285179999999</v>
      </c>
    </row>
    <row r="2988" spans="1:10" x14ac:dyDescent="0.35">
      <c r="A2988" t="s">
        <v>10</v>
      </c>
      <c r="B2988" t="s">
        <v>16</v>
      </c>
      <c r="C2988" t="s">
        <v>117</v>
      </c>
      <c r="D2988" t="s">
        <v>118</v>
      </c>
      <c r="E2988">
        <v>2011</v>
      </c>
      <c r="F2988">
        <v>2011</v>
      </c>
      <c r="G2988" t="s">
        <v>126</v>
      </c>
      <c r="H2988" t="s">
        <v>123</v>
      </c>
      <c r="I2988" t="s">
        <v>15</v>
      </c>
      <c r="J2988" s="10">
        <v>15.464302610000001</v>
      </c>
    </row>
    <row r="2989" spans="1:10" x14ac:dyDescent="0.35">
      <c r="A2989" t="s">
        <v>10</v>
      </c>
      <c r="B2989" t="s">
        <v>16</v>
      </c>
      <c r="C2989" t="s">
        <v>117</v>
      </c>
      <c r="D2989" t="s">
        <v>118</v>
      </c>
      <c r="E2989">
        <v>2011</v>
      </c>
      <c r="F2989">
        <v>2011</v>
      </c>
      <c r="G2989" t="s">
        <v>126</v>
      </c>
      <c r="H2989" t="s">
        <v>124</v>
      </c>
      <c r="I2989" t="s">
        <v>15</v>
      </c>
      <c r="J2989" s="10">
        <v>2.5375401549999999</v>
      </c>
    </row>
    <row r="2990" spans="1:10" x14ac:dyDescent="0.35">
      <c r="A2990" t="s">
        <v>10</v>
      </c>
      <c r="B2990" t="s">
        <v>17</v>
      </c>
      <c r="C2990" t="s">
        <v>117</v>
      </c>
      <c r="D2990" t="s">
        <v>118</v>
      </c>
      <c r="E2990">
        <v>2020</v>
      </c>
      <c r="F2990">
        <v>2020</v>
      </c>
      <c r="G2990" t="s">
        <v>14</v>
      </c>
      <c r="H2990" t="s">
        <v>119</v>
      </c>
      <c r="I2990" t="s">
        <v>15</v>
      </c>
      <c r="J2990" s="10">
        <v>18.0531367</v>
      </c>
    </row>
    <row r="2991" spans="1:10" x14ac:dyDescent="0.35">
      <c r="A2991" t="s">
        <v>10</v>
      </c>
      <c r="B2991" t="s">
        <v>17</v>
      </c>
      <c r="C2991" t="s">
        <v>117</v>
      </c>
      <c r="D2991" t="s">
        <v>118</v>
      </c>
      <c r="E2991">
        <v>2020</v>
      </c>
      <c r="F2991">
        <v>2020</v>
      </c>
      <c r="G2991" t="s">
        <v>14</v>
      </c>
      <c r="H2991" t="s">
        <v>120</v>
      </c>
      <c r="I2991" t="s">
        <v>15</v>
      </c>
      <c r="J2991" s="10">
        <v>7.969269154</v>
      </c>
    </row>
    <row r="2992" spans="1:10" x14ac:dyDescent="0.35">
      <c r="A2992" t="s">
        <v>10</v>
      </c>
      <c r="B2992" t="s">
        <v>17</v>
      </c>
      <c r="C2992" t="s">
        <v>117</v>
      </c>
      <c r="D2992" t="s">
        <v>118</v>
      </c>
      <c r="E2992">
        <v>2020</v>
      </c>
      <c r="F2992">
        <v>2020</v>
      </c>
      <c r="G2992" t="s">
        <v>14</v>
      </c>
      <c r="H2992" t="s">
        <v>121</v>
      </c>
      <c r="I2992" t="s">
        <v>15</v>
      </c>
      <c r="J2992" s="10">
        <v>35.613443510000003</v>
      </c>
    </row>
    <row r="2993" spans="1:10" x14ac:dyDescent="0.35">
      <c r="A2993" t="s">
        <v>10</v>
      </c>
      <c r="B2993" t="s">
        <v>17</v>
      </c>
      <c r="C2993" t="s">
        <v>117</v>
      </c>
      <c r="D2993" t="s">
        <v>118</v>
      </c>
      <c r="E2993">
        <v>2020</v>
      </c>
      <c r="F2993">
        <v>2020</v>
      </c>
      <c r="G2993" t="s">
        <v>14</v>
      </c>
      <c r="H2993" t="s">
        <v>122</v>
      </c>
      <c r="I2993" t="s">
        <v>15</v>
      </c>
      <c r="J2993" s="10">
        <v>20.583984879999999</v>
      </c>
    </row>
    <row r="2994" spans="1:10" x14ac:dyDescent="0.35">
      <c r="A2994" t="s">
        <v>10</v>
      </c>
      <c r="B2994" t="s">
        <v>17</v>
      </c>
      <c r="C2994" t="s">
        <v>117</v>
      </c>
      <c r="D2994" t="s">
        <v>118</v>
      </c>
      <c r="E2994">
        <v>2020</v>
      </c>
      <c r="F2994">
        <v>2020</v>
      </c>
      <c r="G2994" t="s">
        <v>14</v>
      </c>
      <c r="H2994" t="s">
        <v>123</v>
      </c>
      <c r="I2994" t="s">
        <v>15</v>
      </c>
      <c r="J2994" s="10">
        <v>15.328367979999999</v>
      </c>
    </row>
    <row r="2995" spans="1:10" x14ac:dyDescent="0.35">
      <c r="A2995" t="s">
        <v>10</v>
      </c>
      <c r="B2995" t="s">
        <v>17</v>
      </c>
      <c r="C2995" t="s">
        <v>117</v>
      </c>
      <c r="D2995" t="s">
        <v>118</v>
      </c>
      <c r="E2995">
        <v>2020</v>
      </c>
      <c r="F2995">
        <v>2020</v>
      </c>
      <c r="G2995" t="s">
        <v>14</v>
      </c>
      <c r="H2995" t="s">
        <v>124</v>
      </c>
      <c r="I2995" t="s">
        <v>15</v>
      </c>
      <c r="J2995" s="10">
        <v>2.4517977790000001</v>
      </c>
    </row>
    <row r="2996" spans="1:10" x14ac:dyDescent="0.35">
      <c r="A2996" t="s">
        <v>10</v>
      </c>
      <c r="B2996" t="s">
        <v>17</v>
      </c>
      <c r="C2996" t="s">
        <v>117</v>
      </c>
      <c r="D2996" t="s">
        <v>118</v>
      </c>
      <c r="E2996">
        <v>2020</v>
      </c>
      <c r="F2996">
        <v>2020</v>
      </c>
      <c r="G2996" t="s">
        <v>125</v>
      </c>
      <c r="H2996" t="s">
        <v>119</v>
      </c>
      <c r="I2996" t="s">
        <v>15</v>
      </c>
      <c r="J2996" s="10">
        <v>18.793743840000001</v>
      </c>
    </row>
    <row r="2997" spans="1:10" x14ac:dyDescent="0.35">
      <c r="A2997" t="s">
        <v>10</v>
      </c>
      <c r="B2997" t="s">
        <v>17</v>
      </c>
      <c r="C2997" t="s">
        <v>117</v>
      </c>
      <c r="D2997" t="s">
        <v>118</v>
      </c>
      <c r="E2997">
        <v>2020</v>
      </c>
      <c r="F2997">
        <v>2020</v>
      </c>
      <c r="G2997" t="s">
        <v>125</v>
      </c>
      <c r="H2997" t="s">
        <v>120</v>
      </c>
      <c r="I2997" t="s">
        <v>15</v>
      </c>
      <c r="J2997" s="10">
        <v>7.8858933220000003</v>
      </c>
    </row>
    <row r="2998" spans="1:10" x14ac:dyDescent="0.35">
      <c r="A2998" t="s">
        <v>10</v>
      </c>
      <c r="B2998" t="s">
        <v>17</v>
      </c>
      <c r="C2998" t="s">
        <v>117</v>
      </c>
      <c r="D2998" t="s">
        <v>118</v>
      </c>
      <c r="E2998">
        <v>2020</v>
      </c>
      <c r="F2998">
        <v>2020</v>
      </c>
      <c r="G2998" t="s">
        <v>125</v>
      </c>
      <c r="H2998" t="s">
        <v>121</v>
      </c>
      <c r="I2998" t="s">
        <v>15</v>
      </c>
      <c r="J2998" s="10">
        <v>36.713242540000003</v>
      </c>
    </row>
    <row r="2999" spans="1:10" x14ac:dyDescent="0.35">
      <c r="A2999" t="s">
        <v>10</v>
      </c>
      <c r="B2999" t="s">
        <v>17</v>
      </c>
      <c r="C2999" t="s">
        <v>117</v>
      </c>
      <c r="D2999" t="s">
        <v>118</v>
      </c>
      <c r="E2999">
        <v>2020</v>
      </c>
      <c r="F2999">
        <v>2020</v>
      </c>
      <c r="G2999" t="s">
        <v>125</v>
      </c>
      <c r="H2999" t="s">
        <v>122</v>
      </c>
      <c r="I2999" t="s">
        <v>15</v>
      </c>
      <c r="J2999" s="10">
        <v>20.413371399999999</v>
      </c>
    </row>
    <row r="3000" spans="1:10" x14ac:dyDescent="0.35">
      <c r="A3000" t="s">
        <v>10</v>
      </c>
      <c r="B3000" t="s">
        <v>17</v>
      </c>
      <c r="C3000" t="s">
        <v>117</v>
      </c>
      <c r="D3000" t="s">
        <v>118</v>
      </c>
      <c r="E3000">
        <v>2020</v>
      </c>
      <c r="F3000">
        <v>2020</v>
      </c>
      <c r="G3000" t="s">
        <v>125</v>
      </c>
      <c r="H3000" t="s">
        <v>123</v>
      </c>
      <c r="I3000" t="s">
        <v>15</v>
      </c>
      <c r="J3000" s="10">
        <v>14.518533489999999</v>
      </c>
    </row>
    <row r="3001" spans="1:10" x14ac:dyDescent="0.35">
      <c r="A3001" t="s">
        <v>10</v>
      </c>
      <c r="B3001" t="s">
        <v>17</v>
      </c>
      <c r="C3001" t="s">
        <v>117</v>
      </c>
      <c r="D3001" t="s">
        <v>118</v>
      </c>
      <c r="E3001">
        <v>2020</v>
      </c>
      <c r="F3001">
        <v>2020</v>
      </c>
      <c r="G3001" t="s">
        <v>125</v>
      </c>
      <c r="H3001" t="s">
        <v>124</v>
      </c>
      <c r="I3001" t="s">
        <v>15</v>
      </c>
      <c r="J3001" s="10">
        <v>1.6752154029999999</v>
      </c>
    </row>
    <row r="3002" spans="1:10" x14ac:dyDescent="0.35">
      <c r="A3002" t="s">
        <v>10</v>
      </c>
      <c r="B3002" t="s">
        <v>17</v>
      </c>
      <c r="C3002" t="s">
        <v>117</v>
      </c>
      <c r="D3002" t="s">
        <v>118</v>
      </c>
      <c r="E3002">
        <v>2020</v>
      </c>
      <c r="F3002">
        <v>2020</v>
      </c>
      <c r="G3002" t="s">
        <v>126</v>
      </c>
      <c r="H3002" t="s">
        <v>119</v>
      </c>
      <c r="I3002" t="s">
        <v>15</v>
      </c>
      <c r="J3002" s="10">
        <v>17.344867579999999</v>
      </c>
    </row>
    <row r="3003" spans="1:10" x14ac:dyDescent="0.35">
      <c r="A3003" t="s">
        <v>10</v>
      </c>
      <c r="B3003" t="s">
        <v>17</v>
      </c>
      <c r="C3003" t="s">
        <v>117</v>
      </c>
      <c r="D3003" t="s">
        <v>118</v>
      </c>
      <c r="E3003">
        <v>2020</v>
      </c>
      <c r="F3003">
        <v>2020</v>
      </c>
      <c r="G3003" t="s">
        <v>126</v>
      </c>
      <c r="H3003" t="s">
        <v>120</v>
      </c>
      <c r="I3003" t="s">
        <v>15</v>
      </c>
      <c r="J3003" s="10">
        <v>8.0490044459999996</v>
      </c>
    </row>
    <row r="3004" spans="1:10" x14ac:dyDescent="0.35">
      <c r="A3004" t="s">
        <v>10</v>
      </c>
      <c r="B3004" t="s">
        <v>17</v>
      </c>
      <c r="C3004" t="s">
        <v>117</v>
      </c>
      <c r="D3004" t="s">
        <v>118</v>
      </c>
      <c r="E3004">
        <v>2020</v>
      </c>
      <c r="F3004">
        <v>2020</v>
      </c>
      <c r="G3004" t="s">
        <v>126</v>
      </c>
      <c r="H3004" t="s">
        <v>121</v>
      </c>
      <c r="I3004" t="s">
        <v>15</v>
      </c>
      <c r="J3004" s="10">
        <v>34.561666340000002</v>
      </c>
    </row>
    <row r="3005" spans="1:10" x14ac:dyDescent="0.35">
      <c r="A3005" t="s">
        <v>10</v>
      </c>
      <c r="B3005" t="s">
        <v>17</v>
      </c>
      <c r="C3005" t="s">
        <v>117</v>
      </c>
      <c r="D3005" t="s">
        <v>118</v>
      </c>
      <c r="E3005">
        <v>2020</v>
      </c>
      <c r="F3005">
        <v>2020</v>
      </c>
      <c r="G3005" t="s">
        <v>126</v>
      </c>
      <c r="H3005" t="s">
        <v>122</v>
      </c>
      <c r="I3005" t="s">
        <v>15</v>
      </c>
      <c r="J3005" s="10">
        <v>20.747148660000001</v>
      </c>
    </row>
    <row r="3006" spans="1:10" x14ac:dyDescent="0.35">
      <c r="A3006" t="s">
        <v>10</v>
      </c>
      <c r="B3006" t="s">
        <v>17</v>
      </c>
      <c r="C3006" t="s">
        <v>117</v>
      </c>
      <c r="D3006" t="s">
        <v>118</v>
      </c>
      <c r="E3006">
        <v>2020</v>
      </c>
      <c r="F3006">
        <v>2020</v>
      </c>
      <c r="G3006" t="s">
        <v>126</v>
      </c>
      <c r="H3006" t="s">
        <v>123</v>
      </c>
      <c r="I3006" t="s">
        <v>15</v>
      </c>
      <c r="J3006" s="10">
        <v>16.102841680000001</v>
      </c>
    </row>
    <row r="3007" spans="1:10" x14ac:dyDescent="0.35">
      <c r="A3007" t="s">
        <v>10</v>
      </c>
      <c r="B3007" t="s">
        <v>17</v>
      </c>
      <c r="C3007" t="s">
        <v>117</v>
      </c>
      <c r="D3007" t="s">
        <v>118</v>
      </c>
      <c r="E3007">
        <v>2020</v>
      </c>
      <c r="F3007">
        <v>2020</v>
      </c>
      <c r="G3007" t="s">
        <v>126</v>
      </c>
      <c r="H3007" t="s">
        <v>124</v>
      </c>
      <c r="I3007" t="s">
        <v>15</v>
      </c>
      <c r="J3007" s="10">
        <v>3.1944712929999999</v>
      </c>
    </row>
    <row r="3008" spans="1:10" x14ac:dyDescent="0.35">
      <c r="A3008" t="s">
        <v>10</v>
      </c>
      <c r="B3008" t="s">
        <v>17</v>
      </c>
      <c r="C3008" t="s">
        <v>117</v>
      </c>
      <c r="D3008" t="s">
        <v>118</v>
      </c>
      <c r="E3008">
        <v>2019</v>
      </c>
      <c r="F3008">
        <v>2019</v>
      </c>
      <c r="G3008" t="s">
        <v>14</v>
      </c>
      <c r="H3008" t="s">
        <v>119</v>
      </c>
      <c r="I3008" t="s">
        <v>15</v>
      </c>
      <c r="J3008" s="10">
        <v>17.888555749999998</v>
      </c>
    </row>
    <row r="3009" spans="1:10" x14ac:dyDescent="0.35">
      <c r="A3009" t="s">
        <v>10</v>
      </c>
      <c r="B3009" t="s">
        <v>17</v>
      </c>
      <c r="C3009" t="s">
        <v>117</v>
      </c>
      <c r="D3009" t="s">
        <v>118</v>
      </c>
      <c r="E3009">
        <v>2019</v>
      </c>
      <c r="F3009">
        <v>2019</v>
      </c>
      <c r="G3009" t="s">
        <v>14</v>
      </c>
      <c r="H3009" t="s">
        <v>120</v>
      </c>
      <c r="I3009" t="s">
        <v>15</v>
      </c>
      <c r="J3009" s="10">
        <v>8.2345330360000002</v>
      </c>
    </row>
    <row r="3010" spans="1:10" x14ac:dyDescent="0.35">
      <c r="A3010" t="s">
        <v>10</v>
      </c>
      <c r="B3010" t="s">
        <v>17</v>
      </c>
      <c r="C3010" t="s">
        <v>117</v>
      </c>
      <c r="D3010" t="s">
        <v>118</v>
      </c>
      <c r="E3010">
        <v>2019</v>
      </c>
      <c r="F3010">
        <v>2019</v>
      </c>
      <c r="G3010" t="s">
        <v>14</v>
      </c>
      <c r="H3010" t="s">
        <v>121</v>
      </c>
      <c r="I3010" t="s">
        <v>15</v>
      </c>
      <c r="J3010" s="10">
        <v>35.597964689999998</v>
      </c>
    </row>
    <row r="3011" spans="1:10" x14ac:dyDescent="0.35">
      <c r="A3011" t="s">
        <v>10</v>
      </c>
      <c r="B3011" t="s">
        <v>17</v>
      </c>
      <c r="C3011" t="s">
        <v>117</v>
      </c>
      <c r="D3011" t="s">
        <v>118</v>
      </c>
      <c r="E3011">
        <v>2019</v>
      </c>
      <c r="F3011">
        <v>2019</v>
      </c>
      <c r="G3011" t="s">
        <v>14</v>
      </c>
      <c r="H3011" t="s">
        <v>122</v>
      </c>
      <c r="I3011" t="s">
        <v>15</v>
      </c>
      <c r="J3011" s="10">
        <v>20.560829049999999</v>
      </c>
    </row>
    <row r="3012" spans="1:10" x14ac:dyDescent="0.35">
      <c r="A3012" t="s">
        <v>10</v>
      </c>
      <c r="B3012" t="s">
        <v>17</v>
      </c>
      <c r="C3012" t="s">
        <v>117</v>
      </c>
      <c r="D3012" t="s">
        <v>118</v>
      </c>
      <c r="E3012">
        <v>2019</v>
      </c>
      <c r="F3012">
        <v>2019</v>
      </c>
      <c r="G3012" t="s">
        <v>14</v>
      </c>
      <c r="H3012" t="s">
        <v>123</v>
      </c>
      <c r="I3012" t="s">
        <v>15</v>
      </c>
      <c r="J3012" s="10">
        <v>15.247384329999999</v>
      </c>
    </row>
    <row r="3013" spans="1:10" x14ac:dyDescent="0.35">
      <c r="A3013" t="s">
        <v>10</v>
      </c>
      <c r="B3013" t="s">
        <v>17</v>
      </c>
      <c r="C3013" t="s">
        <v>117</v>
      </c>
      <c r="D3013" t="s">
        <v>118</v>
      </c>
      <c r="E3013">
        <v>2019</v>
      </c>
      <c r="F3013">
        <v>2019</v>
      </c>
      <c r="G3013" t="s">
        <v>14</v>
      </c>
      <c r="H3013" t="s">
        <v>124</v>
      </c>
      <c r="I3013" t="s">
        <v>15</v>
      </c>
      <c r="J3013" s="10">
        <v>2.470733133</v>
      </c>
    </row>
    <row r="3014" spans="1:10" x14ac:dyDescent="0.35">
      <c r="A3014" t="s">
        <v>10</v>
      </c>
      <c r="B3014" t="s">
        <v>17</v>
      </c>
      <c r="C3014" t="s">
        <v>117</v>
      </c>
      <c r="D3014" t="s">
        <v>118</v>
      </c>
      <c r="E3014">
        <v>2019</v>
      </c>
      <c r="F3014">
        <v>2019</v>
      </c>
      <c r="G3014" t="s">
        <v>125</v>
      </c>
      <c r="H3014" t="s">
        <v>119</v>
      </c>
      <c r="I3014" t="s">
        <v>15</v>
      </c>
      <c r="J3014" s="10">
        <v>18.542170209999998</v>
      </c>
    </row>
    <row r="3015" spans="1:10" x14ac:dyDescent="0.35">
      <c r="A3015" t="s">
        <v>10</v>
      </c>
      <c r="B3015" t="s">
        <v>17</v>
      </c>
      <c r="C3015" t="s">
        <v>117</v>
      </c>
      <c r="D3015" t="s">
        <v>118</v>
      </c>
      <c r="E3015">
        <v>2019</v>
      </c>
      <c r="F3015">
        <v>2019</v>
      </c>
      <c r="G3015" t="s">
        <v>125</v>
      </c>
      <c r="H3015" t="s">
        <v>120</v>
      </c>
      <c r="I3015" t="s">
        <v>15</v>
      </c>
      <c r="J3015" s="10">
        <v>8.1363694189999993</v>
      </c>
    </row>
    <row r="3016" spans="1:10" x14ac:dyDescent="0.35">
      <c r="A3016" t="s">
        <v>10</v>
      </c>
      <c r="B3016" t="s">
        <v>17</v>
      </c>
      <c r="C3016" t="s">
        <v>117</v>
      </c>
      <c r="D3016" t="s">
        <v>118</v>
      </c>
      <c r="E3016">
        <v>2019</v>
      </c>
      <c r="F3016">
        <v>2019</v>
      </c>
      <c r="G3016" t="s">
        <v>125</v>
      </c>
      <c r="H3016" t="s">
        <v>121</v>
      </c>
      <c r="I3016" t="s">
        <v>15</v>
      </c>
      <c r="J3016" s="10">
        <v>36.702709579999997</v>
      </c>
    </row>
    <row r="3017" spans="1:10" x14ac:dyDescent="0.35">
      <c r="A3017" t="s">
        <v>10</v>
      </c>
      <c r="B3017" t="s">
        <v>17</v>
      </c>
      <c r="C3017" t="s">
        <v>117</v>
      </c>
      <c r="D3017" t="s">
        <v>118</v>
      </c>
      <c r="E3017">
        <v>2019</v>
      </c>
      <c r="F3017">
        <v>2019</v>
      </c>
      <c r="G3017" t="s">
        <v>125</v>
      </c>
      <c r="H3017" t="s">
        <v>122</v>
      </c>
      <c r="I3017" t="s">
        <v>15</v>
      </c>
      <c r="J3017" s="10">
        <v>20.541915790000001</v>
      </c>
    </row>
    <row r="3018" spans="1:10" x14ac:dyDescent="0.35">
      <c r="A3018" t="s">
        <v>10</v>
      </c>
      <c r="B3018" t="s">
        <v>17</v>
      </c>
      <c r="C3018" t="s">
        <v>117</v>
      </c>
      <c r="D3018" t="s">
        <v>118</v>
      </c>
      <c r="E3018">
        <v>2019</v>
      </c>
      <c r="F3018">
        <v>2019</v>
      </c>
      <c r="G3018" t="s">
        <v>125</v>
      </c>
      <c r="H3018" t="s">
        <v>123</v>
      </c>
      <c r="I3018" t="s">
        <v>15</v>
      </c>
      <c r="J3018" s="10">
        <v>14.372217279999999</v>
      </c>
    </row>
    <row r="3019" spans="1:10" x14ac:dyDescent="0.35">
      <c r="A3019" t="s">
        <v>10</v>
      </c>
      <c r="B3019" t="s">
        <v>17</v>
      </c>
      <c r="C3019" t="s">
        <v>117</v>
      </c>
      <c r="D3019" t="s">
        <v>118</v>
      </c>
      <c r="E3019">
        <v>2019</v>
      </c>
      <c r="F3019">
        <v>2019</v>
      </c>
      <c r="G3019" t="s">
        <v>125</v>
      </c>
      <c r="H3019" t="s">
        <v>124</v>
      </c>
      <c r="I3019" t="s">
        <v>15</v>
      </c>
      <c r="J3019" s="10">
        <v>1.7046177330000001</v>
      </c>
    </row>
    <row r="3020" spans="1:10" x14ac:dyDescent="0.35">
      <c r="A3020" t="s">
        <v>10</v>
      </c>
      <c r="B3020" t="s">
        <v>17</v>
      </c>
      <c r="C3020" t="s">
        <v>117</v>
      </c>
      <c r="D3020" t="s">
        <v>118</v>
      </c>
      <c r="E3020">
        <v>2019</v>
      </c>
      <c r="F3020">
        <v>2019</v>
      </c>
      <c r="G3020" t="s">
        <v>126</v>
      </c>
      <c r="H3020" t="s">
        <v>119</v>
      </c>
      <c r="I3020" t="s">
        <v>15</v>
      </c>
      <c r="J3020" s="10">
        <v>17.263122020000001</v>
      </c>
    </row>
    <row r="3021" spans="1:10" x14ac:dyDescent="0.35">
      <c r="A3021" t="s">
        <v>10</v>
      </c>
      <c r="B3021" t="s">
        <v>17</v>
      </c>
      <c r="C3021" t="s">
        <v>117</v>
      </c>
      <c r="D3021" t="s">
        <v>118</v>
      </c>
      <c r="E3021">
        <v>2019</v>
      </c>
      <c r="F3021">
        <v>2019</v>
      </c>
      <c r="G3021" t="s">
        <v>126</v>
      </c>
      <c r="H3021" t="s">
        <v>120</v>
      </c>
      <c r="I3021" t="s">
        <v>15</v>
      </c>
      <c r="J3021" s="10">
        <v>8.3284643099999993</v>
      </c>
    </row>
    <row r="3022" spans="1:10" x14ac:dyDescent="0.35">
      <c r="A3022" t="s">
        <v>10</v>
      </c>
      <c r="B3022" t="s">
        <v>17</v>
      </c>
      <c r="C3022" t="s">
        <v>117</v>
      </c>
      <c r="D3022" t="s">
        <v>118</v>
      </c>
      <c r="E3022">
        <v>2019</v>
      </c>
      <c r="F3022">
        <v>2019</v>
      </c>
      <c r="G3022" t="s">
        <v>126</v>
      </c>
      <c r="H3022" t="s">
        <v>121</v>
      </c>
      <c r="I3022" t="s">
        <v>15</v>
      </c>
      <c r="J3022" s="10">
        <v>34.540851109999998</v>
      </c>
    </row>
    <row r="3023" spans="1:10" x14ac:dyDescent="0.35">
      <c r="A3023" t="s">
        <v>10</v>
      </c>
      <c r="B3023" t="s">
        <v>17</v>
      </c>
      <c r="C3023" t="s">
        <v>117</v>
      </c>
      <c r="D3023" t="s">
        <v>118</v>
      </c>
      <c r="E3023">
        <v>2019</v>
      </c>
      <c r="F3023">
        <v>2019</v>
      </c>
      <c r="G3023" t="s">
        <v>126</v>
      </c>
      <c r="H3023" t="s">
        <v>122</v>
      </c>
      <c r="I3023" t="s">
        <v>15</v>
      </c>
      <c r="J3023" s="10">
        <v>20.57892687</v>
      </c>
    </row>
    <row r="3024" spans="1:10" x14ac:dyDescent="0.35">
      <c r="A3024" t="s">
        <v>10</v>
      </c>
      <c r="B3024" t="s">
        <v>17</v>
      </c>
      <c r="C3024" t="s">
        <v>117</v>
      </c>
      <c r="D3024" t="s">
        <v>118</v>
      </c>
      <c r="E3024">
        <v>2019</v>
      </c>
      <c r="F3024">
        <v>2019</v>
      </c>
      <c r="G3024" t="s">
        <v>126</v>
      </c>
      <c r="H3024" t="s">
        <v>123</v>
      </c>
      <c r="I3024" t="s">
        <v>15</v>
      </c>
      <c r="J3024" s="10">
        <v>16.084818389999999</v>
      </c>
    </row>
    <row r="3025" spans="1:10" x14ac:dyDescent="0.35">
      <c r="A3025" t="s">
        <v>10</v>
      </c>
      <c r="B3025" t="s">
        <v>17</v>
      </c>
      <c r="C3025" t="s">
        <v>117</v>
      </c>
      <c r="D3025" t="s">
        <v>118</v>
      </c>
      <c r="E3025">
        <v>2019</v>
      </c>
      <c r="F3025">
        <v>2019</v>
      </c>
      <c r="G3025" t="s">
        <v>126</v>
      </c>
      <c r="H3025" t="s">
        <v>124</v>
      </c>
      <c r="I3025" t="s">
        <v>15</v>
      </c>
      <c r="J3025" s="10">
        <v>3.2038173140000001</v>
      </c>
    </row>
    <row r="3026" spans="1:10" x14ac:dyDescent="0.35">
      <c r="A3026" t="s">
        <v>10</v>
      </c>
      <c r="B3026" t="s">
        <v>17</v>
      </c>
      <c r="C3026" t="s">
        <v>117</v>
      </c>
      <c r="D3026" t="s">
        <v>118</v>
      </c>
      <c r="E3026">
        <v>2018</v>
      </c>
      <c r="F3026">
        <v>2018</v>
      </c>
      <c r="G3026" t="s">
        <v>14</v>
      </c>
      <c r="H3026" t="s">
        <v>119</v>
      </c>
      <c r="I3026" t="s">
        <v>15</v>
      </c>
      <c r="J3026" s="10">
        <v>17.742705040000001</v>
      </c>
    </row>
    <row r="3027" spans="1:10" x14ac:dyDescent="0.35">
      <c r="A3027" t="s">
        <v>10</v>
      </c>
      <c r="B3027" t="s">
        <v>17</v>
      </c>
      <c r="C3027" t="s">
        <v>117</v>
      </c>
      <c r="D3027" t="s">
        <v>118</v>
      </c>
      <c r="E3027">
        <v>2018</v>
      </c>
      <c r="F3027">
        <v>2018</v>
      </c>
      <c r="G3027" t="s">
        <v>14</v>
      </c>
      <c r="H3027" t="s">
        <v>120</v>
      </c>
      <c r="I3027" t="s">
        <v>15</v>
      </c>
      <c r="J3027" s="10">
        <v>8.3785344780000006</v>
      </c>
    </row>
    <row r="3028" spans="1:10" x14ac:dyDescent="0.35">
      <c r="A3028" t="s">
        <v>10</v>
      </c>
      <c r="B3028" t="s">
        <v>17</v>
      </c>
      <c r="C3028" t="s">
        <v>117</v>
      </c>
      <c r="D3028" t="s">
        <v>118</v>
      </c>
      <c r="E3028">
        <v>2018</v>
      </c>
      <c r="F3028">
        <v>2018</v>
      </c>
      <c r="G3028" t="s">
        <v>14</v>
      </c>
      <c r="H3028" t="s">
        <v>121</v>
      </c>
      <c r="I3028" t="s">
        <v>15</v>
      </c>
      <c r="J3028" s="10">
        <v>35.646125259999998</v>
      </c>
    </row>
    <row r="3029" spans="1:10" x14ac:dyDescent="0.35">
      <c r="A3029" t="s">
        <v>10</v>
      </c>
      <c r="B3029" t="s">
        <v>17</v>
      </c>
      <c r="C3029" t="s">
        <v>117</v>
      </c>
      <c r="D3029" t="s">
        <v>118</v>
      </c>
      <c r="E3029">
        <v>2018</v>
      </c>
      <c r="F3029">
        <v>2018</v>
      </c>
      <c r="G3029" t="s">
        <v>14</v>
      </c>
      <c r="H3029" t="s">
        <v>122</v>
      </c>
      <c r="I3029" t="s">
        <v>15</v>
      </c>
      <c r="J3029" s="10">
        <v>20.626789209999998</v>
      </c>
    </row>
    <row r="3030" spans="1:10" x14ac:dyDescent="0.35">
      <c r="A3030" t="s">
        <v>10</v>
      </c>
      <c r="B3030" t="s">
        <v>17</v>
      </c>
      <c r="C3030" t="s">
        <v>117</v>
      </c>
      <c r="D3030" t="s">
        <v>118</v>
      </c>
      <c r="E3030">
        <v>2018</v>
      </c>
      <c r="F3030">
        <v>2018</v>
      </c>
      <c r="G3030" t="s">
        <v>14</v>
      </c>
      <c r="H3030" t="s">
        <v>123</v>
      </c>
      <c r="I3030" t="s">
        <v>15</v>
      </c>
      <c r="J3030" s="10">
        <v>15.094671290000001</v>
      </c>
    </row>
    <row r="3031" spans="1:10" x14ac:dyDescent="0.35">
      <c r="A3031" t="s">
        <v>10</v>
      </c>
      <c r="B3031" t="s">
        <v>17</v>
      </c>
      <c r="C3031" t="s">
        <v>117</v>
      </c>
      <c r="D3031" t="s">
        <v>118</v>
      </c>
      <c r="E3031">
        <v>2018</v>
      </c>
      <c r="F3031">
        <v>2018</v>
      </c>
      <c r="G3031" t="s">
        <v>14</v>
      </c>
      <c r="H3031" t="s">
        <v>124</v>
      </c>
      <c r="I3031" t="s">
        <v>15</v>
      </c>
      <c r="J3031" s="10">
        <v>2.5111747279999999</v>
      </c>
    </row>
    <row r="3032" spans="1:10" x14ac:dyDescent="0.35">
      <c r="A3032" t="s">
        <v>10</v>
      </c>
      <c r="B3032" t="s">
        <v>17</v>
      </c>
      <c r="C3032" t="s">
        <v>117</v>
      </c>
      <c r="D3032" t="s">
        <v>118</v>
      </c>
      <c r="E3032">
        <v>2018</v>
      </c>
      <c r="F3032">
        <v>2018</v>
      </c>
      <c r="G3032" t="s">
        <v>125</v>
      </c>
      <c r="H3032" t="s">
        <v>119</v>
      </c>
      <c r="I3032" t="s">
        <v>15</v>
      </c>
      <c r="J3032" s="10">
        <v>18.479625030000001</v>
      </c>
    </row>
    <row r="3033" spans="1:10" x14ac:dyDescent="0.35">
      <c r="A3033" t="s">
        <v>10</v>
      </c>
      <c r="B3033" t="s">
        <v>17</v>
      </c>
      <c r="C3033" t="s">
        <v>117</v>
      </c>
      <c r="D3033" t="s">
        <v>118</v>
      </c>
      <c r="E3033">
        <v>2018</v>
      </c>
      <c r="F3033">
        <v>2018</v>
      </c>
      <c r="G3033" t="s">
        <v>125</v>
      </c>
      <c r="H3033" t="s">
        <v>120</v>
      </c>
      <c r="I3033" t="s">
        <v>15</v>
      </c>
      <c r="J3033" s="10">
        <v>8.398432498</v>
      </c>
    </row>
    <row r="3034" spans="1:10" x14ac:dyDescent="0.35">
      <c r="A3034" t="s">
        <v>10</v>
      </c>
      <c r="B3034" t="s">
        <v>17</v>
      </c>
      <c r="C3034" t="s">
        <v>117</v>
      </c>
      <c r="D3034" t="s">
        <v>118</v>
      </c>
      <c r="E3034">
        <v>2018</v>
      </c>
      <c r="F3034">
        <v>2018</v>
      </c>
      <c r="G3034" t="s">
        <v>125</v>
      </c>
      <c r="H3034" t="s">
        <v>121</v>
      </c>
      <c r="I3034" t="s">
        <v>15</v>
      </c>
      <c r="J3034" s="10">
        <v>36.477729680000003</v>
      </c>
    </row>
    <row r="3035" spans="1:10" x14ac:dyDescent="0.35">
      <c r="A3035" t="s">
        <v>10</v>
      </c>
      <c r="B3035" t="s">
        <v>17</v>
      </c>
      <c r="C3035" t="s">
        <v>117</v>
      </c>
      <c r="D3035" t="s">
        <v>118</v>
      </c>
      <c r="E3035">
        <v>2018</v>
      </c>
      <c r="F3035">
        <v>2018</v>
      </c>
      <c r="G3035" t="s">
        <v>125</v>
      </c>
      <c r="H3035" t="s">
        <v>122</v>
      </c>
      <c r="I3035" t="s">
        <v>15</v>
      </c>
      <c r="J3035" s="10">
        <v>20.733550189999999</v>
      </c>
    </row>
    <row r="3036" spans="1:10" x14ac:dyDescent="0.35">
      <c r="A3036" t="s">
        <v>10</v>
      </c>
      <c r="B3036" t="s">
        <v>17</v>
      </c>
      <c r="C3036" t="s">
        <v>117</v>
      </c>
      <c r="D3036" t="s">
        <v>118</v>
      </c>
      <c r="E3036">
        <v>2018</v>
      </c>
      <c r="F3036">
        <v>2018</v>
      </c>
      <c r="G3036" t="s">
        <v>125</v>
      </c>
      <c r="H3036" t="s">
        <v>123</v>
      </c>
      <c r="I3036" t="s">
        <v>15</v>
      </c>
      <c r="J3036" s="10">
        <v>14.176677</v>
      </c>
    </row>
    <row r="3037" spans="1:10" x14ac:dyDescent="0.35">
      <c r="A3037" t="s">
        <v>10</v>
      </c>
      <c r="B3037" t="s">
        <v>17</v>
      </c>
      <c r="C3037" t="s">
        <v>117</v>
      </c>
      <c r="D3037" t="s">
        <v>118</v>
      </c>
      <c r="E3037">
        <v>2018</v>
      </c>
      <c r="F3037">
        <v>2018</v>
      </c>
      <c r="G3037" t="s">
        <v>125</v>
      </c>
      <c r="H3037" t="s">
        <v>124</v>
      </c>
      <c r="I3037" t="s">
        <v>15</v>
      </c>
      <c r="J3037" s="10">
        <v>1.7339856060000001</v>
      </c>
    </row>
    <row r="3038" spans="1:10" x14ac:dyDescent="0.35">
      <c r="A3038" t="s">
        <v>10</v>
      </c>
      <c r="B3038" t="s">
        <v>17</v>
      </c>
      <c r="C3038" t="s">
        <v>117</v>
      </c>
      <c r="D3038" t="s">
        <v>118</v>
      </c>
      <c r="E3038">
        <v>2018</v>
      </c>
      <c r="F3038">
        <v>2018</v>
      </c>
      <c r="G3038" t="s">
        <v>126</v>
      </c>
      <c r="H3038" t="s">
        <v>119</v>
      </c>
      <c r="I3038" t="s">
        <v>15</v>
      </c>
      <c r="J3038" s="10">
        <v>17.034063199999999</v>
      </c>
    </row>
    <row r="3039" spans="1:10" x14ac:dyDescent="0.35">
      <c r="A3039" t="s">
        <v>10</v>
      </c>
      <c r="B3039" t="s">
        <v>17</v>
      </c>
      <c r="C3039" t="s">
        <v>117</v>
      </c>
      <c r="D3039" t="s">
        <v>118</v>
      </c>
      <c r="E3039">
        <v>2018</v>
      </c>
      <c r="F3039">
        <v>2018</v>
      </c>
      <c r="G3039" t="s">
        <v>126</v>
      </c>
      <c r="H3039" t="s">
        <v>120</v>
      </c>
      <c r="I3039" t="s">
        <v>15</v>
      </c>
      <c r="J3039" s="10">
        <v>8.3594000150000003</v>
      </c>
    </row>
    <row r="3040" spans="1:10" x14ac:dyDescent="0.35">
      <c r="A3040" t="s">
        <v>10</v>
      </c>
      <c r="B3040" t="s">
        <v>17</v>
      </c>
      <c r="C3040" t="s">
        <v>117</v>
      </c>
      <c r="D3040" t="s">
        <v>118</v>
      </c>
      <c r="E3040">
        <v>2018</v>
      </c>
      <c r="F3040">
        <v>2018</v>
      </c>
      <c r="G3040" t="s">
        <v>126</v>
      </c>
      <c r="H3040" t="s">
        <v>121</v>
      </c>
      <c r="I3040" t="s">
        <v>15</v>
      </c>
      <c r="J3040" s="10">
        <v>34.846432350000001</v>
      </c>
    </row>
    <row r="3041" spans="1:10" x14ac:dyDescent="0.35">
      <c r="A3041" t="s">
        <v>10</v>
      </c>
      <c r="B3041" t="s">
        <v>17</v>
      </c>
      <c r="C3041" t="s">
        <v>117</v>
      </c>
      <c r="D3041" t="s">
        <v>118</v>
      </c>
      <c r="E3041">
        <v>2018</v>
      </c>
      <c r="F3041">
        <v>2018</v>
      </c>
      <c r="G3041" t="s">
        <v>126</v>
      </c>
      <c r="H3041" t="s">
        <v>122</v>
      </c>
      <c r="I3041" t="s">
        <v>15</v>
      </c>
      <c r="J3041" s="10">
        <v>20.52412502</v>
      </c>
    </row>
    <row r="3042" spans="1:10" x14ac:dyDescent="0.35">
      <c r="A3042" t="s">
        <v>10</v>
      </c>
      <c r="B3042" t="s">
        <v>17</v>
      </c>
      <c r="C3042" t="s">
        <v>117</v>
      </c>
      <c r="D3042" t="s">
        <v>118</v>
      </c>
      <c r="E3042">
        <v>2018</v>
      </c>
      <c r="F3042">
        <v>2018</v>
      </c>
      <c r="G3042" t="s">
        <v>126</v>
      </c>
      <c r="H3042" t="s">
        <v>123</v>
      </c>
      <c r="I3042" t="s">
        <v>15</v>
      </c>
      <c r="J3042" s="10">
        <v>15.977438980000001</v>
      </c>
    </row>
    <row r="3043" spans="1:10" x14ac:dyDescent="0.35">
      <c r="A3043" t="s">
        <v>10</v>
      </c>
      <c r="B3043" t="s">
        <v>17</v>
      </c>
      <c r="C3043" t="s">
        <v>117</v>
      </c>
      <c r="D3043" t="s">
        <v>118</v>
      </c>
      <c r="E3043">
        <v>2018</v>
      </c>
      <c r="F3043">
        <v>2018</v>
      </c>
      <c r="G3043" t="s">
        <v>126</v>
      </c>
      <c r="H3043" t="s">
        <v>124</v>
      </c>
      <c r="I3043" t="s">
        <v>15</v>
      </c>
      <c r="J3043" s="10">
        <v>3.25854043</v>
      </c>
    </row>
    <row r="3044" spans="1:10" x14ac:dyDescent="0.35">
      <c r="A3044" t="s">
        <v>10</v>
      </c>
      <c r="B3044" t="s">
        <v>17</v>
      </c>
      <c r="C3044" t="s">
        <v>117</v>
      </c>
      <c r="D3044" t="s">
        <v>118</v>
      </c>
      <c r="E3044">
        <v>2017</v>
      </c>
      <c r="F3044">
        <v>2017</v>
      </c>
      <c r="G3044" t="s">
        <v>14</v>
      </c>
      <c r="H3044" t="s">
        <v>119</v>
      </c>
      <c r="I3044" t="s">
        <v>15</v>
      </c>
      <c r="J3044" s="10">
        <v>17.482956470000001</v>
      </c>
    </row>
    <row r="3045" spans="1:10" x14ac:dyDescent="0.35">
      <c r="A3045" t="s">
        <v>10</v>
      </c>
      <c r="B3045" t="s">
        <v>17</v>
      </c>
      <c r="C3045" t="s">
        <v>117</v>
      </c>
      <c r="D3045" t="s">
        <v>118</v>
      </c>
      <c r="E3045">
        <v>2017</v>
      </c>
      <c r="F3045">
        <v>2017</v>
      </c>
      <c r="G3045" t="s">
        <v>14</v>
      </c>
      <c r="H3045" t="s">
        <v>120</v>
      </c>
      <c r="I3045" t="s">
        <v>15</v>
      </c>
      <c r="J3045" s="10">
        <v>8.7960928569999997</v>
      </c>
    </row>
    <row r="3046" spans="1:10" x14ac:dyDescent="0.35">
      <c r="A3046" t="s">
        <v>10</v>
      </c>
      <c r="B3046" t="s">
        <v>17</v>
      </c>
      <c r="C3046" t="s">
        <v>117</v>
      </c>
      <c r="D3046" t="s">
        <v>118</v>
      </c>
      <c r="E3046">
        <v>2017</v>
      </c>
      <c r="F3046">
        <v>2017</v>
      </c>
      <c r="G3046" t="s">
        <v>14</v>
      </c>
      <c r="H3046" t="s">
        <v>121</v>
      </c>
      <c r="I3046" t="s">
        <v>15</v>
      </c>
      <c r="J3046" s="10">
        <v>35.769438409999999</v>
      </c>
    </row>
    <row r="3047" spans="1:10" x14ac:dyDescent="0.35">
      <c r="A3047" t="s">
        <v>10</v>
      </c>
      <c r="B3047" t="s">
        <v>17</v>
      </c>
      <c r="C3047" t="s">
        <v>117</v>
      </c>
      <c r="D3047" t="s">
        <v>118</v>
      </c>
      <c r="E3047">
        <v>2017</v>
      </c>
      <c r="F3047">
        <v>2017</v>
      </c>
      <c r="G3047" t="s">
        <v>14</v>
      </c>
      <c r="H3047" t="s">
        <v>122</v>
      </c>
      <c r="I3047" t="s">
        <v>15</v>
      </c>
      <c r="J3047" s="10">
        <v>20.476088839999999</v>
      </c>
    </row>
    <row r="3048" spans="1:10" x14ac:dyDescent="0.35">
      <c r="A3048" t="s">
        <v>10</v>
      </c>
      <c r="B3048" t="s">
        <v>17</v>
      </c>
      <c r="C3048" t="s">
        <v>117</v>
      </c>
      <c r="D3048" t="s">
        <v>118</v>
      </c>
      <c r="E3048">
        <v>2017</v>
      </c>
      <c r="F3048">
        <v>2017</v>
      </c>
      <c r="G3048" t="s">
        <v>14</v>
      </c>
      <c r="H3048" t="s">
        <v>123</v>
      </c>
      <c r="I3048" t="s">
        <v>15</v>
      </c>
      <c r="J3048" s="10">
        <v>14.99956057</v>
      </c>
    </row>
    <row r="3049" spans="1:10" x14ac:dyDescent="0.35">
      <c r="A3049" t="s">
        <v>10</v>
      </c>
      <c r="B3049" t="s">
        <v>17</v>
      </c>
      <c r="C3049" t="s">
        <v>117</v>
      </c>
      <c r="D3049" t="s">
        <v>118</v>
      </c>
      <c r="E3049">
        <v>2017</v>
      </c>
      <c r="F3049">
        <v>2017</v>
      </c>
      <c r="G3049" t="s">
        <v>14</v>
      </c>
      <c r="H3049" t="s">
        <v>124</v>
      </c>
      <c r="I3049" t="s">
        <v>15</v>
      </c>
      <c r="J3049" s="10">
        <v>2.4758628479999998</v>
      </c>
    </row>
    <row r="3050" spans="1:10" x14ac:dyDescent="0.35">
      <c r="A3050" t="s">
        <v>10</v>
      </c>
      <c r="B3050" t="s">
        <v>17</v>
      </c>
      <c r="C3050" t="s">
        <v>117</v>
      </c>
      <c r="D3050" t="s">
        <v>118</v>
      </c>
      <c r="E3050">
        <v>2017</v>
      </c>
      <c r="F3050">
        <v>2017</v>
      </c>
      <c r="G3050" t="s">
        <v>125</v>
      </c>
      <c r="H3050" t="s">
        <v>119</v>
      </c>
      <c r="I3050" t="s">
        <v>15</v>
      </c>
      <c r="J3050" s="10">
        <v>18.05363277</v>
      </c>
    </row>
    <row r="3051" spans="1:10" x14ac:dyDescent="0.35">
      <c r="A3051" t="s">
        <v>10</v>
      </c>
      <c r="B3051" t="s">
        <v>17</v>
      </c>
      <c r="C3051" t="s">
        <v>117</v>
      </c>
      <c r="D3051" t="s">
        <v>118</v>
      </c>
      <c r="E3051">
        <v>2017</v>
      </c>
      <c r="F3051">
        <v>2017</v>
      </c>
      <c r="G3051" t="s">
        <v>125</v>
      </c>
      <c r="H3051" t="s">
        <v>120</v>
      </c>
      <c r="I3051" t="s">
        <v>15</v>
      </c>
      <c r="J3051" s="10">
        <v>8.9627236840000002</v>
      </c>
    </row>
    <row r="3052" spans="1:10" x14ac:dyDescent="0.35">
      <c r="A3052" t="s">
        <v>10</v>
      </c>
      <c r="B3052" t="s">
        <v>17</v>
      </c>
      <c r="C3052" t="s">
        <v>117</v>
      </c>
      <c r="D3052" t="s">
        <v>118</v>
      </c>
      <c r="E3052">
        <v>2017</v>
      </c>
      <c r="F3052">
        <v>2017</v>
      </c>
      <c r="G3052" t="s">
        <v>125</v>
      </c>
      <c r="H3052" t="s">
        <v>121</v>
      </c>
      <c r="I3052" t="s">
        <v>15</v>
      </c>
      <c r="J3052" s="10">
        <v>36.535404810000003</v>
      </c>
    </row>
    <row r="3053" spans="1:10" x14ac:dyDescent="0.35">
      <c r="A3053" t="s">
        <v>10</v>
      </c>
      <c r="B3053" t="s">
        <v>17</v>
      </c>
      <c r="C3053" t="s">
        <v>117</v>
      </c>
      <c r="D3053" t="s">
        <v>118</v>
      </c>
      <c r="E3053">
        <v>2017</v>
      </c>
      <c r="F3053">
        <v>2017</v>
      </c>
      <c r="G3053" t="s">
        <v>125</v>
      </c>
      <c r="H3053" t="s">
        <v>122</v>
      </c>
      <c r="I3053" t="s">
        <v>15</v>
      </c>
      <c r="J3053" s="10">
        <v>20.61221351</v>
      </c>
    </row>
    <row r="3054" spans="1:10" x14ac:dyDescent="0.35">
      <c r="A3054" t="s">
        <v>10</v>
      </c>
      <c r="B3054" t="s">
        <v>17</v>
      </c>
      <c r="C3054" t="s">
        <v>117</v>
      </c>
      <c r="D3054" t="s">
        <v>118</v>
      </c>
      <c r="E3054">
        <v>2017</v>
      </c>
      <c r="F3054">
        <v>2017</v>
      </c>
      <c r="G3054" t="s">
        <v>125</v>
      </c>
      <c r="H3054" t="s">
        <v>123</v>
      </c>
      <c r="I3054" t="s">
        <v>15</v>
      </c>
      <c r="J3054" s="10">
        <v>14.128595600000001</v>
      </c>
    </row>
    <row r="3055" spans="1:10" x14ac:dyDescent="0.35">
      <c r="A3055" t="s">
        <v>10</v>
      </c>
      <c r="B3055" t="s">
        <v>17</v>
      </c>
      <c r="C3055" t="s">
        <v>117</v>
      </c>
      <c r="D3055" t="s">
        <v>118</v>
      </c>
      <c r="E3055">
        <v>2017</v>
      </c>
      <c r="F3055">
        <v>2017</v>
      </c>
      <c r="G3055" t="s">
        <v>125</v>
      </c>
      <c r="H3055" t="s">
        <v>124</v>
      </c>
      <c r="I3055" t="s">
        <v>15</v>
      </c>
      <c r="J3055" s="10">
        <v>1.7074296259999999</v>
      </c>
    </row>
    <row r="3056" spans="1:10" x14ac:dyDescent="0.35">
      <c r="A3056" t="s">
        <v>10</v>
      </c>
      <c r="B3056" t="s">
        <v>17</v>
      </c>
      <c r="C3056" t="s">
        <v>117</v>
      </c>
      <c r="D3056" t="s">
        <v>118</v>
      </c>
      <c r="E3056">
        <v>2017</v>
      </c>
      <c r="F3056">
        <v>2017</v>
      </c>
      <c r="G3056" t="s">
        <v>126</v>
      </c>
      <c r="H3056" t="s">
        <v>119</v>
      </c>
      <c r="I3056" t="s">
        <v>15</v>
      </c>
      <c r="J3056" s="10">
        <v>16.935265609999998</v>
      </c>
    </row>
    <row r="3057" spans="1:10" x14ac:dyDescent="0.35">
      <c r="A3057" t="s">
        <v>10</v>
      </c>
      <c r="B3057" t="s">
        <v>17</v>
      </c>
      <c r="C3057" t="s">
        <v>117</v>
      </c>
      <c r="D3057" t="s">
        <v>118</v>
      </c>
      <c r="E3057">
        <v>2017</v>
      </c>
      <c r="F3057">
        <v>2017</v>
      </c>
      <c r="G3057" t="s">
        <v>126</v>
      </c>
      <c r="H3057" t="s">
        <v>120</v>
      </c>
      <c r="I3057" t="s">
        <v>15</v>
      </c>
      <c r="J3057" s="10">
        <v>8.6361735110000009</v>
      </c>
    </row>
    <row r="3058" spans="1:10" x14ac:dyDescent="0.35">
      <c r="A3058" t="s">
        <v>10</v>
      </c>
      <c r="B3058" t="s">
        <v>17</v>
      </c>
      <c r="C3058" t="s">
        <v>117</v>
      </c>
      <c r="D3058" t="s">
        <v>118</v>
      </c>
      <c r="E3058">
        <v>2017</v>
      </c>
      <c r="F3058">
        <v>2017</v>
      </c>
      <c r="G3058" t="s">
        <v>126</v>
      </c>
      <c r="H3058" t="s">
        <v>121</v>
      </c>
      <c r="I3058" t="s">
        <v>15</v>
      </c>
      <c r="J3058" s="10">
        <v>35.03432325</v>
      </c>
    </row>
    <row r="3059" spans="1:10" x14ac:dyDescent="0.35">
      <c r="A3059" t="s">
        <v>10</v>
      </c>
      <c r="B3059" t="s">
        <v>17</v>
      </c>
      <c r="C3059" t="s">
        <v>117</v>
      </c>
      <c r="D3059" t="s">
        <v>118</v>
      </c>
      <c r="E3059">
        <v>2017</v>
      </c>
      <c r="F3059">
        <v>2017</v>
      </c>
      <c r="G3059" t="s">
        <v>126</v>
      </c>
      <c r="H3059" t="s">
        <v>122</v>
      </c>
      <c r="I3059" t="s">
        <v>15</v>
      </c>
      <c r="J3059" s="10">
        <v>20.345446939999999</v>
      </c>
    </row>
    <row r="3060" spans="1:10" x14ac:dyDescent="0.35">
      <c r="A3060" t="s">
        <v>10</v>
      </c>
      <c r="B3060" t="s">
        <v>17</v>
      </c>
      <c r="C3060" t="s">
        <v>117</v>
      </c>
      <c r="D3060" t="s">
        <v>118</v>
      </c>
      <c r="E3060">
        <v>2017</v>
      </c>
      <c r="F3060">
        <v>2017</v>
      </c>
      <c r="G3060" t="s">
        <v>126</v>
      </c>
      <c r="H3060" t="s">
        <v>123</v>
      </c>
      <c r="I3060" t="s">
        <v>15</v>
      </c>
      <c r="J3060" s="10">
        <v>15.83544522</v>
      </c>
    </row>
    <row r="3061" spans="1:10" x14ac:dyDescent="0.35">
      <c r="A3061" t="s">
        <v>10</v>
      </c>
      <c r="B3061" t="s">
        <v>17</v>
      </c>
      <c r="C3061" t="s">
        <v>117</v>
      </c>
      <c r="D3061" t="s">
        <v>118</v>
      </c>
      <c r="E3061">
        <v>2017</v>
      </c>
      <c r="F3061">
        <v>2017</v>
      </c>
      <c r="G3061" t="s">
        <v>126</v>
      </c>
      <c r="H3061" t="s">
        <v>124</v>
      </c>
      <c r="I3061" t="s">
        <v>15</v>
      </c>
      <c r="J3061" s="10">
        <v>3.2133454719999999</v>
      </c>
    </row>
    <row r="3062" spans="1:10" x14ac:dyDescent="0.35">
      <c r="A3062" t="s">
        <v>10</v>
      </c>
      <c r="B3062" t="s">
        <v>17</v>
      </c>
      <c r="C3062" t="s">
        <v>117</v>
      </c>
      <c r="D3062" t="s">
        <v>118</v>
      </c>
      <c r="E3062">
        <v>2016</v>
      </c>
      <c r="F3062">
        <v>2016</v>
      </c>
      <c r="G3062" t="s">
        <v>14</v>
      </c>
      <c r="H3062" t="s">
        <v>119</v>
      </c>
      <c r="I3062" t="s">
        <v>15</v>
      </c>
      <c r="J3062" s="10">
        <v>17.33822958</v>
      </c>
    </row>
    <row r="3063" spans="1:10" x14ac:dyDescent="0.35">
      <c r="A3063" t="s">
        <v>10</v>
      </c>
      <c r="B3063" t="s">
        <v>17</v>
      </c>
      <c r="C3063" t="s">
        <v>117</v>
      </c>
      <c r="D3063" t="s">
        <v>118</v>
      </c>
      <c r="E3063">
        <v>2016</v>
      </c>
      <c r="F3063">
        <v>2016</v>
      </c>
      <c r="G3063" t="s">
        <v>14</v>
      </c>
      <c r="H3063" t="s">
        <v>120</v>
      </c>
      <c r="I3063" t="s">
        <v>15</v>
      </c>
      <c r="J3063" s="10">
        <v>9.4950431759999994</v>
      </c>
    </row>
    <row r="3064" spans="1:10" x14ac:dyDescent="0.35">
      <c r="A3064" t="s">
        <v>10</v>
      </c>
      <c r="B3064" t="s">
        <v>17</v>
      </c>
      <c r="C3064" t="s">
        <v>117</v>
      </c>
      <c r="D3064" t="s">
        <v>118</v>
      </c>
      <c r="E3064">
        <v>2016</v>
      </c>
      <c r="F3064">
        <v>2016</v>
      </c>
      <c r="G3064" t="s">
        <v>14</v>
      </c>
      <c r="H3064" t="s">
        <v>121</v>
      </c>
      <c r="I3064" t="s">
        <v>15</v>
      </c>
      <c r="J3064" s="10">
        <v>35.783127999999998</v>
      </c>
    </row>
    <row r="3065" spans="1:10" x14ac:dyDescent="0.35">
      <c r="A3065" t="s">
        <v>10</v>
      </c>
      <c r="B3065" t="s">
        <v>17</v>
      </c>
      <c r="C3065" t="s">
        <v>117</v>
      </c>
      <c r="D3065" t="s">
        <v>118</v>
      </c>
      <c r="E3065">
        <v>2016</v>
      </c>
      <c r="F3065">
        <v>2016</v>
      </c>
      <c r="G3065" t="s">
        <v>14</v>
      </c>
      <c r="H3065" t="s">
        <v>122</v>
      </c>
      <c r="I3065" t="s">
        <v>15</v>
      </c>
      <c r="J3065" s="10">
        <v>20.2321122</v>
      </c>
    </row>
    <row r="3066" spans="1:10" x14ac:dyDescent="0.35">
      <c r="A3066" t="s">
        <v>10</v>
      </c>
      <c r="B3066" t="s">
        <v>17</v>
      </c>
      <c r="C3066" t="s">
        <v>117</v>
      </c>
      <c r="D3066" t="s">
        <v>118</v>
      </c>
      <c r="E3066">
        <v>2016</v>
      </c>
      <c r="F3066">
        <v>2016</v>
      </c>
      <c r="G3066" t="s">
        <v>14</v>
      </c>
      <c r="H3066" t="s">
        <v>123</v>
      </c>
      <c r="I3066" t="s">
        <v>15</v>
      </c>
      <c r="J3066" s="10">
        <v>14.770206419999999</v>
      </c>
    </row>
    <row r="3067" spans="1:10" x14ac:dyDescent="0.35">
      <c r="A3067" t="s">
        <v>10</v>
      </c>
      <c r="B3067" t="s">
        <v>17</v>
      </c>
      <c r="C3067" t="s">
        <v>117</v>
      </c>
      <c r="D3067" t="s">
        <v>118</v>
      </c>
      <c r="E3067">
        <v>2016</v>
      </c>
      <c r="F3067">
        <v>2016</v>
      </c>
      <c r="G3067" t="s">
        <v>14</v>
      </c>
      <c r="H3067" t="s">
        <v>124</v>
      </c>
      <c r="I3067" t="s">
        <v>15</v>
      </c>
      <c r="J3067" s="10">
        <v>2.3812806279999998</v>
      </c>
    </row>
    <row r="3068" spans="1:10" x14ac:dyDescent="0.35">
      <c r="A3068" t="s">
        <v>10</v>
      </c>
      <c r="B3068" t="s">
        <v>17</v>
      </c>
      <c r="C3068" t="s">
        <v>117</v>
      </c>
      <c r="D3068" t="s">
        <v>118</v>
      </c>
      <c r="E3068">
        <v>2016</v>
      </c>
      <c r="F3068">
        <v>2016</v>
      </c>
      <c r="G3068" t="s">
        <v>125</v>
      </c>
      <c r="H3068" t="s">
        <v>119</v>
      </c>
      <c r="I3068" t="s">
        <v>15</v>
      </c>
      <c r="J3068" s="10">
        <v>17.866755529999999</v>
      </c>
    </row>
    <row r="3069" spans="1:10" x14ac:dyDescent="0.35">
      <c r="A3069" t="s">
        <v>10</v>
      </c>
      <c r="B3069" t="s">
        <v>17</v>
      </c>
      <c r="C3069" t="s">
        <v>117</v>
      </c>
      <c r="D3069" t="s">
        <v>118</v>
      </c>
      <c r="E3069">
        <v>2016</v>
      </c>
      <c r="F3069">
        <v>2016</v>
      </c>
      <c r="G3069" t="s">
        <v>125</v>
      </c>
      <c r="H3069" t="s">
        <v>120</v>
      </c>
      <c r="I3069" t="s">
        <v>15</v>
      </c>
      <c r="J3069" s="10">
        <v>9.6152367279999993</v>
      </c>
    </row>
    <row r="3070" spans="1:10" x14ac:dyDescent="0.35">
      <c r="A3070" t="s">
        <v>10</v>
      </c>
      <c r="B3070" t="s">
        <v>17</v>
      </c>
      <c r="C3070" t="s">
        <v>117</v>
      </c>
      <c r="D3070" t="s">
        <v>118</v>
      </c>
      <c r="E3070">
        <v>2016</v>
      </c>
      <c r="F3070">
        <v>2016</v>
      </c>
      <c r="G3070" t="s">
        <v>125</v>
      </c>
      <c r="H3070" t="s">
        <v>121</v>
      </c>
      <c r="I3070" t="s">
        <v>15</v>
      </c>
      <c r="J3070" s="10">
        <v>36.694778399999997</v>
      </c>
    </row>
    <row r="3071" spans="1:10" x14ac:dyDescent="0.35">
      <c r="A3071" t="s">
        <v>10</v>
      </c>
      <c r="B3071" t="s">
        <v>17</v>
      </c>
      <c r="C3071" t="s">
        <v>117</v>
      </c>
      <c r="D3071" t="s">
        <v>118</v>
      </c>
      <c r="E3071">
        <v>2016</v>
      </c>
      <c r="F3071">
        <v>2016</v>
      </c>
      <c r="G3071" t="s">
        <v>125</v>
      </c>
      <c r="H3071" t="s">
        <v>122</v>
      </c>
      <c r="I3071" t="s">
        <v>15</v>
      </c>
      <c r="J3071" s="10">
        <v>20.478839300000001</v>
      </c>
    </row>
    <row r="3072" spans="1:10" x14ac:dyDescent="0.35">
      <c r="A3072" t="s">
        <v>10</v>
      </c>
      <c r="B3072" t="s">
        <v>17</v>
      </c>
      <c r="C3072" t="s">
        <v>117</v>
      </c>
      <c r="D3072" t="s">
        <v>118</v>
      </c>
      <c r="E3072">
        <v>2016</v>
      </c>
      <c r="F3072">
        <v>2016</v>
      </c>
      <c r="G3072" t="s">
        <v>125</v>
      </c>
      <c r="H3072" t="s">
        <v>123</v>
      </c>
      <c r="I3072" t="s">
        <v>15</v>
      </c>
      <c r="J3072" s="10">
        <v>13.708953879999999</v>
      </c>
    </row>
    <row r="3073" spans="1:10" x14ac:dyDescent="0.35">
      <c r="A3073" t="s">
        <v>10</v>
      </c>
      <c r="B3073" t="s">
        <v>17</v>
      </c>
      <c r="C3073" t="s">
        <v>117</v>
      </c>
      <c r="D3073" t="s">
        <v>118</v>
      </c>
      <c r="E3073">
        <v>2016</v>
      </c>
      <c r="F3073">
        <v>2016</v>
      </c>
      <c r="G3073" t="s">
        <v>125</v>
      </c>
      <c r="H3073" t="s">
        <v>124</v>
      </c>
      <c r="I3073" t="s">
        <v>15</v>
      </c>
      <c r="J3073" s="10">
        <v>1.6354361589999999</v>
      </c>
    </row>
    <row r="3074" spans="1:10" x14ac:dyDescent="0.35">
      <c r="A3074" t="s">
        <v>10</v>
      </c>
      <c r="B3074" t="s">
        <v>17</v>
      </c>
      <c r="C3074" t="s">
        <v>117</v>
      </c>
      <c r="D3074" t="s">
        <v>118</v>
      </c>
      <c r="E3074">
        <v>2016</v>
      </c>
      <c r="F3074">
        <v>2016</v>
      </c>
      <c r="G3074" t="s">
        <v>126</v>
      </c>
      <c r="H3074" t="s">
        <v>119</v>
      </c>
      <c r="I3074" t="s">
        <v>15</v>
      </c>
      <c r="J3074" s="10">
        <v>16.832605820000001</v>
      </c>
    </row>
    <row r="3075" spans="1:10" x14ac:dyDescent="0.35">
      <c r="A3075" t="s">
        <v>10</v>
      </c>
      <c r="B3075" t="s">
        <v>17</v>
      </c>
      <c r="C3075" t="s">
        <v>117</v>
      </c>
      <c r="D3075" t="s">
        <v>118</v>
      </c>
      <c r="E3075">
        <v>2016</v>
      </c>
      <c r="F3075">
        <v>2016</v>
      </c>
      <c r="G3075" t="s">
        <v>126</v>
      </c>
      <c r="H3075" t="s">
        <v>120</v>
      </c>
      <c r="I3075" t="s">
        <v>15</v>
      </c>
      <c r="J3075" s="10">
        <v>9.3800578740000002</v>
      </c>
    </row>
    <row r="3076" spans="1:10" x14ac:dyDescent="0.35">
      <c r="A3076" t="s">
        <v>10</v>
      </c>
      <c r="B3076" t="s">
        <v>17</v>
      </c>
      <c r="C3076" t="s">
        <v>117</v>
      </c>
      <c r="D3076" t="s">
        <v>118</v>
      </c>
      <c r="E3076">
        <v>2016</v>
      </c>
      <c r="F3076">
        <v>2016</v>
      </c>
      <c r="G3076" t="s">
        <v>126</v>
      </c>
      <c r="H3076" t="s">
        <v>121</v>
      </c>
      <c r="I3076" t="s">
        <v>15</v>
      </c>
      <c r="J3076" s="10">
        <v>34.910981409999998</v>
      </c>
    </row>
    <row r="3077" spans="1:10" x14ac:dyDescent="0.35">
      <c r="A3077" t="s">
        <v>10</v>
      </c>
      <c r="B3077" t="s">
        <v>17</v>
      </c>
      <c r="C3077" t="s">
        <v>117</v>
      </c>
      <c r="D3077" t="s">
        <v>118</v>
      </c>
      <c r="E3077">
        <v>2016</v>
      </c>
      <c r="F3077">
        <v>2016</v>
      </c>
      <c r="G3077" t="s">
        <v>126</v>
      </c>
      <c r="H3077" t="s">
        <v>122</v>
      </c>
      <c r="I3077" t="s">
        <v>15</v>
      </c>
      <c r="J3077" s="10">
        <v>19.99607632</v>
      </c>
    </row>
    <row r="3078" spans="1:10" x14ac:dyDescent="0.35">
      <c r="A3078" t="s">
        <v>10</v>
      </c>
      <c r="B3078" t="s">
        <v>17</v>
      </c>
      <c r="C3078" t="s">
        <v>117</v>
      </c>
      <c r="D3078" t="s">
        <v>118</v>
      </c>
      <c r="E3078">
        <v>2016</v>
      </c>
      <c r="F3078">
        <v>2016</v>
      </c>
      <c r="G3078" t="s">
        <v>126</v>
      </c>
      <c r="H3078" t="s">
        <v>123</v>
      </c>
      <c r="I3078" t="s">
        <v>15</v>
      </c>
      <c r="J3078" s="10">
        <v>15.785472560000001</v>
      </c>
    </row>
    <row r="3079" spans="1:10" x14ac:dyDescent="0.35">
      <c r="A3079" t="s">
        <v>10</v>
      </c>
      <c r="B3079" t="s">
        <v>17</v>
      </c>
      <c r="C3079" t="s">
        <v>117</v>
      </c>
      <c r="D3079" t="s">
        <v>118</v>
      </c>
      <c r="E3079">
        <v>2016</v>
      </c>
      <c r="F3079">
        <v>2016</v>
      </c>
      <c r="G3079" t="s">
        <v>126</v>
      </c>
      <c r="H3079" t="s">
        <v>124</v>
      </c>
      <c r="I3079" t="s">
        <v>15</v>
      </c>
      <c r="J3079" s="10">
        <v>3.0948060229999999</v>
      </c>
    </row>
    <row r="3080" spans="1:10" x14ac:dyDescent="0.35">
      <c r="A3080" t="s">
        <v>10</v>
      </c>
      <c r="B3080" t="s">
        <v>17</v>
      </c>
      <c r="C3080" t="s">
        <v>117</v>
      </c>
      <c r="D3080" t="s">
        <v>118</v>
      </c>
      <c r="E3080">
        <v>2015</v>
      </c>
      <c r="F3080">
        <v>2015</v>
      </c>
      <c r="G3080" t="s">
        <v>14</v>
      </c>
      <c r="H3080" t="s">
        <v>119</v>
      </c>
      <c r="I3080" t="s">
        <v>15</v>
      </c>
      <c r="J3080" s="10">
        <v>17.217441699999998</v>
      </c>
    </row>
    <row r="3081" spans="1:10" x14ac:dyDescent="0.35">
      <c r="A3081" t="s">
        <v>10</v>
      </c>
      <c r="B3081" t="s">
        <v>17</v>
      </c>
      <c r="C3081" t="s">
        <v>117</v>
      </c>
      <c r="D3081" t="s">
        <v>118</v>
      </c>
      <c r="E3081">
        <v>2015</v>
      </c>
      <c r="F3081">
        <v>2015</v>
      </c>
      <c r="G3081" t="s">
        <v>14</v>
      </c>
      <c r="H3081" t="s">
        <v>120</v>
      </c>
      <c r="I3081" t="s">
        <v>15</v>
      </c>
      <c r="J3081" s="10">
        <v>10.15962607</v>
      </c>
    </row>
    <row r="3082" spans="1:10" x14ac:dyDescent="0.35">
      <c r="A3082" t="s">
        <v>10</v>
      </c>
      <c r="B3082" t="s">
        <v>17</v>
      </c>
      <c r="C3082" t="s">
        <v>117</v>
      </c>
      <c r="D3082" t="s">
        <v>118</v>
      </c>
      <c r="E3082">
        <v>2015</v>
      </c>
      <c r="F3082">
        <v>2015</v>
      </c>
      <c r="G3082" t="s">
        <v>14</v>
      </c>
      <c r="H3082" t="s">
        <v>121</v>
      </c>
      <c r="I3082" t="s">
        <v>15</v>
      </c>
      <c r="J3082" s="10">
        <v>35.449082179999998</v>
      </c>
    </row>
    <row r="3083" spans="1:10" x14ac:dyDescent="0.35">
      <c r="A3083" t="s">
        <v>10</v>
      </c>
      <c r="B3083" t="s">
        <v>17</v>
      </c>
      <c r="C3083" t="s">
        <v>117</v>
      </c>
      <c r="D3083" t="s">
        <v>118</v>
      </c>
      <c r="E3083">
        <v>2015</v>
      </c>
      <c r="F3083">
        <v>2015</v>
      </c>
      <c r="G3083" t="s">
        <v>14</v>
      </c>
      <c r="H3083" t="s">
        <v>122</v>
      </c>
      <c r="I3083" t="s">
        <v>15</v>
      </c>
      <c r="J3083" s="10">
        <v>20.160507979999998</v>
      </c>
    </row>
    <row r="3084" spans="1:10" x14ac:dyDescent="0.35">
      <c r="A3084" t="s">
        <v>10</v>
      </c>
      <c r="B3084" t="s">
        <v>17</v>
      </c>
      <c r="C3084" t="s">
        <v>117</v>
      </c>
      <c r="D3084" t="s">
        <v>118</v>
      </c>
      <c r="E3084">
        <v>2015</v>
      </c>
      <c r="F3084">
        <v>2015</v>
      </c>
      <c r="G3084" t="s">
        <v>14</v>
      </c>
      <c r="H3084" t="s">
        <v>123</v>
      </c>
      <c r="I3084" t="s">
        <v>15</v>
      </c>
      <c r="J3084" s="10">
        <v>14.67375556</v>
      </c>
    </row>
    <row r="3085" spans="1:10" x14ac:dyDescent="0.35">
      <c r="A3085" t="s">
        <v>10</v>
      </c>
      <c r="B3085" t="s">
        <v>17</v>
      </c>
      <c r="C3085" t="s">
        <v>117</v>
      </c>
      <c r="D3085" t="s">
        <v>118</v>
      </c>
      <c r="E3085">
        <v>2015</v>
      </c>
      <c r="F3085">
        <v>2015</v>
      </c>
      <c r="G3085" t="s">
        <v>14</v>
      </c>
      <c r="H3085" t="s">
        <v>124</v>
      </c>
      <c r="I3085" t="s">
        <v>15</v>
      </c>
      <c r="J3085" s="10">
        <v>2.3395865090000001</v>
      </c>
    </row>
    <row r="3086" spans="1:10" x14ac:dyDescent="0.35">
      <c r="A3086" t="s">
        <v>10</v>
      </c>
      <c r="B3086" t="s">
        <v>17</v>
      </c>
      <c r="C3086" t="s">
        <v>117</v>
      </c>
      <c r="D3086" t="s">
        <v>118</v>
      </c>
      <c r="E3086">
        <v>2015</v>
      </c>
      <c r="F3086">
        <v>2015</v>
      </c>
      <c r="G3086" t="s">
        <v>125</v>
      </c>
      <c r="H3086" t="s">
        <v>119</v>
      </c>
      <c r="I3086" t="s">
        <v>15</v>
      </c>
      <c r="J3086" s="10">
        <v>17.765331410000002</v>
      </c>
    </row>
    <row r="3087" spans="1:10" x14ac:dyDescent="0.35">
      <c r="A3087" t="s">
        <v>10</v>
      </c>
      <c r="B3087" t="s">
        <v>17</v>
      </c>
      <c r="C3087" t="s">
        <v>117</v>
      </c>
      <c r="D3087" t="s">
        <v>118</v>
      </c>
      <c r="E3087">
        <v>2015</v>
      </c>
      <c r="F3087">
        <v>2015</v>
      </c>
      <c r="G3087" t="s">
        <v>125</v>
      </c>
      <c r="H3087" t="s">
        <v>120</v>
      </c>
      <c r="I3087" t="s">
        <v>15</v>
      </c>
      <c r="J3087" s="10">
        <v>10.393867439999999</v>
      </c>
    </row>
    <row r="3088" spans="1:10" x14ac:dyDescent="0.35">
      <c r="A3088" t="s">
        <v>10</v>
      </c>
      <c r="B3088" t="s">
        <v>17</v>
      </c>
      <c r="C3088" t="s">
        <v>117</v>
      </c>
      <c r="D3088" t="s">
        <v>118</v>
      </c>
      <c r="E3088">
        <v>2015</v>
      </c>
      <c r="F3088">
        <v>2015</v>
      </c>
      <c r="G3088" t="s">
        <v>125</v>
      </c>
      <c r="H3088" t="s">
        <v>121</v>
      </c>
      <c r="I3088" t="s">
        <v>15</v>
      </c>
      <c r="J3088" s="10">
        <v>36.17334297</v>
      </c>
    </row>
    <row r="3089" spans="1:10" x14ac:dyDescent="0.35">
      <c r="A3089" t="s">
        <v>10</v>
      </c>
      <c r="B3089" t="s">
        <v>17</v>
      </c>
      <c r="C3089" t="s">
        <v>117</v>
      </c>
      <c r="D3089" t="s">
        <v>118</v>
      </c>
      <c r="E3089">
        <v>2015</v>
      </c>
      <c r="F3089">
        <v>2015</v>
      </c>
      <c r="G3089" t="s">
        <v>125</v>
      </c>
      <c r="H3089" t="s">
        <v>122</v>
      </c>
      <c r="I3089" t="s">
        <v>15</v>
      </c>
      <c r="J3089" s="10">
        <v>20.496076810000002</v>
      </c>
    </row>
    <row r="3090" spans="1:10" x14ac:dyDescent="0.35">
      <c r="A3090" t="s">
        <v>10</v>
      </c>
      <c r="B3090" t="s">
        <v>17</v>
      </c>
      <c r="C3090" t="s">
        <v>117</v>
      </c>
      <c r="D3090" t="s">
        <v>118</v>
      </c>
      <c r="E3090">
        <v>2015</v>
      </c>
      <c r="F3090">
        <v>2015</v>
      </c>
      <c r="G3090" t="s">
        <v>125</v>
      </c>
      <c r="H3090" t="s">
        <v>123</v>
      </c>
      <c r="I3090" t="s">
        <v>15</v>
      </c>
      <c r="J3090" s="10">
        <v>13.555647329999999</v>
      </c>
    </row>
    <row r="3091" spans="1:10" x14ac:dyDescent="0.35">
      <c r="A3091" t="s">
        <v>10</v>
      </c>
      <c r="B3091" t="s">
        <v>17</v>
      </c>
      <c r="C3091" t="s">
        <v>117</v>
      </c>
      <c r="D3091" t="s">
        <v>118</v>
      </c>
      <c r="E3091">
        <v>2015</v>
      </c>
      <c r="F3091">
        <v>2015</v>
      </c>
      <c r="G3091" t="s">
        <v>125</v>
      </c>
      <c r="H3091" t="s">
        <v>124</v>
      </c>
      <c r="I3091" t="s">
        <v>15</v>
      </c>
      <c r="J3091" s="10">
        <v>1.6157340490000001</v>
      </c>
    </row>
    <row r="3092" spans="1:10" x14ac:dyDescent="0.35">
      <c r="A3092" t="s">
        <v>10</v>
      </c>
      <c r="B3092" t="s">
        <v>17</v>
      </c>
      <c r="C3092" t="s">
        <v>117</v>
      </c>
      <c r="D3092" t="s">
        <v>118</v>
      </c>
      <c r="E3092">
        <v>2015</v>
      </c>
      <c r="F3092">
        <v>2015</v>
      </c>
      <c r="G3092" t="s">
        <v>126</v>
      </c>
      <c r="H3092" t="s">
        <v>119</v>
      </c>
      <c r="I3092" t="s">
        <v>15</v>
      </c>
      <c r="J3092" s="10">
        <v>16.69497157</v>
      </c>
    </row>
    <row r="3093" spans="1:10" x14ac:dyDescent="0.35">
      <c r="A3093" t="s">
        <v>10</v>
      </c>
      <c r="B3093" t="s">
        <v>17</v>
      </c>
      <c r="C3093" t="s">
        <v>117</v>
      </c>
      <c r="D3093" t="s">
        <v>118</v>
      </c>
      <c r="E3093">
        <v>2015</v>
      </c>
      <c r="F3093">
        <v>2015</v>
      </c>
      <c r="G3093" t="s">
        <v>126</v>
      </c>
      <c r="H3093" t="s">
        <v>120</v>
      </c>
      <c r="I3093" t="s">
        <v>15</v>
      </c>
      <c r="J3093" s="10">
        <v>9.9362524309999998</v>
      </c>
    </row>
    <row r="3094" spans="1:10" x14ac:dyDescent="0.35">
      <c r="A3094" t="s">
        <v>10</v>
      </c>
      <c r="B3094" t="s">
        <v>17</v>
      </c>
      <c r="C3094" t="s">
        <v>117</v>
      </c>
      <c r="D3094" t="s">
        <v>118</v>
      </c>
      <c r="E3094">
        <v>2015</v>
      </c>
      <c r="F3094">
        <v>2015</v>
      </c>
      <c r="G3094" t="s">
        <v>126</v>
      </c>
      <c r="H3094" t="s">
        <v>121</v>
      </c>
      <c r="I3094" t="s">
        <v>15</v>
      </c>
      <c r="J3094" s="10">
        <v>34.758423790000002</v>
      </c>
    </row>
    <row r="3095" spans="1:10" x14ac:dyDescent="0.35">
      <c r="A3095" t="s">
        <v>10</v>
      </c>
      <c r="B3095" t="s">
        <v>17</v>
      </c>
      <c r="C3095" t="s">
        <v>117</v>
      </c>
      <c r="D3095" t="s">
        <v>118</v>
      </c>
      <c r="E3095">
        <v>2015</v>
      </c>
      <c r="F3095">
        <v>2015</v>
      </c>
      <c r="G3095" t="s">
        <v>126</v>
      </c>
      <c r="H3095" t="s">
        <v>122</v>
      </c>
      <c r="I3095" t="s">
        <v>15</v>
      </c>
      <c r="J3095" s="10">
        <v>19.840508010000001</v>
      </c>
    </row>
    <row r="3096" spans="1:10" x14ac:dyDescent="0.35">
      <c r="A3096" t="s">
        <v>10</v>
      </c>
      <c r="B3096" t="s">
        <v>17</v>
      </c>
      <c r="C3096" t="s">
        <v>117</v>
      </c>
      <c r="D3096" t="s">
        <v>118</v>
      </c>
      <c r="E3096">
        <v>2015</v>
      </c>
      <c r="F3096">
        <v>2015</v>
      </c>
      <c r="G3096" t="s">
        <v>126</v>
      </c>
      <c r="H3096" t="s">
        <v>123</v>
      </c>
      <c r="I3096" t="s">
        <v>15</v>
      </c>
      <c r="J3096" s="10">
        <v>15.73998868</v>
      </c>
    </row>
    <row r="3097" spans="1:10" x14ac:dyDescent="0.35">
      <c r="A3097" t="s">
        <v>10</v>
      </c>
      <c r="B3097" t="s">
        <v>17</v>
      </c>
      <c r="C3097" t="s">
        <v>117</v>
      </c>
      <c r="D3097" t="s">
        <v>118</v>
      </c>
      <c r="E3097">
        <v>2015</v>
      </c>
      <c r="F3097">
        <v>2015</v>
      </c>
      <c r="G3097" t="s">
        <v>126</v>
      </c>
      <c r="H3097" t="s">
        <v>124</v>
      </c>
      <c r="I3097" t="s">
        <v>15</v>
      </c>
      <c r="J3097" s="10">
        <v>3.0298555220000001</v>
      </c>
    </row>
    <row r="3098" spans="1:10" x14ac:dyDescent="0.35">
      <c r="A3098" t="s">
        <v>10</v>
      </c>
      <c r="B3098" t="s">
        <v>17</v>
      </c>
      <c r="C3098" t="s">
        <v>117</v>
      </c>
      <c r="D3098" t="s">
        <v>118</v>
      </c>
      <c r="E3098">
        <v>2014</v>
      </c>
      <c r="F3098">
        <v>2014</v>
      </c>
      <c r="G3098" t="s">
        <v>14</v>
      </c>
      <c r="H3098" t="s">
        <v>119</v>
      </c>
      <c r="I3098" t="s">
        <v>15</v>
      </c>
      <c r="J3098" s="10">
        <v>17.162483080000001</v>
      </c>
    </row>
    <row r="3099" spans="1:10" x14ac:dyDescent="0.35">
      <c r="A3099" t="s">
        <v>10</v>
      </c>
      <c r="B3099" t="s">
        <v>17</v>
      </c>
      <c r="C3099" t="s">
        <v>117</v>
      </c>
      <c r="D3099" t="s">
        <v>118</v>
      </c>
      <c r="E3099">
        <v>2014</v>
      </c>
      <c r="F3099">
        <v>2014</v>
      </c>
      <c r="G3099" t="s">
        <v>14</v>
      </c>
      <c r="H3099" t="s">
        <v>120</v>
      </c>
      <c r="I3099" t="s">
        <v>15</v>
      </c>
      <c r="J3099" s="10">
        <v>10.38022522</v>
      </c>
    </row>
    <row r="3100" spans="1:10" x14ac:dyDescent="0.35">
      <c r="A3100" t="s">
        <v>10</v>
      </c>
      <c r="B3100" t="s">
        <v>17</v>
      </c>
      <c r="C3100" t="s">
        <v>117</v>
      </c>
      <c r="D3100" t="s">
        <v>118</v>
      </c>
      <c r="E3100">
        <v>2014</v>
      </c>
      <c r="F3100">
        <v>2014</v>
      </c>
      <c r="G3100" t="s">
        <v>14</v>
      </c>
      <c r="H3100" t="s">
        <v>121</v>
      </c>
      <c r="I3100" t="s">
        <v>15</v>
      </c>
      <c r="J3100" s="10">
        <v>35.175301959999999</v>
      </c>
    </row>
    <row r="3101" spans="1:10" x14ac:dyDescent="0.35">
      <c r="A3101" t="s">
        <v>10</v>
      </c>
      <c r="B3101" t="s">
        <v>17</v>
      </c>
      <c r="C3101" t="s">
        <v>117</v>
      </c>
      <c r="D3101" t="s">
        <v>118</v>
      </c>
      <c r="E3101">
        <v>2014</v>
      </c>
      <c r="F3101">
        <v>2014</v>
      </c>
      <c r="G3101" t="s">
        <v>14</v>
      </c>
      <c r="H3101" t="s">
        <v>122</v>
      </c>
      <c r="I3101" t="s">
        <v>15</v>
      </c>
      <c r="J3101" s="10">
        <v>20.125890550000001</v>
      </c>
    </row>
    <row r="3102" spans="1:10" x14ac:dyDescent="0.35">
      <c r="A3102" t="s">
        <v>10</v>
      </c>
      <c r="B3102" t="s">
        <v>17</v>
      </c>
      <c r="C3102" t="s">
        <v>117</v>
      </c>
      <c r="D3102" t="s">
        <v>118</v>
      </c>
      <c r="E3102">
        <v>2014</v>
      </c>
      <c r="F3102">
        <v>2014</v>
      </c>
      <c r="G3102" t="s">
        <v>14</v>
      </c>
      <c r="H3102" t="s">
        <v>123</v>
      </c>
      <c r="I3102" t="s">
        <v>15</v>
      </c>
      <c r="J3102" s="10">
        <v>14.83235872</v>
      </c>
    </row>
    <row r="3103" spans="1:10" x14ac:dyDescent="0.35">
      <c r="A3103" t="s">
        <v>10</v>
      </c>
      <c r="B3103" t="s">
        <v>17</v>
      </c>
      <c r="C3103" t="s">
        <v>117</v>
      </c>
      <c r="D3103" t="s">
        <v>118</v>
      </c>
      <c r="E3103">
        <v>2014</v>
      </c>
      <c r="F3103">
        <v>2014</v>
      </c>
      <c r="G3103" t="s">
        <v>14</v>
      </c>
      <c r="H3103" t="s">
        <v>124</v>
      </c>
      <c r="I3103" t="s">
        <v>15</v>
      </c>
      <c r="J3103" s="10">
        <v>2.3237404559999999</v>
      </c>
    </row>
    <row r="3104" spans="1:10" x14ac:dyDescent="0.35">
      <c r="A3104" t="s">
        <v>10</v>
      </c>
      <c r="B3104" t="s">
        <v>17</v>
      </c>
      <c r="C3104" t="s">
        <v>117</v>
      </c>
      <c r="D3104" t="s">
        <v>118</v>
      </c>
      <c r="E3104">
        <v>2014</v>
      </c>
      <c r="F3104">
        <v>2014</v>
      </c>
      <c r="G3104" t="s">
        <v>125</v>
      </c>
      <c r="H3104" t="s">
        <v>119</v>
      </c>
      <c r="I3104" t="s">
        <v>15</v>
      </c>
      <c r="J3104" s="10">
        <v>17.706753150000001</v>
      </c>
    </row>
    <row r="3105" spans="1:10" x14ac:dyDescent="0.35">
      <c r="A3105" t="s">
        <v>10</v>
      </c>
      <c r="B3105" t="s">
        <v>17</v>
      </c>
      <c r="C3105" t="s">
        <v>117</v>
      </c>
      <c r="D3105" t="s">
        <v>118</v>
      </c>
      <c r="E3105">
        <v>2014</v>
      </c>
      <c r="F3105">
        <v>2014</v>
      </c>
      <c r="G3105" t="s">
        <v>125</v>
      </c>
      <c r="H3105" t="s">
        <v>120</v>
      </c>
      <c r="I3105" t="s">
        <v>15</v>
      </c>
      <c r="J3105" s="10">
        <v>10.61097453</v>
      </c>
    </row>
    <row r="3106" spans="1:10" x14ac:dyDescent="0.35">
      <c r="A3106" t="s">
        <v>10</v>
      </c>
      <c r="B3106" t="s">
        <v>17</v>
      </c>
      <c r="C3106" t="s">
        <v>117</v>
      </c>
      <c r="D3106" t="s">
        <v>118</v>
      </c>
      <c r="E3106">
        <v>2014</v>
      </c>
      <c r="F3106">
        <v>2014</v>
      </c>
      <c r="G3106" t="s">
        <v>125</v>
      </c>
      <c r="H3106" t="s">
        <v>121</v>
      </c>
      <c r="I3106" t="s">
        <v>15</v>
      </c>
      <c r="J3106" s="10">
        <v>35.863367680000003</v>
      </c>
    </row>
    <row r="3107" spans="1:10" x14ac:dyDescent="0.35">
      <c r="A3107" t="s">
        <v>10</v>
      </c>
      <c r="B3107" t="s">
        <v>17</v>
      </c>
      <c r="C3107" t="s">
        <v>117</v>
      </c>
      <c r="D3107" t="s">
        <v>118</v>
      </c>
      <c r="E3107">
        <v>2014</v>
      </c>
      <c r="F3107">
        <v>2014</v>
      </c>
      <c r="G3107" t="s">
        <v>125</v>
      </c>
      <c r="H3107" t="s">
        <v>122</v>
      </c>
      <c r="I3107" t="s">
        <v>15</v>
      </c>
      <c r="J3107" s="10">
        <v>20.531464140000001</v>
      </c>
    </row>
    <row r="3108" spans="1:10" x14ac:dyDescent="0.35">
      <c r="A3108" t="s">
        <v>10</v>
      </c>
      <c r="B3108" t="s">
        <v>17</v>
      </c>
      <c r="C3108" t="s">
        <v>117</v>
      </c>
      <c r="D3108" t="s">
        <v>118</v>
      </c>
      <c r="E3108">
        <v>2014</v>
      </c>
      <c r="F3108">
        <v>2014</v>
      </c>
      <c r="G3108" t="s">
        <v>125</v>
      </c>
      <c r="H3108" t="s">
        <v>123</v>
      </c>
      <c r="I3108" t="s">
        <v>15</v>
      </c>
      <c r="J3108" s="10">
        <v>13.67630904</v>
      </c>
    </row>
    <row r="3109" spans="1:10" x14ac:dyDescent="0.35">
      <c r="A3109" t="s">
        <v>10</v>
      </c>
      <c r="B3109" t="s">
        <v>17</v>
      </c>
      <c r="C3109" t="s">
        <v>117</v>
      </c>
      <c r="D3109" t="s">
        <v>118</v>
      </c>
      <c r="E3109">
        <v>2014</v>
      </c>
      <c r="F3109">
        <v>2014</v>
      </c>
      <c r="G3109" t="s">
        <v>125</v>
      </c>
      <c r="H3109" t="s">
        <v>124</v>
      </c>
      <c r="I3109" t="s">
        <v>15</v>
      </c>
      <c r="J3109" s="10">
        <v>1.6111314539999999</v>
      </c>
    </row>
    <row r="3110" spans="1:10" x14ac:dyDescent="0.35">
      <c r="A3110" t="s">
        <v>10</v>
      </c>
      <c r="B3110" t="s">
        <v>17</v>
      </c>
      <c r="C3110" t="s">
        <v>117</v>
      </c>
      <c r="D3110" t="s">
        <v>118</v>
      </c>
      <c r="E3110">
        <v>2014</v>
      </c>
      <c r="F3110">
        <v>2014</v>
      </c>
      <c r="G3110" t="s">
        <v>126</v>
      </c>
      <c r="H3110" t="s">
        <v>119</v>
      </c>
      <c r="I3110" t="s">
        <v>15</v>
      </c>
      <c r="J3110" s="10">
        <v>16.64338455</v>
      </c>
    </row>
    <row r="3111" spans="1:10" x14ac:dyDescent="0.35">
      <c r="A3111" t="s">
        <v>10</v>
      </c>
      <c r="B3111" t="s">
        <v>17</v>
      </c>
      <c r="C3111" t="s">
        <v>117</v>
      </c>
      <c r="D3111" t="s">
        <v>118</v>
      </c>
      <c r="E3111">
        <v>2014</v>
      </c>
      <c r="F3111">
        <v>2014</v>
      </c>
      <c r="G3111" t="s">
        <v>126</v>
      </c>
      <c r="H3111" t="s">
        <v>120</v>
      </c>
      <c r="I3111" t="s">
        <v>15</v>
      </c>
      <c r="J3111" s="10">
        <v>10.16014768</v>
      </c>
    </row>
    <row r="3112" spans="1:10" x14ac:dyDescent="0.35">
      <c r="A3112" t="s">
        <v>10</v>
      </c>
      <c r="B3112" t="s">
        <v>17</v>
      </c>
      <c r="C3112" t="s">
        <v>117</v>
      </c>
      <c r="D3112" t="s">
        <v>118</v>
      </c>
      <c r="E3112">
        <v>2014</v>
      </c>
      <c r="F3112">
        <v>2014</v>
      </c>
      <c r="G3112" t="s">
        <v>126</v>
      </c>
      <c r="H3112" t="s">
        <v>121</v>
      </c>
      <c r="I3112" t="s">
        <v>15</v>
      </c>
      <c r="J3112" s="10">
        <v>34.51905807</v>
      </c>
    </row>
    <row r="3113" spans="1:10" x14ac:dyDescent="0.35">
      <c r="A3113" t="s">
        <v>10</v>
      </c>
      <c r="B3113" t="s">
        <v>17</v>
      </c>
      <c r="C3113" t="s">
        <v>117</v>
      </c>
      <c r="D3113" t="s">
        <v>118</v>
      </c>
      <c r="E3113">
        <v>2014</v>
      </c>
      <c r="F3113">
        <v>2014</v>
      </c>
      <c r="G3113" t="s">
        <v>126</v>
      </c>
      <c r="H3113" t="s">
        <v>122</v>
      </c>
      <c r="I3113" t="s">
        <v>15</v>
      </c>
      <c r="J3113" s="10">
        <v>19.739074039999998</v>
      </c>
    </row>
    <row r="3114" spans="1:10" x14ac:dyDescent="0.35">
      <c r="A3114" t="s">
        <v>10</v>
      </c>
      <c r="B3114" t="s">
        <v>17</v>
      </c>
      <c r="C3114" t="s">
        <v>117</v>
      </c>
      <c r="D3114" t="s">
        <v>118</v>
      </c>
      <c r="E3114">
        <v>2014</v>
      </c>
      <c r="F3114">
        <v>2014</v>
      </c>
      <c r="G3114" t="s">
        <v>126</v>
      </c>
      <c r="H3114" t="s">
        <v>123</v>
      </c>
      <c r="I3114" t="s">
        <v>15</v>
      </c>
      <c r="J3114" s="10">
        <v>15.934943130000001</v>
      </c>
    </row>
    <row r="3115" spans="1:10" x14ac:dyDescent="0.35">
      <c r="A3115" t="s">
        <v>10</v>
      </c>
      <c r="B3115" t="s">
        <v>17</v>
      </c>
      <c r="C3115" t="s">
        <v>117</v>
      </c>
      <c r="D3115" t="s">
        <v>118</v>
      </c>
      <c r="E3115">
        <v>2014</v>
      </c>
      <c r="F3115">
        <v>2014</v>
      </c>
      <c r="G3115" t="s">
        <v>126</v>
      </c>
      <c r="H3115" t="s">
        <v>124</v>
      </c>
      <c r="I3115" t="s">
        <v>15</v>
      </c>
      <c r="J3115" s="10">
        <v>3.0033925359999998</v>
      </c>
    </row>
    <row r="3116" spans="1:10" x14ac:dyDescent="0.35">
      <c r="A3116" t="s">
        <v>10</v>
      </c>
      <c r="B3116" t="s">
        <v>17</v>
      </c>
      <c r="C3116" t="s">
        <v>117</v>
      </c>
      <c r="D3116" t="s">
        <v>118</v>
      </c>
      <c r="E3116">
        <v>2013</v>
      </c>
      <c r="F3116">
        <v>2013</v>
      </c>
      <c r="G3116" t="s">
        <v>14</v>
      </c>
      <c r="H3116" t="s">
        <v>119</v>
      </c>
      <c r="I3116" t="s">
        <v>15</v>
      </c>
      <c r="J3116" s="10">
        <v>17.035693460000001</v>
      </c>
    </row>
    <row r="3117" spans="1:10" x14ac:dyDescent="0.35">
      <c r="A3117" t="s">
        <v>10</v>
      </c>
      <c r="B3117" t="s">
        <v>17</v>
      </c>
      <c r="C3117" t="s">
        <v>117</v>
      </c>
      <c r="D3117" t="s">
        <v>118</v>
      </c>
      <c r="E3117">
        <v>2013</v>
      </c>
      <c r="F3117">
        <v>2013</v>
      </c>
      <c r="G3117" t="s">
        <v>14</v>
      </c>
      <c r="H3117" t="s">
        <v>120</v>
      </c>
      <c r="I3117" t="s">
        <v>15</v>
      </c>
      <c r="J3117" s="10">
        <v>10.66917147</v>
      </c>
    </row>
    <row r="3118" spans="1:10" x14ac:dyDescent="0.35">
      <c r="A3118" t="s">
        <v>10</v>
      </c>
      <c r="B3118" t="s">
        <v>17</v>
      </c>
      <c r="C3118" t="s">
        <v>117</v>
      </c>
      <c r="D3118" t="s">
        <v>118</v>
      </c>
      <c r="E3118">
        <v>2013</v>
      </c>
      <c r="F3118">
        <v>2013</v>
      </c>
      <c r="G3118" t="s">
        <v>14</v>
      </c>
      <c r="H3118" t="s">
        <v>121</v>
      </c>
      <c r="I3118" t="s">
        <v>15</v>
      </c>
      <c r="J3118" s="10">
        <v>34.960160649999999</v>
      </c>
    </row>
    <row r="3119" spans="1:10" x14ac:dyDescent="0.35">
      <c r="A3119" t="s">
        <v>10</v>
      </c>
      <c r="B3119" t="s">
        <v>17</v>
      </c>
      <c r="C3119" t="s">
        <v>117</v>
      </c>
      <c r="D3119" t="s">
        <v>118</v>
      </c>
      <c r="E3119">
        <v>2013</v>
      </c>
      <c r="F3119">
        <v>2013</v>
      </c>
      <c r="G3119" t="s">
        <v>14</v>
      </c>
      <c r="H3119" t="s">
        <v>122</v>
      </c>
      <c r="I3119" t="s">
        <v>15</v>
      </c>
      <c r="J3119" s="10">
        <v>20.202111810000002</v>
      </c>
    </row>
    <row r="3120" spans="1:10" x14ac:dyDescent="0.35">
      <c r="A3120" t="s">
        <v>10</v>
      </c>
      <c r="B3120" t="s">
        <v>17</v>
      </c>
      <c r="C3120" t="s">
        <v>117</v>
      </c>
      <c r="D3120" t="s">
        <v>118</v>
      </c>
      <c r="E3120">
        <v>2013</v>
      </c>
      <c r="F3120">
        <v>2013</v>
      </c>
      <c r="G3120" t="s">
        <v>14</v>
      </c>
      <c r="H3120" t="s">
        <v>123</v>
      </c>
      <c r="I3120" t="s">
        <v>15</v>
      </c>
      <c r="J3120" s="10">
        <v>14.882425339999999</v>
      </c>
    </row>
    <row r="3121" spans="1:10" x14ac:dyDescent="0.35">
      <c r="A3121" t="s">
        <v>10</v>
      </c>
      <c r="B3121" t="s">
        <v>17</v>
      </c>
      <c r="C3121" t="s">
        <v>117</v>
      </c>
      <c r="D3121" t="s">
        <v>118</v>
      </c>
      <c r="E3121">
        <v>2013</v>
      </c>
      <c r="F3121">
        <v>2013</v>
      </c>
      <c r="G3121" t="s">
        <v>14</v>
      </c>
      <c r="H3121" t="s">
        <v>124</v>
      </c>
      <c r="I3121" t="s">
        <v>15</v>
      </c>
      <c r="J3121" s="10">
        <v>2.2504372610000001</v>
      </c>
    </row>
    <row r="3122" spans="1:10" x14ac:dyDescent="0.35">
      <c r="A3122" t="s">
        <v>10</v>
      </c>
      <c r="B3122" t="s">
        <v>17</v>
      </c>
      <c r="C3122" t="s">
        <v>117</v>
      </c>
      <c r="D3122" t="s">
        <v>118</v>
      </c>
      <c r="E3122">
        <v>2013</v>
      </c>
      <c r="F3122">
        <v>2013</v>
      </c>
      <c r="G3122" t="s">
        <v>125</v>
      </c>
      <c r="H3122" t="s">
        <v>119</v>
      </c>
      <c r="I3122" t="s">
        <v>15</v>
      </c>
      <c r="J3122" s="10">
        <v>17.705457630000002</v>
      </c>
    </row>
    <row r="3123" spans="1:10" x14ac:dyDescent="0.35">
      <c r="A3123" t="s">
        <v>10</v>
      </c>
      <c r="B3123" t="s">
        <v>17</v>
      </c>
      <c r="C3123" t="s">
        <v>117</v>
      </c>
      <c r="D3123" t="s">
        <v>118</v>
      </c>
      <c r="E3123">
        <v>2013</v>
      </c>
      <c r="F3123">
        <v>2013</v>
      </c>
      <c r="G3123" t="s">
        <v>125</v>
      </c>
      <c r="H3123" t="s">
        <v>120</v>
      </c>
      <c r="I3123" t="s">
        <v>15</v>
      </c>
      <c r="J3123" s="10">
        <v>10.992248890000001</v>
      </c>
    </row>
    <row r="3124" spans="1:10" x14ac:dyDescent="0.35">
      <c r="A3124" t="s">
        <v>10</v>
      </c>
      <c r="B3124" t="s">
        <v>17</v>
      </c>
      <c r="C3124" t="s">
        <v>117</v>
      </c>
      <c r="D3124" t="s">
        <v>118</v>
      </c>
      <c r="E3124">
        <v>2013</v>
      </c>
      <c r="F3124">
        <v>2013</v>
      </c>
      <c r="G3124" t="s">
        <v>125</v>
      </c>
      <c r="H3124" t="s">
        <v>121</v>
      </c>
      <c r="I3124" t="s">
        <v>15</v>
      </c>
      <c r="J3124" s="10">
        <v>35.426842219999997</v>
      </c>
    </row>
    <row r="3125" spans="1:10" x14ac:dyDescent="0.35">
      <c r="A3125" t="s">
        <v>10</v>
      </c>
      <c r="B3125" t="s">
        <v>17</v>
      </c>
      <c r="C3125" t="s">
        <v>117</v>
      </c>
      <c r="D3125" t="s">
        <v>118</v>
      </c>
      <c r="E3125">
        <v>2013</v>
      </c>
      <c r="F3125">
        <v>2013</v>
      </c>
      <c r="G3125" t="s">
        <v>125</v>
      </c>
      <c r="H3125" t="s">
        <v>122</v>
      </c>
      <c r="I3125" t="s">
        <v>15</v>
      </c>
      <c r="J3125" s="10">
        <v>20.68910597</v>
      </c>
    </row>
    <row r="3126" spans="1:10" x14ac:dyDescent="0.35">
      <c r="A3126" t="s">
        <v>10</v>
      </c>
      <c r="B3126" t="s">
        <v>17</v>
      </c>
      <c r="C3126" t="s">
        <v>117</v>
      </c>
      <c r="D3126" t="s">
        <v>118</v>
      </c>
      <c r="E3126">
        <v>2013</v>
      </c>
      <c r="F3126">
        <v>2013</v>
      </c>
      <c r="G3126" t="s">
        <v>125</v>
      </c>
      <c r="H3126" t="s">
        <v>123</v>
      </c>
      <c r="I3126" t="s">
        <v>15</v>
      </c>
      <c r="J3126" s="10">
        <v>13.64674028</v>
      </c>
    </row>
    <row r="3127" spans="1:10" x14ac:dyDescent="0.35">
      <c r="A3127" t="s">
        <v>10</v>
      </c>
      <c r="B3127" t="s">
        <v>17</v>
      </c>
      <c r="C3127" t="s">
        <v>117</v>
      </c>
      <c r="D3127" t="s">
        <v>118</v>
      </c>
      <c r="E3127">
        <v>2013</v>
      </c>
      <c r="F3127">
        <v>2013</v>
      </c>
      <c r="G3127" t="s">
        <v>125</v>
      </c>
      <c r="H3127" t="s">
        <v>124</v>
      </c>
      <c r="I3127" t="s">
        <v>15</v>
      </c>
      <c r="J3127" s="10">
        <v>1.539605012</v>
      </c>
    </row>
    <row r="3128" spans="1:10" x14ac:dyDescent="0.35">
      <c r="A3128" t="s">
        <v>10</v>
      </c>
      <c r="B3128" t="s">
        <v>17</v>
      </c>
      <c r="C3128" t="s">
        <v>117</v>
      </c>
      <c r="D3128" t="s">
        <v>118</v>
      </c>
      <c r="E3128">
        <v>2013</v>
      </c>
      <c r="F3128">
        <v>2013</v>
      </c>
      <c r="G3128" t="s">
        <v>126</v>
      </c>
      <c r="H3128" t="s">
        <v>119</v>
      </c>
      <c r="I3128" t="s">
        <v>15</v>
      </c>
      <c r="J3128" s="10">
        <v>16.397135120000002</v>
      </c>
    </row>
    <row r="3129" spans="1:10" x14ac:dyDescent="0.35">
      <c r="A3129" t="s">
        <v>10</v>
      </c>
      <c r="B3129" t="s">
        <v>17</v>
      </c>
      <c r="C3129" t="s">
        <v>117</v>
      </c>
      <c r="D3129" t="s">
        <v>118</v>
      </c>
      <c r="E3129">
        <v>2013</v>
      </c>
      <c r="F3129">
        <v>2013</v>
      </c>
      <c r="G3129" t="s">
        <v>126</v>
      </c>
      <c r="H3129" t="s">
        <v>120</v>
      </c>
      <c r="I3129" t="s">
        <v>15</v>
      </c>
      <c r="J3129" s="10">
        <v>10.361146959999999</v>
      </c>
    </row>
    <row r="3130" spans="1:10" x14ac:dyDescent="0.35">
      <c r="A3130" t="s">
        <v>10</v>
      </c>
      <c r="B3130" t="s">
        <v>17</v>
      </c>
      <c r="C3130" t="s">
        <v>117</v>
      </c>
      <c r="D3130" t="s">
        <v>118</v>
      </c>
      <c r="E3130">
        <v>2013</v>
      </c>
      <c r="F3130">
        <v>2013</v>
      </c>
      <c r="G3130" t="s">
        <v>126</v>
      </c>
      <c r="H3130" t="s">
        <v>121</v>
      </c>
      <c r="I3130" t="s">
        <v>15</v>
      </c>
      <c r="J3130" s="10">
        <v>34.51522284</v>
      </c>
    </row>
    <row r="3131" spans="1:10" x14ac:dyDescent="0.35">
      <c r="A3131" t="s">
        <v>10</v>
      </c>
      <c r="B3131" t="s">
        <v>17</v>
      </c>
      <c r="C3131" t="s">
        <v>117</v>
      </c>
      <c r="D3131" t="s">
        <v>118</v>
      </c>
      <c r="E3131">
        <v>2013</v>
      </c>
      <c r="F3131">
        <v>2013</v>
      </c>
      <c r="G3131" t="s">
        <v>126</v>
      </c>
      <c r="H3131" t="s">
        <v>122</v>
      </c>
      <c r="I3131" t="s">
        <v>15</v>
      </c>
      <c r="J3131" s="10">
        <v>19.73780781</v>
      </c>
    </row>
    <row r="3132" spans="1:10" x14ac:dyDescent="0.35">
      <c r="A3132" t="s">
        <v>10</v>
      </c>
      <c r="B3132" t="s">
        <v>17</v>
      </c>
      <c r="C3132" t="s">
        <v>117</v>
      </c>
      <c r="D3132" t="s">
        <v>118</v>
      </c>
      <c r="E3132">
        <v>2013</v>
      </c>
      <c r="F3132">
        <v>2013</v>
      </c>
      <c r="G3132" t="s">
        <v>126</v>
      </c>
      <c r="H3132" t="s">
        <v>123</v>
      </c>
      <c r="I3132" t="s">
        <v>15</v>
      </c>
      <c r="J3132" s="10">
        <v>16.06053704</v>
      </c>
    </row>
    <row r="3133" spans="1:10" x14ac:dyDescent="0.35">
      <c r="A3133" t="s">
        <v>10</v>
      </c>
      <c r="B3133" t="s">
        <v>17</v>
      </c>
      <c r="C3133" t="s">
        <v>117</v>
      </c>
      <c r="D3133" t="s">
        <v>118</v>
      </c>
      <c r="E3133">
        <v>2013</v>
      </c>
      <c r="F3133">
        <v>2013</v>
      </c>
      <c r="G3133" t="s">
        <v>126</v>
      </c>
      <c r="H3133" t="s">
        <v>124</v>
      </c>
      <c r="I3133" t="s">
        <v>15</v>
      </c>
      <c r="J3133" s="10">
        <v>2.9281502289999999</v>
      </c>
    </row>
    <row r="3134" spans="1:10" x14ac:dyDescent="0.35">
      <c r="A3134" t="s">
        <v>10</v>
      </c>
      <c r="B3134" t="s">
        <v>17</v>
      </c>
      <c r="C3134" t="s">
        <v>117</v>
      </c>
      <c r="D3134" t="s">
        <v>118</v>
      </c>
      <c r="E3134">
        <v>2012</v>
      </c>
      <c r="F3134">
        <v>2012</v>
      </c>
      <c r="G3134" t="s">
        <v>14</v>
      </c>
      <c r="H3134" t="s">
        <v>119</v>
      </c>
      <c r="I3134" t="s">
        <v>15</v>
      </c>
      <c r="J3134" s="10">
        <v>17.134329139999998</v>
      </c>
    </row>
    <row r="3135" spans="1:10" x14ac:dyDescent="0.35">
      <c r="A3135" t="s">
        <v>10</v>
      </c>
      <c r="B3135" t="s">
        <v>17</v>
      </c>
      <c r="C3135" t="s">
        <v>117</v>
      </c>
      <c r="D3135" t="s">
        <v>118</v>
      </c>
      <c r="E3135">
        <v>2012</v>
      </c>
      <c r="F3135">
        <v>2012</v>
      </c>
      <c r="G3135" t="s">
        <v>14</v>
      </c>
      <c r="H3135" t="s">
        <v>120</v>
      </c>
      <c r="I3135" t="s">
        <v>15</v>
      </c>
      <c r="J3135" s="10">
        <v>10.85836007</v>
      </c>
    </row>
    <row r="3136" spans="1:10" x14ac:dyDescent="0.35">
      <c r="A3136" t="s">
        <v>10</v>
      </c>
      <c r="B3136" t="s">
        <v>17</v>
      </c>
      <c r="C3136" t="s">
        <v>117</v>
      </c>
      <c r="D3136" t="s">
        <v>118</v>
      </c>
      <c r="E3136">
        <v>2012</v>
      </c>
      <c r="F3136">
        <v>2012</v>
      </c>
      <c r="G3136" t="s">
        <v>14</v>
      </c>
      <c r="H3136" t="s">
        <v>121</v>
      </c>
      <c r="I3136" t="s">
        <v>15</v>
      </c>
      <c r="J3136" s="10">
        <v>34.9379372</v>
      </c>
    </row>
    <row r="3137" spans="1:10" x14ac:dyDescent="0.35">
      <c r="A3137" t="s">
        <v>10</v>
      </c>
      <c r="B3137" t="s">
        <v>17</v>
      </c>
      <c r="C3137" t="s">
        <v>117</v>
      </c>
      <c r="D3137" t="s">
        <v>118</v>
      </c>
      <c r="E3137">
        <v>2012</v>
      </c>
      <c r="F3137">
        <v>2012</v>
      </c>
      <c r="G3137" t="s">
        <v>14</v>
      </c>
      <c r="H3137" t="s">
        <v>122</v>
      </c>
      <c r="I3137" t="s">
        <v>15</v>
      </c>
      <c r="J3137" s="10">
        <v>20.02840162</v>
      </c>
    </row>
    <row r="3138" spans="1:10" x14ac:dyDescent="0.35">
      <c r="A3138" t="s">
        <v>10</v>
      </c>
      <c r="B3138" t="s">
        <v>17</v>
      </c>
      <c r="C3138" t="s">
        <v>117</v>
      </c>
      <c r="D3138" t="s">
        <v>118</v>
      </c>
      <c r="E3138">
        <v>2012</v>
      </c>
      <c r="F3138">
        <v>2012</v>
      </c>
      <c r="G3138" t="s">
        <v>14</v>
      </c>
      <c r="H3138" t="s">
        <v>123</v>
      </c>
      <c r="I3138" t="s">
        <v>15</v>
      </c>
      <c r="J3138" s="10">
        <v>14.91085047</v>
      </c>
    </row>
    <row r="3139" spans="1:10" x14ac:dyDescent="0.35">
      <c r="A3139" t="s">
        <v>10</v>
      </c>
      <c r="B3139" t="s">
        <v>17</v>
      </c>
      <c r="C3139" t="s">
        <v>117</v>
      </c>
      <c r="D3139" t="s">
        <v>118</v>
      </c>
      <c r="E3139">
        <v>2012</v>
      </c>
      <c r="F3139">
        <v>2012</v>
      </c>
      <c r="G3139" t="s">
        <v>14</v>
      </c>
      <c r="H3139" t="s">
        <v>124</v>
      </c>
      <c r="I3139" t="s">
        <v>15</v>
      </c>
      <c r="J3139" s="10">
        <v>2.1301214960000001</v>
      </c>
    </row>
    <row r="3140" spans="1:10" x14ac:dyDescent="0.35">
      <c r="A3140" t="s">
        <v>10</v>
      </c>
      <c r="B3140" t="s">
        <v>17</v>
      </c>
      <c r="C3140" t="s">
        <v>117</v>
      </c>
      <c r="D3140" t="s">
        <v>118</v>
      </c>
      <c r="E3140">
        <v>2012</v>
      </c>
      <c r="F3140">
        <v>2012</v>
      </c>
      <c r="G3140" t="s">
        <v>125</v>
      </c>
      <c r="H3140" t="s">
        <v>119</v>
      </c>
      <c r="I3140" t="s">
        <v>15</v>
      </c>
      <c r="J3140" s="10">
        <v>17.74232731</v>
      </c>
    </row>
    <row r="3141" spans="1:10" x14ac:dyDescent="0.35">
      <c r="A3141" t="s">
        <v>10</v>
      </c>
      <c r="B3141" t="s">
        <v>17</v>
      </c>
      <c r="C3141" t="s">
        <v>117</v>
      </c>
      <c r="D3141" t="s">
        <v>118</v>
      </c>
      <c r="E3141">
        <v>2012</v>
      </c>
      <c r="F3141">
        <v>2012</v>
      </c>
      <c r="G3141" t="s">
        <v>125</v>
      </c>
      <c r="H3141" t="s">
        <v>120</v>
      </c>
      <c r="I3141" t="s">
        <v>15</v>
      </c>
      <c r="J3141" s="10">
        <v>11.30725835</v>
      </c>
    </row>
    <row r="3142" spans="1:10" x14ac:dyDescent="0.35">
      <c r="A3142" t="s">
        <v>10</v>
      </c>
      <c r="B3142" t="s">
        <v>17</v>
      </c>
      <c r="C3142" t="s">
        <v>117</v>
      </c>
      <c r="D3142" t="s">
        <v>118</v>
      </c>
      <c r="E3142">
        <v>2012</v>
      </c>
      <c r="F3142">
        <v>2012</v>
      </c>
      <c r="G3142" t="s">
        <v>125</v>
      </c>
      <c r="H3142" t="s">
        <v>121</v>
      </c>
      <c r="I3142" t="s">
        <v>15</v>
      </c>
      <c r="J3142" s="10">
        <v>35.314600370000001</v>
      </c>
    </row>
    <row r="3143" spans="1:10" x14ac:dyDescent="0.35">
      <c r="A3143" t="s">
        <v>10</v>
      </c>
      <c r="B3143" t="s">
        <v>17</v>
      </c>
      <c r="C3143" t="s">
        <v>117</v>
      </c>
      <c r="D3143" t="s">
        <v>118</v>
      </c>
      <c r="E3143">
        <v>2012</v>
      </c>
      <c r="F3143">
        <v>2012</v>
      </c>
      <c r="G3143" t="s">
        <v>125</v>
      </c>
      <c r="H3143" t="s">
        <v>122</v>
      </c>
      <c r="I3143" t="s">
        <v>15</v>
      </c>
      <c r="J3143" s="10">
        <v>20.61705401</v>
      </c>
    </row>
    <row r="3144" spans="1:10" x14ac:dyDescent="0.35">
      <c r="A3144" t="s">
        <v>10</v>
      </c>
      <c r="B3144" t="s">
        <v>17</v>
      </c>
      <c r="C3144" t="s">
        <v>117</v>
      </c>
      <c r="D3144" t="s">
        <v>118</v>
      </c>
      <c r="E3144">
        <v>2012</v>
      </c>
      <c r="F3144">
        <v>2012</v>
      </c>
      <c r="G3144" t="s">
        <v>125</v>
      </c>
      <c r="H3144" t="s">
        <v>123</v>
      </c>
      <c r="I3144" t="s">
        <v>15</v>
      </c>
      <c r="J3144" s="10">
        <v>13.509865850000001</v>
      </c>
    </row>
    <row r="3145" spans="1:10" x14ac:dyDescent="0.35">
      <c r="A3145" t="s">
        <v>10</v>
      </c>
      <c r="B3145" t="s">
        <v>17</v>
      </c>
      <c r="C3145" t="s">
        <v>117</v>
      </c>
      <c r="D3145" t="s">
        <v>118</v>
      </c>
      <c r="E3145">
        <v>2012</v>
      </c>
      <c r="F3145">
        <v>2012</v>
      </c>
      <c r="G3145" t="s">
        <v>125</v>
      </c>
      <c r="H3145" t="s">
        <v>124</v>
      </c>
      <c r="I3145" t="s">
        <v>15</v>
      </c>
      <c r="J3145" s="10">
        <v>1.5088941069999999</v>
      </c>
    </row>
    <row r="3146" spans="1:10" x14ac:dyDescent="0.35">
      <c r="A3146" t="s">
        <v>10</v>
      </c>
      <c r="B3146" t="s">
        <v>17</v>
      </c>
      <c r="C3146" t="s">
        <v>117</v>
      </c>
      <c r="D3146" t="s">
        <v>118</v>
      </c>
      <c r="E3146">
        <v>2012</v>
      </c>
      <c r="F3146">
        <v>2012</v>
      </c>
      <c r="G3146" t="s">
        <v>126</v>
      </c>
      <c r="H3146" t="s">
        <v>119</v>
      </c>
      <c r="I3146" t="s">
        <v>15</v>
      </c>
      <c r="J3146" s="10">
        <v>16.556851689999998</v>
      </c>
    </row>
    <row r="3147" spans="1:10" x14ac:dyDescent="0.35">
      <c r="A3147" t="s">
        <v>10</v>
      </c>
      <c r="B3147" t="s">
        <v>17</v>
      </c>
      <c r="C3147" t="s">
        <v>117</v>
      </c>
      <c r="D3147" t="s">
        <v>118</v>
      </c>
      <c r="E3147">
        <v>2012</v>
      </c>
      <c r="F3147">
        <v>2012</v>
      </c>
      <c r="G3147" t="s">
        <v>126</v>
      </c>
      <c r="H3147" t="s">
        <v>120</v>
      </c>
      <c r="I3147" t="s">
        <v>15</v>
      </c>
      <c r="J3147" s="10">
        <v>10.4319959</v>
      </c>
    </row>
    <row r="3148" spans="1:10" x14ac:dyDescent="0.35">
      <c r="A3148" t="s">
        <v>10</v>
      </c>
      <c r="B3148" t="s">
        <v>17</v>
      </c>
      <c r="C3148" t="s">
        <v>117</v>
      </c>
      <c r="D3148" t="s">
        <v>118</v>
      </c>
      <c r="E3148">
        <v>2012</v>
      </c>
      <c r="F3148">
        <v>2012</v>
      </c>
      <c r="G3148" t="s">
        <v>126</v>
      </c>
      <c r="H3148" t="s">
        <v>121</v>
      </c>
      <c r="I3148" t="s">
        <v>15</v>
      </c>
      <c r="J3148" s="10">
        <v>34.580182030000003</v>
      </c>
    </row>
    <row r="3149" spans="1:10" x14ac:dyDescent="0.35">
      <c r="A3149" t="s">
        <v>10</v>
      </c>
      <c r="B3149" t="s">
        <v>17</v>
      </c>
      <c r="C3149" t="s">
        <v>117</v>
      </c>
      <c r="D3149" t="s">
        <v>118</v>
      </c>
      <c r="E3149">
        <v>2012</v>
      </c>
      <c r="F3149">
        <v>2012</v>
      </c>
      <c r="G3149" t="s">
        <v>126</v>
      </c>
      <c r="H3149" t="s">
        <v>122</v>
      </c>
      <c r="I3149" t="s">
        <v>15</v>
      </c>
      <c r="J3149" s="10">
        <v>19.469298810000002</v>
      </c>
    </row>
    <row r="3150" spans="1:10" x14ac:dyDescent="0.35">
      <c r="A3150" t="s">
        <v>10</v>
      </c>
      <c r="B3150" t="s">
        <v>17</v>
      </c>
      <c r="C3150" t="s">
        <v>117</v>
      </c>
      <c r="D3150" t="s">
        <v>118</v>
      </c>
      <c r="E3150">
        <v>2012</v>
      </c>
      <c r="F3150">
        <v>2012</v>
      </c>
      <c r="G3150" t="s">
        <v>126</v>
      </c>
      <c r="H3150" t="s">
        <v>123</v>
      </c>
      <c r="I3150" t="s">
        <v>15</v>
      </c>
      <c r="J3150" s="10">
        <v>16.241507500000001</v>
      </c>
    </row>
    <row r="3151" spans="1:10" x14ac:dyDescent="0.35">
      <c r="A3151" t="s">
        <v>10</v>
      </c>
      <c r="B3151" t="s">
        <v>17</v>
      </c>
      <c r="C3151" t="s">
        <v>117</v>
      </c>
      <c r="D3151" t="s">
        <v>118</v>
      </c>
      <c r="E3151">
        <v>2012</v>
      </c>
      <c r="F3151">
        <v>2012</v>
      </c>
      <c r="G3151" t="s">
        <v>126</v>
      </c>
      <c r="H3151" t="s">
        <v>124</v>
      </c>
      <c r="I3151" t="s">
        <v>15</v>
      </c>
      <c r="J3151" s="10">
        <v>2.7201640820000001</v>
      </c>
    </row>
    <row r="3152" spans="1:10" x14ac:dyDescent="0.35">
      <c r="A3152" t="s">
        <v>10</v>
      </c>
      <c r="B3152" t="s">
        <v>17</v>
      </c>
      <c r="C3152" t="s">
        <v>117</v>
      </c>
      <c r="D3152" t="s">
        <v>118</v>
      </c>
      <c r="E3152">
        <v>2011</v>
      </c>
      <c r="F3152">
        <v>2011</v>
      </c>
      <c r="G3152" t="s">
        <v>14</v>
      </c>
      <c r="H3152" t="s">
        <v>119</v>
      </c>
      <c r="I3152" t="s">
        <v>15</v>
      </c>
      <c r="J3152" s="10">
        <v>17.105771149999999</v>
      </c>
    </row>
    <row r="3153" spans="1:10" x14ac:dyDescent="0.35">
      <c r="A3153" t="s">
        <v>10</v>
      </c>
      <c r="B3153" t="s">
        <v>17</v>
      </c>
      <c r="C3153" t="s">
        <v>117</v>
      </c>
      <c r="D3153" t="s">
        <v>118</v>
      </c>
      <c r="E3153">
        <v>2011</v>
      </c>
      <c r="F3153">
        <v>2011</v>
      </c>
      <c r="G3153" t="s">
        <v>14</v>
      </c>
      <c r="H3153" t="s">
        <v>120</v>
      </c>
      <c r="I3153" t="s">
        <v>15</v>
      </c>
      <c r="J3153" s="10">
        <v>10.999134659999999</v>
      </c>
    </row>
    <row r="3154" spans="1:10" x14ac:dyDescent="0.35">
      <c r="A3154" t="s">
        <v>10</v>
      </c>
      <c r="B3154" t="s">
        <v>17</v>
      </c>
      <c r="C3154" t="s">
        <v>117</v>
      </c>
      <c r="D3154" t="s">
        <v>118</v>
      </c>
      <c r="E3154">
        <v>2011</v>
      </c>
      <c r="F3154">
        <v>2011</v>
      </c>
      <c r="G3154" t="s">
        <v>14</v>
      </c>
      <c r="H3154" t="s">
        <v>121</v>
      </c>
      <c r="I3154" t="s">
        <v>15</v>
      </c>
      <c r="J3154" s="10">
        <v>34.830593090000001</v>
      </c>
    </row>
    <row r="3155" spans="1:10" x14ac:dyDescent="0.35">
      <c r="A3155" t="s">
        <v>10</v>
      </c>
      <c r="B3155" t="s">
        <v>17</v>
      </c>
      <c r="C3155" t="s">
        <v>117</v>
      </c>
      <c r="D3155" t="s">
        <v>118</v>
      </c>
      <c r="E3155">
        <v>2011</v>
      </c>
      <c r="F3155">
        <v>2011</v>
      </c>
      <c r="G3155" t="s">
        <v>14</v>
      </c>
      <c r="H3155" t="s">
        <v>122</v>
      </c>
      <c r="I3155" t="s">
        <v>15</v>
      </c>
      <c r="J3155" s="10">
        <v>20.283565200000002</v>
      </c>
    </row>
    <row r="3156" spans="1:10" x14ac:dyDescent="0.35">
      <c r="A3156" t="s">
        <v>10</v>
      </c>
      <c r="B3156" t="s">
        <v>17</v>
      </c>
      <c r="C3156" t="s">
        <v>117</v>
      </c>
      <c r="D3156" t="s">
        <v>118</v>
      </c>
      <c r="E3156">
        <v>2011</v>
      </c>
      <c r="F3156">
        <v>2011</v>
      </c>
      <c r="G3156" t="s">
        <v>14</v>
      </c>
      <c r="H3156" t="s">
        <v>123</v>
      </c>
      <c r="I3156" t="s">
        <v>15</v>
      </c>
      <c r="J3156" s="10">
        <v>14.6948013</v>
      </c>
    </row>
    <row r="3157" spans="1:10" x14ac:dyDescent="0.35">
      <c r="A3157" t="s">
        <v>10</v>
      </c>
      <c r="B3157" t="s">
        <v>17</v>
      </c>
      <c r="C3157" t="s">
        <v>117</v>
      </c>
      <c r="D3157" t="s">
        <v>118</v>
      </c>
      <c r="E3157">
        <v>2011</v>
      </c>
      <c r="F3157">
        <v>2011</v>
      </c>
      <c r="G3157" t="s">
        <v>14</v>
      </c>
      <c r="H3157" t="s">
        <v>124</v>
      </c>
      <c r="I3157" t="s">
        <v>15</v>
      </c>
      <c r="J3157" s="10">
        <v>2.0861345939999998</v>
      </c>
    </row>
    <row r="3158" spans="1:10" x14ac:dyDescent="0.35">
      <c r="A3158" t="s">
        <v>10</v>
      </c>
      <c r="B3158" t="s">
        <v>17</v>
      </c>
      <c r="C3158" t="s">
        <v>117</v>
      </c>
      <c r="D3158" t="s">
        <v>118</v>
      </c>
      <c r="E3158">
        <v>2011</v>
      </c>
      <c r="F3158">
        <v>2011</v>
      </c>
      <c r="G3158" t="s">
        <v>125</v>
      </c>
      <c r="H3158" t="s">
        <v>119</v>
      </c>
      <c r="I3158" t="s">
        <v>15</v>
      </c>
      <c r="J3158" s="10">
        <v>17.81582474</v>
      </c>
    </row>
    <row r="3159" spans="1:10" x14ac:dyDescent="0.35">
      <c r="A3159" t="s">
        <v>10</v>
      </c>
      <c r="B3159" t="s">
        <v>17</v>
      </c>
      <c r="C3159" t="s">
        <v>117</v>
      </c>
      <c r="D3159" t="s">
        <v>118</v>
      </c>
      <c r="E3159">
        <v>2011</v>
      </c>
      <c r="F3159">
        <v>2011</v>
      </c>
      <c r="G3159" t="s">
        <v>125</v>
      </c>
      <c r="H3159" t="s">
        <v>120</v>
      </c>
      <c r="I3159" t="s">
        <v>15</v>
      </c>
      <c r="J3159" s="10">
        <v>11.558132540000001</v>
      </c>
    </row>
    <row r="3160" spans="1:10" x14ac:dyDescent="0.35">
      <c r="A3160" t="s">
        <v>10</v>
      </c>
      <c r="B3160" t="s">
        <v>17</v>
      </c>
      <c r="C3160" t="s">
        <v>117</v>
      </c>
      <c r="D3160" t="s">
        <v>118</v>
      </c>
      <c r="E3160">
        <v>2011</v>
      </c>
      <c r="F3160">
        <v>2011</v>
      </c>
      <c r="G3160" t="s">
        <v>125</v>
      </c>
      <c r="H3160" t="s">
        <v>121</v>
      </c>
      <c r="I3160" t="s">
        <v>15</v>
      </c>
      <c r="J3160" s="10">
        <v>35.00533326</v>
      </c>
    </row>
    <row r="3161" spans="1:10" x14ac:dyDescent="0.35">
      <c r="A3161" t="s">
        <v>10</v>
      </c>
      <c r="B3161" t="s">
        <v>17</v>
      </c>
      <c r="C3161" t="s">
        <v>117</v>
      </c>
      <c r="D3161" t="s">
        <v>118</v>
      </c>
      <c r="E3161">
        <v>2011</v>
      </c>
      <c r="F3161">
        <v>2011</v>
      </c>
      <c r="G3161" t="s">
        <v>125</v>
      </c>
      <c r="H3161" t="s">
        <v>122</v>
      </c>
      <c r="I3161" t="s">
        <v>15</v>
      </c>
      <c r="J3161" s="10">
        <v>20.933730820000001</v>
      </c>
    </row>
    <row r="3162" spans="1:10" x14ac:dyDescent="0.35">
      <c r="A3162" t="s">
        <v>10</v>
      </c>
      <c r="B3162" t="s">
        <v>17</v>
      </c>
      <c r="C3162" t="s">
        <v>117</v>
      </c>
      <c r="D3162" t="s">
        <v>118</v>
      </c>
      <c r="E3162">
        <v>2011</v>
      </c>
      <c r="F3162">
        <v>2011</v>
      </c>
      <c r="G3162" t="s">
        <v>125</v>
      </c>
      <c r="H3162" t="s">
        <v>123</v>
      </c>
      <c r="I3162" t="s">
        <v>15</v>
      </c>
      <c r="J3162" s="10">
        <v>13.24016082</v>
      </c>
    </row>
    <row r="3163" spans="1:10" x14ac:dyDescent="0.35">
      <c r="A3163" t="s">
        <v>10</v>
      </c>
      <c r="B3163" t="s">
        <v>17</v>
      </c>
      <c r="C3163" t="s">
        <v>117</v>
      </c>
      <c r="D3163" t="s">
        <v>118</v>
      </c>
      <c r="E3163">
        <v>2011</v>
      </c>
      <c r="F3163">
        <v>2011</v>
      </c>
      <c r="G3163" t="s">
        <v>125</v>
      </c>
      <c r="H3163" t="s">
        <v>124</v>
      </c>
      <c r="I3163" t="s">
        <v>15</v>
      </c>
      <c r="J3163" s="10">
        <v>1.446817821</v>
      </c>
    </row>
    <row r="3164" spans="1:10" x14ac:dyDescent="0.35">
      <c r="A3164" t="s">
        <v>10</v>
      </c>
      <c r="B3164" t="s">
        <v>17</v>
      </c>
      <c r="C3164" t="s">
        <v>117</v>
      </c>
      <c r="D3164" t="s">
        <v>118</v>
      </c>
      <c r="E3164">
        <v>2011</v>
      </c>
      <c r="F3164">
        <v>2011</v>
      </c>
      <c r="G3164" t="s">
        <v>126</v>
      </c>
      <c r="H3164" t="s">
        <v>119</v>
      </c>
      <c r="I3164" t="s">
        <v>15</v>
      </c>
      <c r="J3164" s="10">
        <v>16.432351109999999</v>
      </c>
    </row>
    <row r="3165" spans="1:10" x14ac:dyDescent="0.35">
      <c r="A3165" t="s">
        <v>10</v>
      </c>
      <c r="B3165" t="s">
        <v>17</v>
      </c>
      <c r="C3165" t="s">
        <v>117</v>
      </c>
      <c r="D3165" t="s">
        <v>118</v>
      </c>
      <c r="E3165">
        <v>2011</v>
      </c>
      <c r="F3165">
        <v>2011</v>
      </c>
      <c r="G3165" t="s">
        <v>126</v>
      </c>
      <c r="H3165" t="s">
        <v>120</v>
      </c>
      <c r="I3165" t="s">
        <v>15</v>
      </c>
      <c r="J3165" s="10">
        <v>10.46897697</v>
      </c>
    </row>
    <row r="3166" spans="1:10" x14ac:dyDescent="0.35">
      <c r="A3166" t="s">
        <v>10</v>
      </c>
      <c r="B3166" t="s">
        <v>17</v>
      </c>
      <c r="C3166" t="s">
        <v>117</v>
      </c>
      <c r="D3166" t="s">
        <v>118</v>
      </c>
      <c r="E3166">
        <v>2011</v>
      </c>
      <c r="F3166">
        <v>2011</v>
      </c>
      <c r="G3166" t="s">
        <v>126</v>
      </c>
      <c r="H3166" t="s">
        <v>121</v>
      </c>
      <c r="I3166" t="s">
        <v>15</v>
      </c>
      <c r="J3166" s="10">
        <v>34.664868230000003</v>
      </c>
    </row>
    <row r="3167" spans="1:10" x14ac:dyDescent="0.35">
      <c r="A3167" t="s">
        <v>10</v>
      </c>
      <c r="B3167" t="s">
        <v>17</v>
      </c>
      <c r="C3167" t="s">
        <v>117</v>
      </c>
      <c r="D3167" t="s">
        <v>118</v>
      </c>
      <c r="E3167">
        <v>2011</v>
      </c>
      <c r="F3167">
        <v>2011</v>
      </c>
      <c r="G3167" t="s">
        <v>126</v>
      </c>
      <c r="H3167" t="s">
        <v>122</v>
      </c>
      <c r="I3167" t="s">
        <v>15</v>
      </c>
      <c r="J3167" s="10">
        <v>19.66694335</v>
      </c>
    </row>
    <row r="3168" spans="1:10" x14ac:dyDescent="0.35">
      <c r="A3168" t="s">
        <v>10</v>
      </c>
      <c r="B3168" t="s">
        <v>17</v>
      </c>
      <c r="C3168" t="s">
        <v>117</v>
      </c>
      <c r="D3168" t="s">
        <v>118</v>
      </c>
      <c r="E3168">
        <v>2011</v>
      </c>
      <c r="F3168">
        <v>2011</v>
      </c>
      <c r="G3168" t="s">
        <v>126</v>
      </c>
      <c r="H3168" t="s">
        <v>123</v>
      </c>
      <c r="I3168" t="s">
        <v>15</v>
      </c>
      <c r="J3168" s="10">
        <v>16.07439303</v>
      </c>
    </row>
    <row r="3169" spans="1:10" x14ac:dyDescent="0.35">
      <c r="A3169" t="s">
        <v>10</v>
      </c>
      <c r="B3169" t="s">
        <v>17</v>
      </c>
      <c r="C3169" t="s">
        <v>117</v>
      </c>
      <c r="D3169" t="s">
        <v>118</v>
      </c>
      <c r="E3169">
        <v>2011</v>
      </c>
      <c r="F3169">
        <v>2011</v>
      </c>
      <c r="G3169" t="s">
        <v>126</v>
      </c>
      <c r="H3169" t="s">
        <v>124</v>
      </c>
      <c r="I3169" t="s">
        <v>15</v>
      </c>
      <c r="J3169" s="10">
        <v>2.6924673170000002</v>
      </c>
    </row>
    <row r="3170" spans="1:10" x14ac:dyDescent="0.35">
      <c r="A3170" t="s">
        <v>10</v>
      </c>
      <c r="B3170" t="s">
        <v>18</v>
      </c>
      <c r="C3170" t="s">
        <v>117</v>
      </c>
      <c r="D3170" t="s">
        <v>118</v>
      </c>
      <c r="E3170">
        <v>2020</v>
      </c>
      <c r="F3170">
        <v>2020</v>
      </c>
      <c r="G3170" t="s">
        <v>14</v>
      </c>
      <c r="H3170" t="s">
        <v>119</v>
      </c>
      <c r="I3170" t="s">
        <v>15</v>
      </c>
      <c r="J3170" s="10">
        <v>18.741769940000001</v>
      </c>
    </row>
    <row r="3171" spans="1:10" x14ac:dyDescent="0.35">
      <c r="A3171" t="s">
        <v>10</v>
      </c>
      <c r="B3171" t="s">
        <v>18</v>
      </c>
      <c r="C3171" t="s">
        <v>117</v>
      </c>
      <c r="D3171" t="s">
        <v>118</v>
      </c>
      <c r="E3171">
        <v>2020</v>
      </c>
      <c r="F3171">
        <v>2020</v>
      </c>
      <c r="G3171" t="s">
        <v>14</v>
      </c>
      <c r="H3171" t="s">
        <v>120</v>
      </c>
      <c r="I3171" t="s">
        <v>15</v>
      </c>
      <c r="J3171" s="10">
        <v>8.4829614679999992</v>
      </c>
    </row>
    <row r="3172" spans="1:10" x14ac:dyDescent="0.35">
      <c r="A3172" t="s">
        <v>10</v>
      </c>
      <c r="B3172" t="s">
        <v>18</v>
      </c>
      <c r="C3172" t="s">
        <v>117</v>
      </c>
      <c r="D3172" t="s">
        <v>118</v>
      </c>
      <c r="E3172">
        <v>2020</v>
      </c>
      <c r="F3172">
        <v>2020</v>
      </c>
      <c r="G3172" t="s">
        <v>14</v>
      </c>
      <c r="H3172" t="s">
        <v>121</v>
      </c>
      <c r="I3172" t="s">
        <v>15</v>
      </c>
      <c r="J3172" s="10">
        <v>31.244077430000001</v>
      </c>
    </row>
    <row r="3173" spans="1:10" x14ac:dyDescent="0.35">
      <c r="A3173" t="s">
        <v>10</v>
      </c>
      <c r="B3173" t="s">
        <v>18</v>
      </c>
      <c r="C3173" t="s">
        <v>117</v>
      </c>
      <c r="D3173" t="s">
        <v>118</v>
      </c>
      <c r="E3173">
        <v>2020</v>
      </c>
      <c r="F3173">
        <v>2020</v>
      </c>
      <c r="G3173" t="s">
        <v>14</v>
      </c>
      <c r="H3173" t="s">
        <v>122</v>
      </c>
      <c r="I3173" t="s">
        <v>15</v>
      </c>
      <c r="J3173" s="10">
        <v>21.902113050000001</v>
      </c>
    </row>
    <row r="3174" spans="1:10" x14ac:dyDescent="0.35">
      <c r="A3174" t="s">
        <v>10</v>
      </c>
      <c r="B3174" t="s">
        <v>18</v>
      </c>
      <c r="C3174" t="s">
        <v>117</v>
      </c>
      <c r="D3174" t="s">
        <v>118</v>
      </c>
      <c r="E3174">
        <v>2020</v>
      </c>
      <c r="F3174">
        <v>2020</v>
      </c>
      <c r="G3174" t="s">
        <v>14</v>
      </c>
      <c r="H3174" t="s">
        <v>123</v>
      </c>
      <c r="I3174" t="s">
        <v>15</v>
      </c>
      <c r="J3174" s="10">
        <v>17.582485200000001</v>
      </c>
    </row>
    <row r="3175" spans="1:10" x14ac:dyDescent="0.35">
      <c r="A3175" t="s">
        <v>10</v>
      </c>
      <c r="B3175" t="s">
        <v>18</v>
      </c>
      <c r="C3175" t="s">
        <v>117</v>
      </c>
      <c r="D3175" t="s">
        <v>118</v>
      </c>
      <c r="E3175">
        <v>2020</v>
      </c>
      <c r="F3175">
        <v>2020</v>
      </c>
      <c r="G3175" t="s">
        <v>14</v>
      </c>
      <c r="H3175" t="s">
        <v>124</v>
      </c>
      <c r="I3175" t="s">
        <v>15</v>
      </c>
      <c r="J3175" s="10">
        <v>2.0465929090000001</v>
      </c>
    </row>
    <row r="3176" spans="1:10" x14ac:dyDescent="0.35">
      <c r="A3176" t="s">
        <v>10</v>
      </c>
      <c r="B3176" t="s">
        <v>18</v>
      </c>
      <c r="C3176" t="s">
        <v>117</v>
      </c>
      <c r="D3176" t="s">
        <v>118</v>
      </c>
      <c r="E3176">
        <v>2020</v>
      </c>
      <c r="F3176">
        <v>2020</v>
      </c>
      <c r="G3176" t="s">
        <v>125</v>
      </c>
      <c r="H3176" t="s">
        <v>119</v>
      </c>
      <c r="I3176" t="s">
        <v>15</v>
      </c>
      <c r="J3176" s="10">
        <v>19.413411279999998</v>
      </c>
    </row>
    <row r="3177" spans="1:10" x14ac:dyDescent="0.35">
      <c r="A3177" t="s">
        <v>10</v>
      </c>
      <c r="B3177" t="s">
        <v>18</v>
      </c>
      <c r="C3177" t="s">
        <v>117</v>
      </c>
      <c r="D3177" t="s">
        <v>118</v>
      </c>
      <c r="E3177">
        <v>2020</v>
      </c>
      <c r="F3177">
        <v>2020</v>
      </c>
      <c r="G3177" t="s">
        <v>125</v>
      </c>
      <c r="H3177" t="s">
        <v>120</v>
      </c>
      <c r="I3177" t="s">
        <v>15</v>
      </c>
      <c r="J3177" s="10">
        <v>9.2521489260000003</v>
      </c>
    </row>
    <row r="3178" spans="1:10" x14ac:dyDescent="0.35">
      <c r="A3178" t="s">
        <v>10</v>
      </c>
      <c r="B3178" t="s">
        <v>18</v>
      </c>
      <c r="C3178" t="s">
        <v>117</v>
      </c>
      <c r="D3178" t="s">
        <v>118</v>
      </c>
      <c r="E3178">
        <v>2020</v>
      </c>
      <c r="F3178">
        <v>2020</v>
      </c>
      <c r="G3178" t="s">
        <v>125</v>
      </c>
      <c r="H3178" t="s">
        <v>121</v>
      </c>
      <c r="I3178" t="s">
        <v>15</v>
      </c>
      <c r="J3178" s="10">
        <v>31.112982729999999</v>
      </c>
    </row>
    <row r="3179" spans="1:10" x14ac:dyDescent="0.35">
      <c r="A3179" t="s">
        <v>10</v>
      </c>
      <c r="B3179" t="s">
        <v>18</v>
      </c>
      <c r="C3179" t="s">
        <v>117</v>
      </c>
      <c r="D3179" t="s">
        <v>118</v>
      </c>
      <c r="E3179">
        <v>2020</v>
      </c>
      <c r="F3179">
        <v>2020</v>
      </c>
      <c r="G3179" t="s">
        <v>125</v>
      </c>
      <c r="H3179" t="s">
        <v>122</v>
      </c>
      <c r="I3179" t="s">
        <v>15</v>
      </c>
      <c r="J3179" s="10">
        <v>21.59825609</v>
      </c>
    </row>
    <row r="3180" spans="1:10" x14ac:dyDescent="0.35">
      <c r="A3180" t="s">
        <v>10</v>
      </c>
      <c r="B3180" t="s">
        <v>18</v>
      </c>
      <c r="C3180" t="s">
        <v>117</v>
      </c>
      <c r="D3180" t="s">
        <v>118</v>
      </c>
      <c r="E3180">
        <v>2020</v>
      </c>
      <c r="F3180">
        <v>2020</v>
      </c>
      <c r="G3180" t="s">
        <v>125</v>
      </c>
      <c r="H3180" t="s">
        <v>123</v>
      </c>
      <c r="I3180" t="s">
        <v>15</v>
      </c>
      <c r="J3180" s="10">
        <v>17.0403032</v>
      </c>
    </row>
    <row r="3181" spans="1:10" x14ac:dyDescent="0.35">
      <c r="A3181" t="s">
        <v>10</v>
      </c>
      <c r="B3181" t="s">
        <v>18</v>
      </c>
      <c r="C3181" t="s">
        <v>117</v>
      </c>
      <c r="D3181" t="s">
        <v>118</v>
      </c>
      <c r="E3181">
        <v>2020</v>
      </c>
      <c r="F3181">
        <v>2020</v>
      </c>
      <c r="G3181" t="s">
        <v>125</v>
      </c>
      <c r="H3181" t="s">
        <v>124</v>
      </c>
      <c r="I3181" t="s">
        <v>15</v>
      </c>
      <c r="J3181" s="10">
        <v>1.582897768</v>
      </c>
    </row>
    <row r="3182" spans="1:10" x14ac:dyDescent="0.35">
      <c r="A3182" t="s">
        <v>10</v>
      </c>
      <c r="B3182" t="s">
        <v>18</v>
      </c>
      <c r="C3182" t="s">
        <v>117</v>
      </c>
      <c r="D3182" t="s">
        <v>118</v>
      </c>
      <c r="E3182">
        <v>2020</v>
      </c>
      <c r="F3182">
        <v>2020</v>
      </c>
      <c r="G3182" t="s">
        <v>126</v>
      </c>
      <c r="H3182" t="s">
        <v>119</v>
      </c>
      <c r="I3182" t="s">
        <v>15</v>
      </c>
      <c r="J3182" s="10">
        <v>18.078653880000001</v>
      </c>
    </row>
    <row r="3183" spans="1:10" x14ac:dyDescent="0.35">
      <c r="A3183" t="s">
        <v>10</v>
      </c>
      <c r="B3183" t="s">
        <v>18</v>
      </c>
      <c r="C3183" t="s">
        <v>117</v>
      </c>
      <c r="D3183" t="s">
        <v>118</v>
      </c>
      <c r="E3183">
        <v>2020</v>
      </c>
      <c r="F3183">
        <v>2020</v>
      </c>
      <c r="G3183" t="s">
        <v>126</v>
      </c>
      <c r="H3183" t="s">
        <v>120</v>
      </c>
      <c r="I3183" t="s">
        <v>15</v>
      </c>
      <c r="J3183" s="10">
        <v>7.723537468</v>
      </c>
    </row>
    <row r="3184" spans="1:10" x14ac:dyDescent="0.35">
      <c r="A3184" t="s">
        <v>10</v>
      </c>
      <c r="B3184" t="s">
        <v>18</v>
      </c>
      <c r="C3184" t="s">
        <v>117</v>
      </c>
      <c r="D3184" t="s">
        <v>118</v>
      </c>
      <c r="E3184">
        <v>2020</v>
      </c>
      <c r="F3184">
        <v>2020</v>
      </c>
      <c r="G3184" t="s">
        <v>126</v>
      </c>
      <c r="H3184" t="s">
        <v>121</v>
      </c>
      <c r="I3184" t="s">
        <v>15</v>
      </c>
      <c r="J3184" s="10">
        <v>31.37350812</v>
      </c>
    </row>
    <row r="3185" spans="1:10" x14ac:dyDescent="0.35">
      <c r="A3185" t="s">
        <v>10</v>
      </c>
      <c r="B3185" t="s">
        <v>18</v>
      </c>
      <c r="C3185" t="s">
        <v>117</v>
      </c>
      <c r="D3185" t="s">
        <v>118</v>
      </c>
      <c r="E3185">
        <v>2020</v>
      </c>
      <c r="F3185">
        <v>2020</v>
      </c>
      <c r="G3185" t="s">
        <v>126</v>
      </c>
      <c r="H3185" t="s">
        <v>122</v>
      </c>
      <c r="I3185" t="s">
        <v>15</v>
      </c>
      <c r="J3185" s="10">
        <v>22.202113090000001</v>
      </c>
    </row>
    <row r="3186" spans="1:10" x14ac:dyDescent="0.35">
      <c r="A3186" t="s">
        <v>10</v>
      </c>
      <c r="B3186" t="s">
        <v>18</v>
      </c>
      <c r="C3186" t="s">
        <v>117</v>
      </c>
      <c r="D3186" t="s">
        <v>118</v>
      </c>
      <c r="E3186">
        <v>2020</v>
      </c>
      <c r="F3186">
        <v>2020</v>
      </c>
      <c r="G3186" t="s">
        <v>126</v>
      </c>
      <c r="H3186" t="s">
        <v>123</v>
      </c>
      <c r="I3186" t="s">
        <v>15</v>
      </c>
      <c r="J3186" s="10">
        <v>18.117785170000001</v>
      </c>
    </row>
    <row r="3187" spans="1:10" x14ac:dyDescent="0.35">
      <c r="A3187" t="s">
        <v>10</v>
      </c>
      <c r="B3187" t="s">
        <v>18</v>
      </c>
      <c r="C3187" t="s">
        <v>117</v>
      </c>
      <c r="D3187" t="s">
        <v>118</v>
      </c>
      <c r="E3187">
        <v>2020</v>
      </c>
      <c r="F3187">
        <v>2020</v>
      </c>
      <c r="G3187" t="s">
        <v>126</v>
      </c>
      <c r="H3187" t="s">
        <v>124</v>
      </c>
      <c r="I3187" t="s">
        <v>15</v>
      </c>
      <c r="J3187" s="10">
        <v>2.5044022699999999</v>
      </c>
    </row>
    <row r="3188" spans="1:10" x14ac:dyDescent="0.35">
      <c r="A3188" t="s">
        <v>10</v>
      </c>
      <c r="B3188" t="s">
        <v>18</v>
      </c>
      <c r="C3188" t="s">
        <v>117</v>
      </c>
      <c r="D3188" t="s">
        <v>118</v>
      </c>
      <c r="E3188">
        <v>2019</v>
      </c>
      <c r="F3188">
        <v>2019</v>
      </c>
      <c r="G3188" t="s">
        <v>14</v>
      </c>
      <c r="H3188" t="s">
        <v>119</v>
      </c>
      <c r="I3188" t="s">
        <v>15</v>
      </c>
      <c r="J3188" s="10">
        <v>18.756557269999998</v>
      </c>
    </row>
    <row r="3189" spans="1:10" x14ac:dyDescent="0.35">
      <c r="A3189" t="s">
        <v>10</v>
      </c>
      <c r="B3189" t="s">
        <v>18</v>
      </c>
      <c r="C3189" t="s">
        <v>117</v>
      </c>
      <c r="D3189" t="s">
        <v>118</v>
      </c>
      <c r="E3189">
        <v>2019</v>
      </c>
      <c r="F3189">
        <v>2019</v>
      </c>
      <c r="G3189" t="s">
        <v>14</v>
      </c>
      <c r="H3189" t="s">
        <v>120</v>
      </c>
      <c r="I3189" t="s">
        <v>15</v>
      </c>
      <c r="J3189" s="10">
        <v>8.5722749549999993</v>
      </c>
    </row>
    <row r="3190" spans="1:10" x14ac:dyDescent="0.35">
      <c r="A3190" t="s">
        <v>10</v>
      </c>
      <c r="B3190" t="s">
        <v>18</v>
      </c>
      <c r="C3190" t="s">
        <v>117</v>
      </c>
      <c r="D3190" t="s">
        <v>118</v>
      </c>
      <c r="E3190">
        <v>2019</v>
      </c>
      <c r="F3190">
        <v>2019</v>
      </c>
      <c r="G3190" t="s">
        <v>14</v>
      </c>
      <c r="H3190" t="s">
        <v>121</v>
      </c>
      <c r="I3190" t="s">
        <v>15</v>
      </c>
      <c r="J3190" s="10">
        <v>31.666193509999999</v>
      </c>
    </row>
    <row r="3191" spans="1:10" x14ac:dyDescent="0.35">
      <c r="A3191" t="s">
        <v>10</v>
      </c>
      <c r="B3191" t="s">
        <v>18</v>
      </c>
      <c r="C3191" t="s">
        <v>117</v>
      </c>
      <c r="D3191" t="s">
        <v>118</v>
      </c>
      <c r="E3191">
        <v>2019</v>
      </c>
      <c r="F3191">
        <v>2019</v>
      </c>
      <c r="G3191" t="s">
        <v>14</v>
      </c>
      <c r="H3191" t="s">
        <v>122</v>
      </c>
      <c r="I3191" t="s">
        <v>15</v>
      </c>
      <c r="J3191" s="10">
        <v>21.810237359999999</v>
      </c>
    </row>
    <row r="3192" spans="1:10" x14ac:dyDescent="0.35">
      <c r="A3192" t="s">
        <v>10</v>
      </c>
      <c r="B3192" t="s">
        <v>18</v>
      </c>
      <c r="C3192" t="s">
        <v>117</v>
      </c>
      <c r="D3192" t="s">
        <v>118</v>
      </c>
      <c r="E3192">
        <v>2019</v>
      </c>
      <c r="F3192">
        <v>2019</v>
      </c>
      <c r="G3192" t="s">
        <v>14</v>
      </c>
      <c r="H3192" t="s">
        <v>123</v>
      </c>
      <c r="I3192" t="s">
        <v>15</v>
      </c>
      <c r="J3192" s="10">
        <v>17.18281348</v>
      </c>
    </row>
    <row r="3193" spans="1:10" x14ac:dyDescent="0.35">
      <c r="A3193" t="s">
        <v>10</v>
      </c>
      <c r="B3193" t="s">
        <v>18</v>
      </c>
      <c r="C3193" t="s">
        <v>117</v>
      </c>
      <c r="D3193" t="s">
        <v>118</v>
      </c>
      <c r="E3193">
        <v>2019</v>
      </c>
      <c r="F3193">
        <v>2019</v>
      </c>
      <c r="G3193" t="s">
        <v>14</v>
      </c>
      <c r="H3193" t="s">
        <v>124</v>
      </c>
      <c r="I3193" t="s">
        <v>15</v>
      </c>
      <c r="J3193" s="10">
        <v>2.0119234229999998</v>
      </c>
    </row>
    <row r="3194" spans="1:10" x14ac:dyDescent="0.35">
      <c r="A3194" t="s">
        <v>10</v>
      </c>
      <c r="B3194" t="s">
        <v>18</v>
      </c>
      <c r="C3194" t="s">
        <v>117</v>
      </c>
      <c r="D3194" t="s">
        <v>118</v>
      </c>
      <c r="E3194">
        <v>2019</v>
      </c>
      <c r="F3194">
        <v>2019</v>
      </c>
      <c r="G3194" t="s">
        <v>125</v>
      </c>
      <c r="H3194" t="s">
        <v>119</v>
      </c>
      <c r="I3194" t="s">
        <v>15</v>
      </c>
      <c r="J3194" s="10">
        <v>19.456160369999999</v>
      </c>
    </row>
    <row r="3195" spans="1:10" x14ac:dyDescent="0.35">
      <c r="A3195" t="s">
        <v>10</v>
      </c>
      <c r="B3195" t="s">
        <v>18</v>
      </c>
      <c r="C3195" t="s">
        <v>117</v>
      </c>
      <c r="D3195" t="s">
        <v>118</v>
      </c>
      <c r="E3195">
        <v>2019</v>
      </c>
      <c r="F3195">
        <v>2019</v>
      </c>
      <c r="G3195" t="s">
        <v>125</v>
      </c>
      <c r="H3195" t="s">
        <v>120</v>
      </c>
      <c r="I3195" t="s">
        <v>15</v>
      </c>
      <c r="J3195" s="10">
        <v>9.3608891980000006</v>
      </c>
    </row>
    <row r="3196" spans="1:10" x14ac:dyDescent="0.35">
      <c r="A3196" t="s">
        <v>10</v>
      </c>
      <c r="B3196" t="s">
        <v>18</v>
      </c>
      <c r="C3196" t="s">
        <v>117</v>
      </c>
      <c r="D3196" t="s">
        <v>118</v>
      </c>
      <c r="E3196">
        <v>2019</v>
      </c>
      <c r="F3196">
        <v>2019</v>
      </c>
      <c r="G3196" t="s">
        <v>125</v>
      </c>
      <c r="H3196" t="s">
        <v>121</v>
      </c>
      <c r="I3196" t="s">
        <v>15</v>
      </c>
      <c r="J3196" s="10">
        <v>31.48910832</v>
      </c>
    </row>
    <row r="3197" spans="1:10" x14ac:dyDescent="0.35">
      <c r="A3197" t="s">
        <v>10</v>
      </c>
      <c r="B3197" t="s">
        <v>18</v>
      </c>
      <c r="C3197" t="s">
        <v>117</v>
      </c>
      <c r="D3197" t="s">
        <v>118</v>
      </c>
      <c r="E3197">
        <v>2019</v>
      </c>
      <c r="F3197">
        <v>2019</v>
      </c>
      <c r="G3197" t="s">
        <v>125</v>
      </c>
      <c r="H3197" t="s">
        <v>122</v>
      </c>
      <c r="I3197" t="s">
        <v>15</v>
      </c>
      <c r="J3197" s="10">
        <v>21.50052101</v>
      </c>
    </row>
    <row r="3198" spans="1:10" x14ac:dyDescent="0.35">
      <c r="A3198" t="s">
        <v>10</v>
      </c>
      <c r="B3198" t="s">
        <v>18</v>
      </c>
      <c r="C3198" t="s">
        <v>117</v>
      </c>
      <c r="D3198" t="s">
        <v>118</v>
      </c>
      <c r="E3198">
        <v>2019</v>
      </c>
      <c r="F3198">
        <v>2019</v>
      </c>
      <c r="G3198" t="s">
        <v>125</v>
      </c>
      <c r="H3198" t="s">
        <v>123</v>
      </c>
      <c r="I3198" t="s">
        <v>15</v>
      </c>
      <c r="J3198" s="10">
        <v>16.660050609999999</v>
      </c>
    </row>
    <row r="3199" spans="1:10" x14ac:dyDescent="0.35">
      <c r="A3199" t="s">
        <v>10</v>
      </c>
      <c r="B3199" t="s">
        <v>18</v>
      </c>
      <c r="C3199" t="s">
        <v>117</v>
      </c>
      <c r="D3199" t="s">
        <v>118</v>
      </c>
      <c r="E3199">
        <v>2019</v>
      </c>
      <c r="F3199">
        <v>2019</v>
      </c>
      <c r="G3199" t="s">
        <v>125</v>
      </c>
      <c r="H3199" t="s">
        <v>124</v>
      </c>
      <c r="I3199" t="s">
        <v>15</v>
      </c>
      <c r="J3199" s="10">
        <v>1.533270481</v>
      </c>
    </row>
    <row r="3200" spans="1:10" x14ac:dyDescent="0.35">
      <c r="A3200" t="s">
        <v>10</v>
      </c>
      <c r="B3200" t="s">
        <v>18</v>
      </c>
      <c r="C3200" t="s">
        <v>117</v>
      </c>
      <c r="D3200" t="s">
        <v>118</v>
      </c>
      <c r="E3200">
        <v>2019</v>
      </c>
      <c r="F3200">
        <v>2019</v>
      </c>
      <c r="G3200" t="s">
        <v>126</v>
      </c>
      <c r="H3200" t="s">
        <v>119</v>
      </c>
      <c r="I3200" t="s">
        <v>15</v>
      </c>
      <c r="J3200" s="10">
        <v>18.063913929999998</v>
      </c>
    </row>
    <row r="3201" spans="1:10" x14ac:dyDescent="0.35">
      <c r="A3201" t="s">
        <v>10</v>
      </c>
      <c r="B3201" t="s">
        <v>18</v>
      </c>
      <c r="C3201" t="s">
        <v>117</v>
      </c>
      <c r="D3201" t="s">
        <v>118</v>
      </c>
      <c r="E3201">
        <v>2019</v>
      </c>
      <c r="F3201">
        <v>2019</v>
      </c>
      <c r="G3201" t="s">
        <v>126</v>
      </c>
      <c r="H3201" t="s">
        <v>120</v>
      </c>
      <c r="I3201" t="s">
        <v>15</v>
      </c>
      <c r="J3201" s="10">
        <v>7.7915059810000002</v>
      </c>
    </row>
    <row r="3202" spans="1:10" x14ac:dyDescent="0.35">
      <c r="A3202" t="s">
        <v>10</v>
      </c>
      <c r="B3202" t="s">
        <v>18</v>
      </c>
      <c r="C3202" t="s">
        <v>117</v>
      </c>
      <c r="D3202" t="s">
        <v>118</v>
      </c>
      <c r="E3202">
        <v>2019</v>
      </c>
      <c r="F3202">
        <v>2019</v>
      </c>
      <c r="G3202" t="s">
        <v>126</v>
      </c>
      <c r="H3202" t="s">
        <v>121</v>
      </c>
      <c r="I3202" t="s">
        <v>15</v>
      </c>
      <c r="J3202" s="10">
        <v>31.841517029999999</v>
      </c>
    </row>
    <row r="3203" spans="1:10" x14ac:dyDescent="0.35">
      <c r="A3203" t="s">
        <v>10</v>
      </c>
      <c r="B3203" t="s">
        <v>18</v>
      </c>
      <c r="C3203" t="s">
        <v>117</v>
      </c>
      <c r="D3203" t="s">
        <v>118</v>
      </c>
      <c r="E3203">
        <v>2019</v>
      </c>
      <c r="F3203">
        <v>2019</v>
      </c>
      <c r="G3203" t="s">
        <v>126</v>
      </c>
      <c r="H3203" t="s">
        <v>122</v>
      </c>
      <c r="I3203" t="s">
        <v>15</v>
      </c>
      <c r="J3203" s="10">
        <v>22.11687259</v>
      </c>
    </row>
    <row r="3204" spans="1:10" x14ac:dyDescent="0.35">
      <c r="A3204" t="s">
        <v>10</v>
      </c>
      <c r="B3204" t="s">
        <v>18</v>
      </c>
      <c r="C3204" t="s">
        <v>117</v>
      </c>
      <c r="D3204" t="s">
        <v>118</v>
      </c>
      <c r="E3204">
        <v>2019</v>
      </c>
      <c r="F3204">
        <v>2019</v>
      </c>
      <c r="G3204" t="s">
        <v>126</v>
      </c>
      <c r="H3204" t="s">
        <v>123</v>
      </c>
      <c r="I3204" t="s">
        <v>15</v>
      </c>
      <c r="J3204" s="10">
        <v>17.700375820000001</v>
      </c>
    </row>
    <row r="3205" spans="1:10" x14ac:dyDescent="0.35">
      <c r="A3205" t="s">
        <v>10</v>
      </c>
      <c r="B3205" t="s">
        <v>18</v>
      </c>
      <c r="C3205" t="s">
        <v>117</v>
      </c>
      <c r="D3205" t="s">
        <v>118</v>
      </c>
      <c r="E3205">
        <v>2019</v>
      </c>
      <c r="F3205">
        <v>2019</v>
      </c>
      <c r="G3205" t="s">
        <v>126</v>
      </c>
      <c r="H3205" t="s">
        <v>124</v>
      </c>
      <c r="I3205" t="s">
        <v>15</v>
      </c>
      <c r="J3205" s="10">
        <v>2.485814645</v>
      </c>
    </row>
    <row r="3206" spans="1:10" x14ac:dyDescent="0.35">
      <c r="A3206" t="s">
        <v>10</v>
      </c>
      <c r="B3206" t="s">
        <v>18</v>
      </c>
      <c r="C3206" t="s">
        <v>117</v>
      </c>
      <c r="D3206" t="s">
        <v>118</v>
      </c>
      <c r="E3206">
        <v>2018</v>
      </c>
      <c r="F3206">
        <v>2018</v>
      </c>
      <c r="G3206" t="s">
        <v>14</v>
      </c>
      <c r="H3206" t="s">
        <v>119</v>
      </c>
      <c r="I3206" t="s">
        <v>15</v>
      </c>
      <c r="J3206" s="10">
        <v>18.66427556</v>
      </c>
    </row>
    <row r="3207" spans="1:10" x14ac:dyDescent="0.35">
      <c r="A3207" t="s">
        <v>10</v>
      </c>
      <c r="B3207" t="s">
        <v>18</v>
      </c>
      <c r="C3207" t="s">
        <v>117</v>
      </c>
      <c r="D3207" t="s">
        <v>118</v>
      </c>
      <c r="E3207">
        <v>2018</v>
      </c>
      <c r="F3207">
        <v>2018</v>
      </c>
      <c r="G3207" t="s">
        <v>14</v>
      </c>
      <c r="H3207" t="s">
        <v>120</v>
      </c>
      <c r="I3207" t="s">
        <v>15</v>
      </c>
      <c r="J3207" s="10">
        <v>8.8194916830000007</v>
      </c>
    </row>
    <row r="3208" spans="1:10" x14ac:dyDescent="0.35">
      <c r="A3208" t="s">
        <v>10</v>
      </c>
      <c r="B3208" t="s">
        <v>18</v>
      </c>
      <c r="C3208" t="s">
        <v>117</v>
      </c>
      <c r="D3208" t="s">
        <v>118</v>
      </c>
      <c r="E3208">
        <v>2018</v>
      </c>
      <c r="F3208">
        <v>2018</v>
      </c>
      <c r="G3208" t="s">
        <v>14</v>
      </c>
      <c r="H3208" t="s">
        <v>121</v>
      </c>
      <c r="I3208" t="s">
        <v>15</v>
      </c>
      <c r="J3208" s="10">
        <v>32.069754500000002</v>
      </c>
    </row>
    <row r="3209" spans="1:10" x14ac:dyDescent="0.35">
      <c r="A3209" t="s">
        <v>10</v>
      </c>
      <c r="B3209" t="s">
        <v>18</v>
      </c>
      <c r="C3209" t="s">
        <v>117</v>
      </c>
      <c r="D3209" t="s">
        <v>118</v>
      </c>
      <c r="E3209">
        <v>2018</v>
      </c>
      <c r="F3209">
        <v>2018</v>
      </c>
      <c r="G3209" t="s">
        <v>14</v>
      </c>
      <c r="H3209" t="s">
        <v>122</v>
      </c>
      <c r="I3209" t="s">
        <v>15</v>
      </c>
      <c r="J3209" s="10">
        <v>21.762414199999998</v>
      </c>
    </row>
    <row r="3210" spans="1:10" x14ac:dyDescent="0.35">
      <c r="A3210" t="s">
        <v>10</v>
      </c>
      <c r="B3210" t="s">
        <v>18</v>
      </c>
      <c r="C3210" t="s">
        <v>117</v>
      </c>
      <c r="D3210" t="s">
        <v>118</v>
      </c>
      <c r="E3210">
        <v>2018</v>
      </c>
      <c r="F3210">
        <v>2018</v>
      </c>
      <c r="G3210" t="s">
        <v>14</v>
      </c>
      <c r="H3210" t="s">
        <v>123</v>
      </c>
      <c r="I3210" t="s">
        <v>15</v>
      </c>
      <c r="J3210" s="10">
        <v>16.708923380000002</v>
      </c>
    </row>
    <row r="3211" spans="1:10" x14ac:dyDescent="0.35">
      <c r="A3211" t="s">
        <v>10</v>
      </c>
      <c r="B3211" t="s">
        <v>18</v>
      </c>
      <c r="C3211" t="s">
        <v>117</v>
      </c>
      <c r="D3211" t="s">
        <v>118</v>
      </c>
      <c r="E3211">
        <v>2018</v>
      </c>
      <c r="F3211">
        <v>2018</v>
      </c>
      <c r="G3211" t="s">
        <v>14</v>
      </c>
      <c r="H3211" t="s">
        <v>124</v>
      </c>
      <c r="I3211" t="s">
        <v>15</v>
      </c>
      <c r="J3211" s="10">
        <v>1.9751406840000001</v>
      </c>
    </row>
    <row r="3212" spans="1:10" x14ac:dyDescent="0.35">
      <c r="A3212" t="s">
        <v>10</v>
      </c>
      <c r="B3212" t="s">
        <v>18</v>
      </c>
      <c r="C3212" t="s">
        <v>117</v>
      </c>
      <c r="D3212" t="s">
        <v>118</v>
      </c>
      <c r="E3212">
        <v>2018</v>
      </c>
      <c r="F3212">
        <v>2018</v>
      </c>
      <c r="G3212" t="s">
        <v>125</v>
      </c>
      <c r="H3212" t="s">
        <v>119</v>
      </c>
      <c r="I3212" t="s">
        <v>15</v>
      </c>
      <c r="J3212" s="10">
        <v>19.384233399999999</v>
      </c>
    </row>
    <row r="3213" spans="1:10" x14ac:dyDescent="0.35">
      <c r="A3213" t="s">
        <v>10</v>
      </c>
      <c r="B3213" t="s">
        <v>18</v>
      </c>
      <c r="C3213" t="s">
        <v>117</v>
      </c>
      <c r="D3213" t="s">
        <v>118</v>
      </c>
      <c r="E3213">
        <v>2018</v>
      </c>
      <c r="F3213">
        <v>2018</v>
      </c>
      <c r="G3213" t="s">
        <v>125</v>
      </c>
      <c r="H3213" t="s">
        <v>120</v>
      </c>
      <c r="I3213" t="s">
        <v>15</v>
      </c>
      <c r="J3213" s="10">
        <v>9.4574798260000001</v>
      </c>
    </row>
    <row r="3214" spans="1:10" x14ac:dyDescent="0.35">
      <c r="A3214" t="s">
        <v>10</v>
      </c>
      <c r="B3214" t="s">
        <v>18</v>
      </c>
      <c r="C3214" t="s">
        <v>117</v>
      </c>
      <c r="D3214" t="s">
        <v>118</v>
      </c>
      <c r="E3214">
        <v>2018</v>
      </c>
      <c r="F3214">
        <v>2018</v>
      </c>
      <c r="G3214" t="s">
        <v>125</v>
      </c>
      <c r="H3214" t="s">
        <v>121</v>
      </c>
      <c r="I3214" t="s">
        <v>15</v>
      </c>
      <c r="J3214" s="10">
        <v>31.87337058</v>
      </c>
    </row>
    <row r="3215" spans="1:10" x14ac:dyDescent="0.35">
      <c r="A3215" t="s">
        <v>10</v>
      </c>
      <c r="B3215" t="s">
        <v>18</v>
      </c>
      <c r="C3215" t="s">
        <v>117</v>
      </c>
      <c r="D3215" t="s">
        <v>118</v>
      </c>
      <c r="E3215">
        <v>2018</v>
      </c>
      <c r="F3215">
        <v>2018</v>
      </c>
      <c r="G3215" t="s">
        <v>125</v>
      </c>
      <c r="H3215" t="s">
        <v>122</v>
      </c>
      <c r="I3215" t="s">
        <v>15</v>
      </c>
      <c r="J3215" s="10">
        <v>21.554314089999998</v>
      </c>
    </row>
    <row r="3216" spans="1:10" x14ac:dyDescent="0.35">
      <c r="A3216" t="s">
        <v>10</v>
      </c>
      <c r="B3216" t="s">
        <v>18</v>
      </c>
      <c r="C3216" t="s">
        <v>117</v>
      </c>
      <c r="D3216" t="s">
        <v>118</v>
      </c>
      <c r="E3216">
        <v>2018</v>
      </c>
      <c r="F3216">
        <v>2018</v>
      </c>
      <c r="G3216" t="s">
        <v>125</v>
      </c>
      <c r="H3216" t="s">
        <v>123</v>
      </c>
      <c r="I3216" t="s">
        <v>15</v>
      </c>
      <c r="J3216" s="10">
        <v>16.253258850000002</v>
      </c>
    </row>
    <row r="3217" spans="1:10" x14ac:dyDescent="0.35">
      <c r="A3217" t="s">
        <v>10</v>
      </c>
      <c r="B3217" t="s">
        <v>18</v>
      </c>
      <c r="C3217" t="s">
        <v>117</v>
      </c>
      <c r="D3217" t="s">
        <v>118</v>
      </c>
      <c r="E3217">
        <v>2018</v>
      </c>
      <c r="F3217">
        <v>2018</v>
      </c>
      <c r="G3217" t="s">
        <v>125</v>
      </c>
      <c r="H3217" t="s">
        <v>124</v>
      </c>
      <c r="I3217" t="s">
        <v>15</v>
      </c>
      <c r="J3217" s="10">
        <v>1.477343265</v>
      </c>
    </row>
    <row r="3218" spans="1:10" x14ac:dyDescent="0.35">
      <c r="A3218" t="s">
        <v>10</v>
      </c>
      <c r="B3218" t="s">
        <v>18</v>
      </c>
      <c r="C3218" t="s">
        <v>117</v>
      </c>
      <c r="D3218" t="s">
        <v>118</v>
      </c>
      <c r="E3218">
        <v>2018</v>
      </c>
      <c r="F3218">
        <v>2018</v>
      </c>
      <c r="G3218" t="s">
        <v>126</v>
      </c>
      <c r="H3218" t="s">
        <v>119</v>
      </c>
      <c r="I3218" t="s">
        <v>15</v>
      </c>
      <c r="J3218" s="10">
        <v>17.949728929999999</v>
      </c>
    </row>
    <row r="3219" spans="1:10" x14ac:dyDescent="0.35">
      <c r="A3219" t="s">
        <v>10</v>
      </c>
      <c r="B3219" t="s">
        <v>18</v>
      </c>
      <c r="C3219" t="s">
        <v>117</v>
      </c>
      <c r="D3219" t="s">
        <v>118</v>
      </c>
      <c r="E3219">
        <v>2018</v>
      </c>
      <c r="F3219">
        <v>2018</v>
      </c>
      <c r="G3219" t="s">
        <v>126</v>
      </c>
      <c r="H3219" t="s">
        <v>120</v>
      </c>
      <c r="I3219" t="s">
        <v>15</v>
      </c>
      <c r="J3219" s="10">
        <v>8.1862986689999993</v>
      </c>
    </row>
    <row r="3220" spans="1:10" x14ac:dyDescent="0.35">
      <c r="A3220" t="s">
        <v>10</v>
      </c>
      <c r="B3220" t="s">
        <v>18</v>
      </c>
      <c r="C3220" t="s">
        <v>117</v>
      </c>
      <c r="D3220" t="s">
        <v>118</v>
      </c>
      <c r="E3220">
        <v>2018</v>
      </c>
      <c r="F3220">
        <v>2018</v>
      </c>
      <c r="G3220" t="s">
        <v>126</v>
      </c>
      <c r="H3220" t="s">
        <v>121</v>
      </c>
      <c r="I3220" t="s">
        <v>15</v>
      </c>
      <c r="J3220" s="10">
        <v>32.264662399999999</v>
      </c>
    </row>
    <row r="3221" spans="1:10" x14ac:dyDescent="0.35">
      <c r="A3221" t="s">
        <v>10</v>
      </c>
      <c r="B3221" t="s">
        <v>18</v>
      </c>
      <c r="C3221" t="s">
        <v>117</v>
      </c>
      <c r="D3221" t="s">
        <v>118</v>
      </c>
      <c r="E3221">
        <v>2018</v>
      </c>
      <c r="F3221">
        <v>2018</v>
      </c>
      <c r="G3221" t="s">
        <v>126</v>
      </c>
      <c r="H3221" t="s">
        <v>122</v>
      </c>
      <c r="I3221" t="s">
        <v>15</v>
      </c>
      <c r="J3221" s="10">
        <v>21.96895022</v>
      </c>
    </row>
    <row r="3222" spans="1:10" x14ac:dyDescent="0.35">
      <c r="A3222" t="s">
        <v>10</v>
      </c>
      <c r="B3222" t="s">
        <v>18</v>
      </c>
      <c r="C3222" t="s">
        <v>117</v>
      </c>
      <c r="D3222" t="s">
        <v>118</v>
      </c>
      <c r="E3222">
        <v>2018</v>
      </c>
      <c r="F3222">
        <v>2018</v>
      </c>
      <c r="G3222" t="s">
        <v>126</v>
      </c>
      <c r="H3222" t="s">
        <v>123</v>
      </c>
      <c r="I3222" t="s">
        <v>15</v>
      </c>
      <c r="J3222" s="10">
        <v>17.161163129999998</v>
      </c>
    </row>
    <row r="3223" spans="1:10" x14ac:dyDescent="0.35">
      <c r="A3223" t="s">
        <v>10</v>
      </c>
      <c r="B3223" t="s">
        <v>18</v>
      </c>
      <c r="C3223" t="s">
        <v>117</v>
      </c>
      <c r="D3223" t="s">
        <v>118</v>
      </c>
      <c r="E3223">
        <v>2018</v>
      </c>
      <c r="F3223">
        <v>2018</v>
      </c>
      <c r="G3223" t="s">
        <v>126</v>
      </c>
      <c r="H3223" t="s">
        <v>124</v>
      </c>
      <c r="I3223" t="s">
        <v>15</v>
      </c>
      <c r="J3223" s="10">
        <v>2.4691966490000001</v>
      </c>
    </row>
    <row r="3224" spans="1:10" x14ac:dyDescent="0.35">
      <c r="A3224" t="s">
        <v>10</v>
      </c>
      <c r="B3224" t="s">
        <v>18</v>
      </c>
      <c r="C3224" t="s">
        <v>117</v>
      </c>
      <c r="D3224" t="s">
        <v>118</v>
      </c>
      <c r="E3224">
        <v>2017</v>
      </c>
      <c r="F3224">
        <v>2017</v>
      </c>
      <c r="G3224" t="s">
        <v>14</v>
      </c>
      <c r="H3224" t="s">
        <v>119</v>
      </c>
      <c r="I3224" t="s">
        <v>15</v>
      </c>
      <c r="J3224" s="10">
        <v>18.496952279999999</v>
      </c>
    </row>
    <row r="3225" spans="1:10" x14ac:dyDescent="0.35">
      <c r="A3225" t="s">
        <v>10</v>
      </c>
      <c r="B3225" t="s">
        <v>18</v>
      </c>
      <c r="C3225" t="s">
        <v>117</v>
      </c>
      <c r="D3225" t="s">
        <v>118</v>
      </c>
      <c r="E3225">
        <v>2017</v>
      </c>
      <c r="F3225">
        <v>2017</v>
      </c>
      <c r="G3225" t="s">
        <v>14</v>
      </c>
      <c r="H3225" t="s">
        <v>120</v>
      </c>
      <c r="I3225" t="s">
        <v>15</v>
      </c>
      <c r="J3225" s="10">
        <v>9.1567966700000003</v>
      </c>
    </row>
    <row r="3226" spans="1:10" x14ac:dyDescent="0.35">
      <c r="A3226" t="s">
        <v>10</v>
      </c>
      <c r="B3226" t="s">
        <v>18</v>
      </c>
      <c r="C3226" t="s">
        <v>117</v>
      </c>
      <c r="D3226" t="s">
        <v>118</v>
      </c>
      <c r="E3226">
        <v>2017</v>
      </c>
      <c r="F3226">
        <v>2017</v>
      </c>
      <c r="G3226" t="s">
        <v>14</v>
      </c>
      <c r="H3226" t="s">
        <v>121</v>
      </c>
      <c r="I3226" t="s">
        <v>15</v>
      </c>
      <c r="J3226" s="10">
        <v>32.536300109999999</v>
      </c>
    </row>
    <row r="3227" spans="1:10" x14ac:dyDescent="0.35">
      <c r="A3227" t="s">
        <v>10</v>
      </c>
      <c r="B3227" t="s">
        <v>18</v>
      </c>
      <c r="C3227" t="s">
        <v>117</v>
      </c>
      <c r="D3227" t="s">
        <v>118</v>
      </c>
      <c r="E3227">
        <v>2017</v>
      </c>
      <c r="F3227">
        <v>2017</v>
      </c>
      <c r="G3227" t="s">
        <v>14</v>
      </c>
      <c r="H3227" t="s">
        <v>122</v>
      </c>
      <c r="I3227" t="s">
        <v>15</v>
      </c>
      <c r="J3227" s="10">
        <v>21.576886859999998</v>
      </c>
    </row>
    <row r="3228" spans="1:10" x14ac:dyDescent="0.35">
      <c r="A3228" t="s">
        <v>10</v>
      </c>
      <c r="B3228" t="s">
        <v>18</v>
      </c>
      <c r="C3228" t="s">
        <v>117</v>
      </c>
      <c r="D3228" t="s">
        <v>118</v>
      </c>
      <c r="E3228">
        <v>2017</v>
      </c>
      <c r="F3228">
        <v>2017</v>
      </c>
      <c r="G3228" t="s">
        <v>14</v>
      </c>
      <c r="H3228" t="s">
        <v>123</v>
      </c>
      <c r="I3228" t="s">
        <v>15</v>
      </c>
      <c r="J3228" s="10">
        <v>16.313989790000001</v>
      </c>
    </row>
    <row r="3229" spans="1:10" x14ac:dyDescent="0.35">
      <c r="A3229" t="s">
        <v>10</v>
      </c>
      <c r="B3229" t="s">
        <v>18</v>
      </c>
      <c r="C3229" t="s">
        <v>117</v>
      </c>
      <c r="D3229" t="s">
        <v>118</v>
      </c>
      <c r="E3229">
        <v>2017</v>
      </c>
      <c r="F3229">
        <v>2017</v>
      </c>
      <c r="G3229" t="s">
        <v>14</v>
      </c>
      <c r="H3229" t="s">
        <v>124</v>
      </c>
      <c r="I3229" t="s">
        <v>15</v>
      </c>
      <c r="J3229" s="10">
        <v>1.919074285</v>
      </c>
    </row>
    <row r="3230" spans="1:10" x14ac:dyDescent="0.35">
      <c r="A3230" t="s">
        <v>10</v>
      </c>
      <c r="B3230" t="s">
        <v>18</v>
      </c>
      <c r="C3230" t="s">
        <v>117</v>
      </c>
      <c r="D3230" t="s">
        <v>118</v>
      </c>
      <c r="E3230">
        <v>2017</v>
      </c>
      <c r="F3230">
        <v>2017</v>
      </c>
      <c r="G3230" t="s">
        <v>125</v>
      </c>
      <c r="H3230" t="s">
        <v>119</v>
      </c>
      <c r="I3230" t="s">
        <v>15</v>
      </c>
      <c r="J3230" s="10">
        <v>19.196217489999999</v>
      </c>
    </row>
    <row r="3231" spans="1:10" x14ac:dyDescent="0.35">
      <c r="A3231" t="s">
        <v>10</v>
      </c>
      <c r="B3231" t="s">
        <v>18</v>
      </c>
      <c r="C3231" t="s">
        <v>117</v>
      </c>
      <c r="D3231" t="s">
        <v>118</v>
      </c>
      <c r="E3231">
        <v>2017</v>
      </c>
      <c r="F3231">
        <v>2017</v>
      </c>
      <c r="G3231" t="s">
        <v>125</v>
      </c>
      <c r="H3231" t="s">
        <v>120</v>
      </c>
      <c r="I3231" t="s">
        <v>15</v>
      </c>
      <c r="J3231" s="10">
        <v>9.6852059229999998</v>
      </c>
    </row>
    <row r="3232" spans="1:10" x14ac:dyDescent="0.35">
      <c r="A3232" t="s">
        <v>10</v>
      </c>
      <c r="B3232" t="s">
        <v>18</v>
      </c>
      <c r="C3232" t="s">
        <v>117</v>
      </c>
      <c r="D3232" t="s">
        <v>118</v>
      </c>
      <c r="E3232">
        <v>2017</v>
      </c>
      <c r="F3232">
        <v>2017</v>
      </c>
      <c r="G3232" t="s">
        <v>125</v>
      </c>
      <c r="H3232" t="s">
        <v>121</v>
      </c>
      <c r="I3232" t="s">
        <v>15</v>
      </c>
      <c r="J3232" s="10">
        <v>32.390195349999999</v>
      </c>
    </row>
    <row r="3233" spans="1:10" x14ac:dyDescent="0.35">
      <c r="A3233" t="s">
        <v>10</v>
      </c>
      <c r="B3233" t="s">
        <v>18</v>
      </c>
      <c r="C3233" t="s">
        <v>117</v>
      </c>
      <c r="D3233" t="s">
        <v>118</v>
      </c>
      <c r="E3233">
        <v>2017</v>
      </c>
      <c r="F3233">
        <v>2017</v>
      </c>
      <c r="G3233" t="s">
        <v>125</v>
      </c>
      <c r="H3233" t="s">
        <v>122</v>
      </c>
      <c r="I3233" t="s">
        <v>15</v>
      </c>
      <c r="J3233" s="10">
        <v>21.353738960000001</v>
      </c>
    </row>
    <row r="3234" spans="1:10" x14ac:dyDescent="0.35">
      <c r="A3234" t="s">
        <v>10</v>
      </c>
      <c r="B3234" t="s">
        <v>18</v>
      </c>
      <c r="C3234" t="s">
        <v>117</v>
      </c>
      <c r="D3234" t="s">
        <v>118</v>
      </c>
      <c r="E3234">
        <v>2017</v>
      </c>
      <c r="F3234">
        <v>2017</v>
      </c>
      <c r="G3234" t="s">
        <v>125</v>
      </c>
      <c r="H3234" t="s">
        <v>123</v>
      </c>
      <c r="I3234" t="s">
        <v>15</v>
      </c>
      <c r="J3234" s="10">
        <v>15.951225579999999</v>
      </c>
    </row>
    <row r="3235" spans="1:10" x14ac:dyDescent="0.35">
      <c r="A3235" t="s">
        <v>10</v>
      </c>
      <c r="B3235" t="s">
        <v>18</v>
      </c>
      <c r="C3235" t="s">
        <v>117</v>
      </c>
      <c r="D3235" t="s">
        <v>118</v>
      </c>
      <c r="E3235">
        <v>2017</v>
      </c>
      <c r="F3235">
        <v>2017</v>
      </c>
      <c r="G3235" t="s">
        <v>125</v>
      </c>
      <c r="H3235" t="s">
        <v>124</v>
      </c>
      <c r="I3235" t="s">
        <v>15</v>
      </c>
      <c r="J3235" s="10">
        <v>1.423416698</v>
      </c>
    </row>
    <row r="3236" spans="1:10" x14ac:dyDescent="0.35">
      <c r="A3236" t="s">
        <v>10</v>
      </c>
      <c r="B3236" t="s">
        <v>18</v>
      </c>
      <c r="C3236" t="s">
        <v>117</v>
      </c>
      <c r="D3236" t="s">
        <v>118</v>
      </c>
      <c r="E3236">
        <v>2017</v>
      </c>
      <c r="F3236">
        <v>2017</v>
      </c>
      <c r="G3236" t="s">
        <v>126</v>
      </c>
      <c r="H3236" t="s">
        <v>119</v>
      </c>
      <c r="I3236" t="s">
        <v>15</v>
      </c>
      <c r="J3236" s="10">
        <v>17.803656459999999</v>
      </c>
    </row>
    <row r="3237" spans="1:10" x14ac:dyDescent="0.35">
      <c r="A3237" t="s">
        <v>10</v>
      </c>
      <c r="B3237" t="s">
        <v>18</v>
      </c>
      <c r="C3237" t="s">
        <v>117</v>
      </c>
      <c r="D3237" t="s">
        <v>118</v>
      </c>
      <c r="E3237">
        <v>2017</v>
      </c>
      <c r="F3237">
        <v>2017</v>
      </c>
      <c r="G3237" t="s">
        <v>126</v>
      </c>
      <c r="H3237" t="s">
        <v>120</v>
      </c>
      <c r="I3237" t="s">
        <v>15</v>
      </c>
      <c r="J3237" s="10">
        <v>8.6328982750000005</v>
      </c>
    </row>
    <row r="3238" spans="1:10" x14ac:dyDescent="0.35">
      <c r="A3238" t="s">
        <v>10</v>
      </c>
      <c r="B3238" t="s">
        <v>18</v>
      </c>
      <c r="C3238" t="s">
        <v>117</v>
      </c>
      <c r="D3238" t="s">
        <v>118</v>
      </c>
      <c r="E3238">
        <v>2017</v>
      </c>
      <c r="F3238">
        <v>2017</v>
      </c>
      <c r="G3238" t="s">
        <v>126</v>
      </c>
      <c r="H3238" t="s">
        <v>121</v>
      </c>
      <c r="I3238" t="s">
        <v>15</v>
      </c>
      <c r="J3238" s="10">
        <v>32.681157630000001</v>
      </c>
    </row>
    <row r="3239" spans="1:10" x14ac:dyDescent="0.35">
      <c r="A3239" t="s">
        <v>10</v>
      </c>
      <c r="B3239" t="s">
        <v>18</v>
      </c>
      <c r="C3239" t="s">
        <v>117</v>
      </c>
      <c r="D3239" t="s">
        <v>118</v>
      </c>
      <c r="E3239">
        <v>2017</v>
      </c>
      <c r="F3239">
        <v>2017</v>
      </c>
      <c r="G3239" t="s">
        <v>126</v>
      </c>
      <c r="H3239" t="s">
        <v>122</v>
      </c>
      <c r="I3239" t="s">
        <v>15</v>
      </c>
      <c r="J3239" s="10">
        <v>21.798129830000001</v>
      </c>
    </row>
    <row r="3240" spans="1:10" x14ac:dyDescent="0.35">
      <c r="A3240" t="s">
        <v>10</v>
      </c>
      <c r="B3240" t="s">
        <v>18</v>
      </c>
      <c r="C3240" t="s">
        <v>117</v>
      </c>
      <c r="D3240" t="s">
        <v>118</v>
      </c>
      <c r="E3240">
        <v>2017</v>
      </c>
      <c r="F3240">
        <v>2017</v>
      </c>
      <c r="G3240" t="s">
        <v>126</v>
      </c>
      <c r="H3240" t="s">
        <v>123</v>
      </c>
      <c r="I3240" t="s">
        <v>15</v>
      </c>
      <c r="J3240" s="10">
        <v>16.673657200000001</v>
      </c>
    </row>
    <row r="3241" spans="1:10" x14ac:dyDescent="0.35">
      <c r="A3241" t="s">
        <v>10</v>
      </c>
      <c r="B3241" t="s">
        <v>18</v>
      </c>
      <c r="C3241" t="s">
        <v>117</v>
      </c>
      <c r="D3241" t="s">
        <v>118</v>
      </c>
      <c r="E3241">
        <v>2017</v>
      </c>
      <c r="F3241">
        <v>2017</v>
      </c>
      <c r="G3241" t="s">
        <v>126</v>
      </c>
      <c r="H3241" t="s">
        <v>124</v>
      </c>
      <c r="I3241" t="s">
        <v>15</v>
      </c>
      <c r="J3241" s="10">
        <v>2.4105006040000001</v>
      </c>
    </row>
    <row r="3242" spans="1:10" x14ac:dyDescent="0.35">
      <c r="A3242" t="s">
        <v>10</v>
      </c>
      <c r="B3242" t="s">
        <v>18</v>
      </c>
      <c r="C3242" t="s">
        <v>117</v>
      </c>
      <c r="D3242" t="s">
        <v>118</v>
      </c>
      <c r="E3242">
        <v>2016</v>
      </c>
      <c r="F3242">
        <v>2016</v>
      </c>
      <c r="G3242" t="s">
        <v>14</v>
      </c>
      <c r="H3242" t="s">
        <v>119</v>
      </c>
      <c r="I3242" t="s">
        <v>15</v>
      </c>
      <c r="J3242" s="10">
        <v>18.47606287</v>
      </c>
    </row>
    <row r="3243" spans="1:10" x14ac:dyDescent="0.35">
      <c r="A3243" t="s">
        <v>10</v>
      </c>
      <c r="B3243" t="s">
        <v>18</v>
      </c>
      <c r="C3243" t="s">
        <v>117</v>
      </c>
      <c r="D3243" t="s">
        <v>118</v>
      </c>
      <c r="E3243">
        <v>2016</v>
      </c>
      <c r="F3243">
        <v>2016</v>
      </c>
      <c r="G3243" t="s">
        <v>14</v>
      </c>
      <c r="H3243" t="s">
        <v>120</v>
      </c>
      <c r="I3243" t="s">
        <v>15</v>
      </c>
      <c r="J3243" s="10">
        <v>9.3751163050000006</v>
      </c>
    </row>
    <row r="3244" spans="1:10" x14ac:dyDescent="0.35">
      <c r="A3244" t="s">
        <v>10</v>
      </c>
      <c r="B3244" t="s">
        <v>18</v>
      </c>
      <c r="C3244" t="s">
        <v>117</v>
      </c>
      <c r="D3244" t="s">
        <v>118</v>
      </c>
      <c r="E3244">
        <v>2016</v>
      </c>
      <c r="F3244">
        <v>2016</v>
      </c>
      <c r="G3244" t="s">
        <v>14</v>
      </c>
      <c r="H3244" t="s">
        <v>121</v>
      </c>
      <c r="I3244" t="s">
        <v>15</v>
      </c>
      <c r="J3244" s="10">
        <v>33.035592440000002</v>
      </c>
    </row>
    <row r="3245" spans="1:10" x14ac:dyDescent="0.35">
      <c r="A3245" t="s">
        <v>10</v>
      </c>
      <c r="B3245" t="s">
        <v>18</v>
      </c>
      <c r="C3245" t="s">
        <v>117</v>
      </c>
      <c r="D3245" t="s">
        <v>118</v>
      </c>
      <c r="E3245">
        <v>2016</v>
      </c>
      <c r="F3245">
        <v>2016</v>
      </c>
      <c r="G3245" t="s">
        <v>14</v>
      </c>
      <c r="H3245" t="s">
        <v>122</v>
      </c>
      <c r="I3245" t="s">
        <v>15</v>
      </c>
      <c r="J3245" s="10">
        <v>21.34430012</v>
      </c>
    </row>
    <row r="3246" spans="1:10" x14ac:dyDescent="0.35">
      <c r="A3246" t="s">
        <v>10</v>
      </c>
      <c r="B3246" t="s">
        <v>18</v>
      </c>
      <c r="C3246" t="s">
        <v>117</v>
      </c>
      <c r="D3246" t="s">
        <v>118</v>
      </c>
      <c r="E3246">
        <v>2016</v>
      </c>
      <c r="F3246">
        <v>2016</v>
      </c>
      <c r="G3246" t="s">
        <v>14</v>
      </c>
      <c r="H3246" t="s">
        <v>123</v>
      </c>
      <c r="I3246" t="s">
        <v>15</v>
      </c>
      <c r="J3246" s="10">
        <v>15.87951419</v>
      </c>
    </row>
    <row r="3247" spans="1:10" x14ac:dyDescent="0.35">
      <c r="A3247" t="s">
        <v>10</v>
      </c>
      <c r="B3247" t="s">
        <v>18</v>
      </c>
      <c r="C3247" t="s">
        <v>117</v>
      </c>
      <c r="D3247" t="s">
        <v>118</v>
      </c>
      <c r="E3247">
        <v>2016</v>
      </c>
      <c r="F3247">
        <v>2016</v>
      </c>
      <c r="G3247" t="s">
        <v>14</v>
      </c>
      <c r="H3247" t="s">
        <v>124</v>
      </c>
      <c r="I3247" t="s">
        <v>15</v>
      </c>
      <c r="J3247" s="10">
        <v>1.889414071</v>
      </c>
    </row>
    <row r="3248" spans="1:10" x14ac:dyDescent="0.35">
      <c r="A3248" t="s">
        <v>10</v>
      </c>
      <c r="B3248" t="s">
        <v>18</v>
      </c>
      <c r="C3248" t="s">
        <v>117</v>
      </c>
      <c r="D3248" t="s">
        <v>118</v>
      </c>
      <c r="E3248">
        <v>2016</v>
      </c>
      <c r="F3248">
        <v>2016</v>
      </c>
      <c r="G3248" t="s">
        <v>125</v>
      </c>
      <c r="H3248" t="s">
        <v>119</v>
      </c>
      <c r="I3248" t="s">
        <v>15</v>
      </c>
      <c r="J3248" s="10">
        <v>19.033240169999999</v>
      </c>
    </row>
    <row r="3249" spans="1:10" x14ac:dyDescent="0.35">
      <c r="A3249" t="s">
        <v>10</v>
      </c>
      <c r="B3249" t="s">
        <v>18</v>
      </c>
      <c r="C3249" t="s">
        <v>117</v>
      </c>
      <c r="D3249" t="s">
        <v>118</v>
      </c>
      <c r="E3249">
        <v>2016</v>
      </c>
      <c r="F3249">
        <v>2016</v>
      </c>
      <c r="G3249" t="s">
        <v>125</v>
      </c>
      <c r="H3249" t="s">
        <v>120</v>
      </c>
      <c r="I3249" t="s">
        <v>15</v>
      </c>
      <c r="J3249" s="10">
        <v>9.8722299860000007</v>
      </c>
    </row>
    <row r="3250" spans="1:10" x14ac:dyDescent="0.35">
      <c r="A3250" t="s">
        <v>10</v>
      </c>
      <c r="B3250" t="s">
        <v>18</v>
      </c>
      <c r="C3250" t="s">
        <v>117</v>
      </c>
      <c r="D3250" t="s">
        <v>118</v>
      </c>
      <c r="E3250">
        <v>2016</v>
      </c>
      <c r="F3250">
        <v>2016</v>
      </c>
      <c r="G3250" t="s">
        <v>125</v>
      </c>
      <c r="H3250" t="s">
        <v>121</v>
      </c>
      <c r="I3250" t="s">
        <v>15</v>
      </c>
      <c r="J3250" s="10">
        <v>32.983130369999998</v>
      </c>
    </row>
    <row r="3251" spans="1:10" x14ac:dyDescent="0.35">
      <c r="A3251" t="s">
        <v>10</v>
      </c>
      <c r="B3251" t="s">
        <v>18</v>
      </c>
      <c r="C3251" t="s">
        <v>117</v>
      </c>
      <c r="D3251" t="s">
        <v>118</v>
      </c>
      <c r="E3251">
        <v>2016</v>
      </c>
      <c r="F3251">
        <v>2016</v>
      </c>
      <c r="G3251" t="s">
        <v>125</v>
      </c>
      <c r="H3251" t="s">
        <v>122</v>
      </c>
      <c r="I3251" t="s">
        <v>15</v>
      </c>
      <c r="J3251" s="10">
        <v>21.18436814</v>
      </c>
    </row>
    <row r="3252" spans="1:10" x14ac:dyDescent="0.35">
      <c r="A3252" t="s">
        <v>10</v>
      </c>
      <c r="B3252" t="s">
        <v>18</v>
      </c>
      <c r="C3252" t="s">
        <v>117</v>
      </c>
      <c r="D3252" t="s">
        <v>118</v>
      </c>
      <c r="E3252">
        <v>2016</v>
      </c>
      <c r="F3252">
        <v>2016</v>
      </c>
      <c r="G3252" t="s">
        <v>125</v>
      </c>
      <c r="H3252" t="s">
        <v>123</v>
      </c>
      <c r="I3252" t="s">
        <v>15</v>
      </c>
      <c r="J3252" s="10">
        <v>15.50958275</v>
      </c>
    </row>
    <row r="3253" spans="1:10" x14ac:dyDescent="0.35">
      <c r="A3253" t="s">
        <v>10</v>
      </c>
      <c r="B3253" t="s">
        <v>18</v>
      </c>
      <c r="C3253" t="s">
        <v>117</v>
      </c>
      <c r="D3253" t="s">
        <v>118</v>
      </c>
      <c r="E3253">
        <v>2016</v>
      </c>
      <c r="F3253">
        <v>2016</v>
      </c>
      <c r="G3253" t="s">
        <v>125</v>
      </c>
      <c r="H3253" t="s">
        <v>124</v>
      </c>
      <c r="I3253" t="s">
        <v>15</v>
      </c>
      <c r="J3253" s="10">
        <v>1.417448593</v>
      </c>
    </row>
    <row r="3254" spans="1:10" x14ac:dyDescent="0.35">
      <c r="A3254" t="s">
        <v>10</v>
      </c>
      <c r="B3254" t="s">
        <v>18</v>
      </c>
      <c r="C3254" t="s">
        <v>117</v>
      </c>
      <c r="D3254" t="s">
        <v>118</v>
      </c>
      <c r="E3254">
        <v>2016</v>
      </c>
      <c r="F3254">
        <v>2016</v>
      </c>
      <c r="G3254" t="s">
        <v>126</v>
      </c>
      <c r="H3254" t="s">
        <v>119</v>
      </c>
      <c r="I3254" t="s">
        <v>15</v>
      </c>
      <c r="J3254" s="10">
        <v>17.925249780000001</v>
      </c>
    </row>
    <row r="3255" spans="1:10" x14ac:dyDescent="0.35">
      <c r="A3255" t="s">
        <v>10</v>
      </c>
      <c r="B3255" t="s">
        <v>18</v>
      </c>
      <c r="C3255" t="s">
        <v>117</v>
      </c>
      <c r="D3255" t="s">
        <v>118</v>
      </c>
      <c r="E3255">
        <v>2016</v>
      </c>
      <c r="F3255">
        <v>2016</v>
      </c>
      <c r="G3255" t="s">
        <v>126</v>
      </c>
      <c r="H3255" t="s">
        <v>120</v>
      </c>
      <c r="I3255" t="s">
        <v>15</v>
      </c>
      <c r="J3255" s="10">
        <v>8.8836807699999998</v>
      </c>
    </row>
    <row r="3256" spans="1:10" x14ac:dyDescent="0.35">
      <c r="A3256" t="s">
        <v>10</v>
      </c>
      <c r="B3256" t="s">
        <v>18</v>
      </c>
      <c r="C3256" t="s">
        <v>117</v>
      </c>
      <c r="D3256" t="s">
        <v>118</v>
      </c>
      <c r="E3256">
        <v>2016</v>
      </c>
      <c r="F3256">
        <v>2016</v>
      </c>
      <c r="G3256" t="s">
        <v>126</v>
      </c>
      <c r="H3256" t="s">
        <v>121</v>
      </c>
      <c r="I3256" t="s">
        <v>15</v>
      </c>
      <c r="J3256" s="10">
        <v>33.087455290000001</v>
      </c>
    </row>
    <row r="3257" spans="1:10" x14ac:dyDescent="0.35">
      <c r="A3257" t="s">
        <v>10</v>
      </c>
      <c r="B3257" t="s">
        <v>18</v>
      </c>
      <c r="C3257" t="s">
        <v>117</v>
      </c>
      <c r="D3257" t="s">
        <v>118</v>
      </c>
      <c r="E3257">
        <v>2016</v>
      </c>
      <c r="F3257">
        <v>2016</v>
      </c>
      <c r="G3257" t="s">
        <v>126</v>
      </c>
      <c r="H3257" t="s">
        <v>122</v>
      </c>
      <c r="I3257" t="s">
        <v>15</v>
      </c>
      <c r="J3257" s="10">
        <v>21.502405329999998</v>
      </c>
    </row>
    <row r="3258" spans="1:10" x14ac:dyDescent="0.35">
      <c r="A3258" t="s">
        <v>10</v>
      </c>
      <c r="B3258" t="s">
        <v>18</v>
      </c>
      <c r="C3258" t="s">
        <v>117</v>
      </c>
      <c r="D3258" t="s">
        <v>118</v>
      </c>
      <c r="E3258">
        <v>2016</v>
      </c>
      <c r="F3258">
        <v>2016</v>
      </c>
      <c r="G3258" t="s">
        <v>126</v>
      </c>
      <c r="H3258" t="s">
        <v>123</v>
      </c>
      <c r="I3258" t="s">
        <v>15</v>
      </c>
      <c r="J3258" s="10">
        <v>16.24522018</v>
      </c>
    </row>
    <row r="3259" spans="1:10" x14ac:dyDescent="0.35">
      <c r="A3259" t="s">
        <v>10</v>
      </c>
      <c r="B3259" t="s">
        <v>18</v>
      </c>
      <c r="C3259" t="s">
        <v>117</v>
      </c>
      <c r="D3259" t="s">
        <v>118</v>
      </c>
      <c r="E3259">
        <v>2016</v>
      </c>
      <c r="F3259">
        <v>2016</v>
      </c>
      <c r="G3259" t="s">
        <v>126</v>
      </c>
      <c r="H3259" t="s">
        <v>124</v>
      </c>
      <c r="I3259" t="s">
        <v>15</v>
      </c>
      <c r="J3259" s="10">
        <v>2.3559886520000002</v>
      </c>
    </row>
    <row r="3260" spans="1:10" x14ac:dyDescent="0.35">
      <c r="A3260" t="s">
        <v>10</v>
      </c>
      <c r="B3260" t="s">
        <v>18</v>
      </c>
      <c r="C3260" t="s">
        <v>117</v>
      </c>
      <c r="D3260" t="s">
        <v>118</v>
      </c>
      <c r="E3260">
        <v>2015</v>
      </c>
      <c r="F3260">
        <v>2015</v>
      </c>
      <c r="G3260" t="s">
        <v>14</v>
      </c>
      <c r="H3260" t="s">
        <v>119</v>
      </c>
      <c r="I3260" t="s">
        <v>15</v>
      </c>
      <c r="J3260" s="10">
        <v>18.430811349999999</v>
      </c>
    </row>
    <row r="3261" spans="1:10" x14ac:dyDescent="0.35">
      <c r="A3261" t="s">
        <v>10</v>
      </c>
      <c r="B3261" t="s">
        <v>18</v>
      </c>
      <c r="C3261" t="s">
        <v>117</v>
      </c>
      <c r="D3261" t="s">
        <v>118</v>
      </c>
      <c r="E3261">
        <v>2015</v>
      </c>
      <c r="F3261">
        <v>2015</v>
      </c>
      <c r="G3261" t="s">
        <v>14</v>
      </c>
      <c r="H3261" t="s">
        <v>120</v>
      </c>
      <c r="I3261" t="s">
        <v>15</v>
      </c>
      <c r="J3261" s="10">
        <v>9.5271279240000002</v>
      </c>
    </row>
    <row r="3262" spans="1:10" x14ac:dyDescent="0.35">
      <c r="A3262" t="s">
        <v>10</v>
      </c>
      <c r="B3262" t="s">
        <v>18</v>
      </c>
      <c r="C3262" t="s">
        <v>117</v>
      </c>
      <c r="D3262" t="s">
        <v>118</v>
      </c>
      <c r="E3262">
        <v>2015</v>
      </c>
      <c r="F3262">
        <v>2015</v>
      </c>
      <c r="G3262" t="s">
        <v>14</v>
      </c>
      <c r="H3262" t="s">
        <v>121</v>
      </c>
      <c r="I3262" t="s">
        <v>15</v>
      </c>
      <c r="J3262" s="10">
        <v>33.461921349999997</v>
      </c>
    </row>
    <row r="3263" spans="1:10" x14ac:dyDescent="0.35">
      <c r="A3263" t="s">
        <v>10</v>
      </c>
      <c r="B3263" t="s">
        <v>18</v>
      </c>
      <c r="C3263" t="s">
        <v>117</v>
      </c>
      <c r="D3263" t="s">
        <v>118</v>
      </c>
      <c r="E3263">
        <v>2015</v>
      </c>
      <c r="F3263">
        <v>2015</v>
      </c>
      <c r="G3263" t="s">
        <v>14</v>
      </c>
      <c r="H3263" t="s">
        <v>122</v>
      </c>
      <c r="I3263" t="s">
        <v>15</v>
      </c>
      <c r="J3263" s="10">
        <v>21.226978599999999</v>
      </c>
    </row>
    <row r="3264" spans="1:10" x14ac:dyDescent="0.35">
      <c r="A3264" t="s">
        <v>10</v>
      </c>
      <c r="B3264" t="s">
        <v>18</v>
      </c>
      <c r="C3264" t="s">
        <v>117</v>
      </c>
      <c r="D3264" t="s">
        <v>118</v>
      </c>
      <c r="E3264">
        <v>2015</v>
      </c>
      <c r="F3264">
        <v>2015</v>
      </c>
      <c r="G3264" t="s">
        <v>14</v>
      </c>
      <c r="H3264" t="s">
        <v>123</v>
      </c>
      <c r="I3264" t="s">
        <v>15</v>
      </c>
      <c r="J3264" s="10">
        <v>15.50895968</v>
      </c>
    </row>
    <row r="3265" spans="1:10" x14ac:dyDescent="0.35">
      <c r="A3265" t="s">
        <v>10</v>
      </c>
      <c r="B3265" t="s">
        <v>18</v>
      </c>
      <c r="C3265" t="s">
        <v>117</v>
      </c>
      <c r="D3265" t="s">
        <v>118</v>
      </c>
      <c r="E3265">
        <v>2015</v>
      </c>
      <c r="F3265">
        <v>2015</v>
      </c>
      <c r="G3265" t="s">
        <v>14</v>
      </c>
      <c r="H3265" t="s">
        <v>124</v>
      </c>
      <c r="I3265" t="s">
        <v>15</v>
      </c>
      <c r="J3265" s="10">
        <v>1.8442010950000001</v>
      </c>
    </row>
    <row r="3266" spans="1:10" x14ac:dyDescent="0.35">
      <c r="A3266" t="s">
        <v>10</v>
      </c>
      <c r="B3266" t="s">
        <v>18</v>
      </c>
      <c r="C3266" t="s">
        <v>117</v>
      </c>
      <c r="D3266" t="s">
        <v>118</v>
      </c>
      <c r="E3266">
        <v>2015</v>
      </c>
      <c r="F3266">
        <v>2015</v>
      </c>
      <c r="G3266" t="s">
        <v>125</v>
      </c>
      <c r="H3266" t="s">
        <v>119</v>
      </c>
      <c r="I3266" t="s">
        <v>15</v>
      </c>
      <c r="J3266" s="10">
        <v>19.079309479999999</v>
      </c>
    </row>
    <row r="3267" spans="1:10" x14ac:dyDescent="0.35">
      <c r="A3267" t="s">
        <v>10</v>
      </c>
      <c r="B3267" t="s">
        <v>18</v>
      </c>
      <c r="C3267" t="s">
        <v>117</v>
      </c>
      <c r="D3267" t="s">
        <v>118</v>
      </c>
      <c r="E3267">
        <v>2015</v>
      </c>
      <c r="F3267">
        <v>2015</v>
      </c>
      <c r="G3267" t="s">
        <v>125</v>
      </c>
      <c r="H3267" t="s">
        <v>120</v>
      </c>
      <c r="I3267" t="s">
        <v>15</v>
      </c>
      <c r="J3267" s="10">
        <v>10.00500375</v>
      </c>
    </row>
    <row r="3268" spans="1:10" x14ac:dyDescent="0.35">
      <c r="A3268" t="s">
        <v>10</v>
      </c>
      <c r="B3268" t="s">
        <v>18</v>
      </c>
      <c r="C3268" t="s">
        <v>117</v>
      </c>
      <c r="D3268" t="s">
        <v>118</v>
      </c>
      <c r="E3268">
        <v>2015</v>
      </c>
      <c r="F3268">
        <v>2015</v>
      </c>
      <c r="G3268" t="s">
        <v>125</v>
      </c>
      <c r="H3268" t="s">
        <v>121</v>
      </c>
      <c r="I3268" t="s">
        <v>15</v>
      </c>
      <c r="J3268" s="10">
        <v>33.352514390000003</v>
      </c>
    </row>
    <row r="3269" spans="1:10" x14ac:dyDescent="0.35">
      <c r="A3269" t="s">
        <v>10</v>
      </c>
      <c r="B3269" t="s">
        <v>18</v>
      </c>
      <c r="C3269" t="s">
        <v>117</v>
      </c>
      <c r="D3269" t="s">
        <v>118</v>
      </c>
      <c r="E3269">
        <v>2015</v>
      </c>
      <c r="F3269">
        <v>2015</v>
      </c>
      <c r="G3269" t="s">
        <v>125</v>
      </c>
      <c r="H3269" t="s">
        <v>122</v>
      </c>
      <c r="I3269" t="s">
        <v>15</v>
      </c>
      <c r="J3269" s="10">
        <v>21.128346260000001</v>
      </c>
    </row>
    <row r="3270" spans="1:10" x14ac:dyDescent="0.35">
      <c r="A3270" t="s">
        <v>10</v>
      </c>
      <c r="B3270" t="s">
        <v>18</v>
      </c>
      <c r="C3270" t="s">
        <v>117</v>
      </c>
      <c r="D3270" t="s">
        <v>118</v>
      </c>
      <c r="E3270">
        <v>2015</v>
      </c>
      <c r="F3270">
        <v>2015</v>
      </c>
      <c r="G3270" t="s">
        <v>125</v>
      </c>
      <c r="H3270" t="s">
        <v>123</v>
      </c>
      <c r="I3270" t="s">
        <v>15</v>
      </c>
      <c r="J3270" s="10">
        <v>15.086314740000001</v>
      </c>
    </row>
    <row r="3271" spans="1:10" x14ac:dyDescent="0.35">
      <c r="A3271" t="s">
        <v>10</v>
      </c>
      <c r="B3271" t="s">
        <v>18</v>
      </c>
      <c r="C3271" t="s">
        <v>117</v>
      </c>
      <c r="D3271" t="s">
        <v>118</v>
      </c>
      <c r="E3271">
        <v>2015</v>
      </c>
      <c r="F3271">
        <v>2015</v>
      </c>
      <c r="G3271" t="s">
        <v>125</v>
      </c>
      <c r="H3271" t="s">
        <v>124</v>
      </c>
      <c r="I3271" t="s">
        <v>15</v>
      </c>
      <c r="J3271" s="10">
        <v>1.348511384</v>
      </c>
    </row>
    <row r="3272" spans="1:10" x14ac:dyDescent="0.35">
      <c r="A3272" t="s">
        <v>10</v>
      </c>
      <c r="B3272" t="s">
        <v>18</v>
      </c>
      <c r="C3272" t="s">
        <v>117</v>
      </c>
      <c r="D3272" t="s">
        <v>118</v>
      </c>
      <c r="E3272">
        <v>2015</v>
      </c>
      <c r="F3272">
        <v>2015</v>
      </c>
      <c r="G3272" t="s">
        <v>126</v>
      </c>
      <c r="H3272" t="s">
        <v>119</v>
      </c>
      <c r="I3272" t="s">
        <v>15</v>
      </c>
      <c r="J3272" s="10">
        <v>17.7890567</v>
      </c>
    </row>
    <row r="3273" spans="1:10" x14ac:dyDescent="0.35">
      <c r="A3273" t="s">
        <v>10</v>
      </c>
      <c r="B3273" t="s">
        <v>18</v>
      </c>
      <c r="C3273" t="s">
        <v>117</v>
      </c>
      <c r="D3273" t="s">
        <v>118</v>
      </c>
      <c r="E3273">
        <v>2015</v>
      </c>
      <c r="F3273">
        <v>2015</v>
      </c>
      <c r="G3273" t="s">
        <v>126</v>
      </c>
      <c r="H3273" t="s">
        <v>120</v>
      </c>
      <c r="I3273" t="s">
        <v>15</v>
      </c>
      <c r="J3273" s="10">
        <v>9.054221342</v>
      </c>
    </row>
    <row r="3274" spans="1:10" x14ac:dyDescent="0.35">
      <c r="A3274" t="s">
        <v>10</v>
      </c>
      <c r="B3274" t="s">
        <v>18</v>
      </c>
      <c r="C3274" t="s">
        <v>117</v>
      </c>
      <c r="D3274" t="s">
        <v>118</v>
      </c>
      <c r="E3274">
        <v>2015</v>
      </c>
      <c r="F3274">
        <v>2015</v>
      </c>
      <c r="G3274" t="s">
        <v>126</v>
      </c>
      <c r="H3274" t="s">
        <v>121</v>
      </c>
      <c r="I3274" t="s">
        <v>15</v>
      </c>
      <c r="J3274" s="10">
        <v>33.57019064</v>
      </c>
    </row>
    <row r="3275" spans="1:10" x14ac:dyDescent="0.35">
      <c r="A3275" t="s">
        <v>10</v>
      </c>
      <c r="B3275" t="s">
        <v>18</v>
      </c>
      <c r="C3275" t="s">
        <v>117</v>
      </c>
      <c r="D3275" t="s">
        <v>118</v>
      </c>
      <c r="E3275">
        <v>2015</v>
      </c>
      <c r="F3275">
        <v>2015</v>
      </c>
      <c r="G3275" t="s">
        <v>126</v>
      </c>
      <c r="H3275" t="s">
        <v>122</v>
      </c>
      <c r="I3275" t="s">
        <v>15</v>
      </c>
      <c r="J3275" s="10">
        <v>21.324585290000002</v>
      </c>
    </row>
    <row r="3276" spans="1:10" x14ac:dyDescent="0.35">
      <c r="A3276" t="s">
        <v>10</v>
      </c>
      <c r="B3276" t="s">
        <v>18</v>
      </c>
      <c r="C3276" t="s">
        <v>117</v>
      </c>
      <c r="D3276" t="s">
        <v>118</v>
      </c>
      <c r="E3276">
        <v>2015</v>
      </c>
      <c r="F3276">
        <v>2015</v>
      </c>
      <c r="G3276" t="s">
        <v>126</v>
      </c>
      <c r="H3276" t="s">
        <v>123</v>
      </c>
      <c r="I3276" t="s">
        <v>15</v>
      </c>
      <c r="J3276" s="10">
        <v>15.92720971</v>
      </c>
    </row>
    <row r="3277" spans="1:10" x14ac:dyDescent="0.35">
      <c r="A3277" t="s">
        <v>10</v>
      </c>
      <c r="B3277" t="s">
        <v>18</v>
      </c>
      <c r="C3277" t="s">
        <v>117</v>
      </c>
      <c r="D3277" t="s">
        <v>118</v>
      </c>
      <c r="E3277">
        <v>2015</v>
      </c>
      <c r="F3277">
        <v>2015</v>
      </c>
      <c r="G3277" t="s">
        <v>126</v>
      </c>
      <c r="H3277" t="s">
        <v>124</v>
      </c>
      <c r="I3277" t="s">
        <v>15</v>
      </c>
      <c r="J3277" s="10">
        <v>2.3347363209999998</v>
      </c>
    </row>
    <row r="3278" spans="1:10" x14ac:dyDescent="0.35">
      <c r="A3278" t="s">
        <v>10</v>
      </c>
      <c r="B3278" t="s">
        <v>18</v>
      </c>
      <c r="C3278" t="s">
        <v>117</v>
      </c>
      <c r="D3278" t="s">
        <v>118</v>
      </c>
      <c r="E3278">
        <v>2014</v>
      </c>
      <c r="F3278">
        <v>2014</v>
      </c>
      <c r="G3278" t="s">
        <v>14</v>
      </c>
      <c r="H3278" t="s">
        <v>119</v>
      </c>
      <c r="I3278" t="s">
        <v>15</v>
      </c>
      <c r="J3278" s="10">
        <v>18.39860096</v>
      </c>
    </row>
    <row r="3279" spans="1:10" x14ac:dyDescent="0.35">
      <c r="A3279" t="s">
        <v>10</v>
      </c>
      <c r="B3279" t="s">
        <v>18</v>
      </c>
      <c r="C3279" t="s">
        <v>117</v>
      </c>
      <c r="D3279" t="s">
        <v>118</v>
      </c>
      <c r="E3279">
        <v>2014</v>
      </c>
      <c r="F3279">
        <v>2014</v>
      </c>
      <c r="G3279" t="s">
        <v>14</v>
      </c>
      <c r="H3279" t="s">
        <v>120</v>
      </c>
      <c r="I3279" t="s">
        <v>15</v>
      </c>
      <c r="J3279" s="10">
        <v>9.5796639809999995</v>
      </c>
    </row>
    <row r="3280" spans="1:10" x14ac:dyDescent="0.35">
      <c r="A3280" t="s">
        <v>10</v>
      </c>
      <c r="B3280" t="s">
        <v>18</v>
      </c>
      <c r="C3280" t="s">
        <v>117</v>
      </c>
      <c r="D3280" t="s">
        <v>118</v>
      </c>
      <c r="E3280">
        <v>2014</v>
      </c>
      <c r="F3280">
        <v>2014</v>
      </c>
      <c r="G3280" t="s">
        <v>14</v>
      </c>
      <c r="H3280" t="s">
        <v>121</v>
      </c>
      <c r="I3280" t="s">
        <v>15</v>
      </c>
      <c r="J3280" s="10">
        <v>33.804259569999999</v>
      </c>
    </row>
    <row r="3281" spans="1:10" x14ac:dyDescent="0.35">
      <c r="A3281" t="s">
        <v>10</v>
      </c>
      <c r="B3281" t="s">
        <v>18</v>
      </c>
      <c r="C3281" t="s">
        <v>117</v>
      </c>
      <c r="D3281" t="s">
        <v>118</v>
      </c>
      <c r="E3281">
        <v>2014</v>
      </c>
      <c r="F3281">
        <v>2014</v>
      </c>
      <c r="G3281" t="s">
        <v>14</v>
      </c>
      <c r="H3281" t="s">
        <v>122</v>
      </c>
      <c r="I3281" t="s">
        <v>15</v>
      </c>
      <c r="J3281" s="10">
        <v>21.221660109999998</v>
      </c>
    </row>
    <row r="3282" spans="1:10" x14ac:dyDescent="0.35">
      <c r="A3282" t="s">
        <v>10</v>
      </c>
      <c r="B3282" t="s">
        <v>18</v>
      </c>
      <c r="C3282" t="s">
        <v>117</v>
      </c>
      <c r="D3282" t="s">
        <v>118</v>
      </c>
      <c r="E3282">
        <v>2014</v>
      </c>
      <c r="F3282">
        <v>2014</v>
      </c>
      <c r="G3282" t="s">
        <v>14</v>
      </c>
      <c r="H3282" t="s">
        <v>123</v>
      </c>
      <c r="I3282" t="s">
        <v>15</v>
      </c>
      <c r="J3282" s="10">
        <v>15.133345820000001</v>
      </c>
    </row>
    <row r="3283" spans="1:10" x14ac:dyDescent="0.35">
      <c r="A3283" t="s">
        <v>10</v>
      </c>
      <c r="B3283" t="s">
        <v>18</v>
      </c>
      <c r="C3283" t="s">
        <v>117</v>
      </c>
      <c r="D3283" t="s">
        <v>118</v>
      </c>
      <c r="E3283">
        <v>2014</v>
      </c>
      <c r="F3283">
        <v>2014</v>
      </c>
      <c r="G3283" t="s">
        <v>14</v>
      </c>
      <c r="H3283" t="s">
        <v>124</v>
      </c>
      <c r="I3283" t="s">
        <v>15</v>
      </c>
      <c r="J3283" s="10">
        <v>1.8624695520000001</v>
      </c>
    </row>
    <row r="3284" spans="1:10" x14ac:dyDescent="0.35">
      <c r="A3284" t="s">
        <v>10</v>
      </c>
      <c r="B3284" t="s">
        <v>18</v>
      </c>
      <c r="C3284" t="s">
        <v>117</v>
      </c>
      <c r="D3284" t="s">
        <v>118</v>
      </c>
      <c r="E3284">
        <v>2014</v>
      </c>
      <c r="F3284">
        <v>2014</v>
      </c>
      <c r="G3284" t="s">
        <v>125</v>
      </c>
      <c r="H3284" t="s">
        <v>119</v>
      </c>
      <c r="I3284" t="s">
        <v>15</v>
      </c>
      <c r="J3284" s="10">
        <v>19.163117010000001</v>
      </c>
    </row>
    <row r="3285" spans="1:10" x14ac:dyDescent="0.35">
      <c r="A3285" t="s">
        <v>10</v>
      </c>
      <c r="B3285" t="s">
        <v>18</v>
      </c>
      <c r="C3285" t="s">
        <v>117</v>
      </c>
      <c r="D3285" t="s">
        <v>118</v>
      </c>
      <c r="E3285">
        <v>2014</v>
      </c>
      <c r="F3285">
        <v>2014</v>
      </c>
      <c r="G3285" t="s">
        <v>125</v>
      </c>
      <c r="H3285" t="s">
        <v>120</v>
      </c>
      <c r="I3285" t="s">
        <v>15</v>
      </c>
      <c r="J3285" s="10">
        <v>10.067652219999999</v>
      </c>
    </row>
    <row r="3286" spans="1:10" x14ac:dyDescent="0.35">
      <c r="A3286" t="s">
        <v>10</v>
      </c>
      <c r="B3286" t="s">
        <v>18</v>
      </c>
      <c r="C3286" t="s">
        <v>117</v>
      </c>
      <c r="D3286" t="s">
        <v>118</v>
      </c>
      <c r="E3286">
        <v>2014</v>
      </c>
      <c r="F3286">
        <v>2014</v>
      </c>
      <c r="G3286" t="s">
        <v>125</v>
      </c>
      <c r="H3286" t="s">
        <v>121</v>
      </c>
      <c r="I3286" t="s">
        <v>15</v>
      </c>
      <c r="J3286" s="10">
        <v>33.643197190000002</v>
      </c>
    </row>
    <row r="3287" spans="1:10" x14ac:dyDescent="0.35">
      <c r="A3287" t="s">
        <v>10</v>
      </c>
      <c r="B3287" t="s">
        <v>18</v>
      </c>
      <c r="C3287" t="s">
        <v>117</v>
      </c>
      <c r="D3287" t="s">
        <v>118</v>
      </c>
      <c r="E3287">
        <v>2014</v>
      </c>
      <c r="F3287">
        <v>2014</v>
      </c>
      <c r="G3287" t="s">
        <v>125</v>
      </c>
      <c r="H3287" t="s">
        <v>122</v>
      </c>
      <c r="I3287" t="s">
        <v>15</v>
      </c>
      <c r="J3287" s="10">
        <v>21.1500877</v>
      </c>
    </row>
    <row r="3288" spans="1:10" x14ac:dyDescent="0.35">
      <c r="A3288" t="s">
        <v>10</v>
      </c>
      <c r="B3288" t="s">
        <v>18</v>
      </c>
      <c r="C3288" t="s">
        <v>117</v>
      </c>
      <c r="D3288" t="s">
        <v>118</v>
      </c>
      <c r="E3288">
        <v>2014</v>
      </c>
      <c r="F3288">
        <v>2014</v>
      </c>
      <c r="G3288" t="s">
        <v>125</v>
      </c>
      <c r="H3288" t="s">
        <v>123</v>
      </c>
      <c r="I3288" t="s">
        <v>15</v>
      </c>
      <c r="J3288" s="10">
        <v>14.642946630000001</v>
      </c>
    </row>
    <row r="3289" spans="1:10" x14ac:dyDescent="0.35">
      <c r="A3289" t="s">
        <v>10</v>
      </c>
      <c r="B3289" t="s">
        <v>18</v>
      </c>
      <c r="C3289" t="s">
        <v>117</v>
      </c>
      <c r="D3289" t="s">
        <v>118</v>
      </c>
      <c r="E3289">
        <v>2014</v>
      </c>
      <c r="F3289">
        <v>2014</v>
      </c>
      <c r="G3289" t="s">
        <v>125</v>
      </c>
      <c r="H3289" t="s">
        <v>124</v>
      </c>
      <c r="I3289" t="s">
        <v>15</v>
      </c>
      <c r="J3289" s="10">
        <v>1.3329992479999999</v>
      </c>
    </row>
    <row r="3290" spans="1:10" x14ac:dyDescent="0.35">
      <c r="A3290" t="s">
        <v>10</v>
      </c>
      <c r="B3290" t="s">
        <v>18</v>
      </c>
      <c r="C3290" t="s">
        <v>117</v>
      </c>
      <c r="D3290" t="s">
        <v>118</v>
      </c>
      <c r="E3290">
        <v>2014</v>
      </c>
      <c r="F3290">
        <v>2014</v>
      </c>
      <c r="G3290" t="s">
        <v>126</v>
      </c>
      <c r="H3290" t="s">
        <v>119</v>
      </c>
      <c r="I3290" t="s">
        <v>15</v>
      </c>
      <c r="J3290" s="10">
        <v>17.638560219999999</v>
      </c>
    </row>
    <row r="3291" spans="1:10" x14ac:dyDescent="0.35">
      <c r="A3291" t="s">
        <v>10</v>
      </c>
      <c r="B3291" t="s">
        <v>18</v>
      </c>
      <c r="C3291" t="s">
        <v>117</v>
      </c>
      <c r="D3291" t="s">
        <v>118</v>
      </c>
      <c r="E3291">
        <v>2014</v>
      </c>
      <c r="F3291">
        <v>2014</v>
      </c>
      <c r="G3291" t="s">
        <v>126</v>
      </c>
      <c r="H3291" t="s">
        <v>120</v>
      </c>
      <c r="I3291" t="s">
        <v>15</v>
      </c>
      <c r="J3291" s="10">
        <v>9.0945323200000008</v>
      </c>
    </row>
    <row r="3292" spans="1:10" x14ac:dyDescent="0.35">
      <c r="A3292" t="s">
        <v>10</v>
      </c>
      <c r="B3292" t="s">
        <v>18</v>
      </c>
      <c r="C3292" t="s">
        <v>117</v>
      </c>
      <c r="D3292" t="s">
        <v>118</v>
      </c>
      <c r="E3292">
        <v>2014</v>
      </c>
      <c r="F3292">
        <v>2014</v>
      </c>
      <c r="G3292" t="s">
        <v>126</v>
      </c>
      <c r="H3292" t="s">
        <v>121</v>
      </c>
      <c r="I3292" t="s">
        <v>15</v>
      </c>
      <c r="J3292" s="10">
        <v>33.964379129999998</v>
      </c>
    </row>
    <row r="3293" spans="1:10" x14ac:dyDescent="0.35">
      <c r="A3293" t="s">
        <v>10</v>
      </c>
      <c r="B3293" t="s">
        <v>18</v>
      </c>
      <c r="C3293" t="s">
        <v>117</v>
      </c>
      <c r="D3293" t="s">
        <v>118</v>
      </c>
      <c r="E3293">
        <v>2014</v>
      </c>
      <c r="F3293">
        <v>2014</v>
      </c>
      <c r="G3293" t="s">
        <v>126</v>
      </c>
      <c r="H3293" t="s">
        <v>122</v>
      </c>
      <c r="I3293" t="s">
        <v>15</v>
      </c>
      <c r="J3293" s="10">
        <v>21.292813550000002</v>
      </c>
    </row>
    <row r="3294" spans="1:10" x14ac:dyDescent="0.35">
      <c r="A3294" t="s">
        <v>10</v>
      </c>
      <c r="B3294" t="s">
        <v>18</v>
      </c>
      <c r="C3294" t="s">
        <v>117</v>
      </c>
      <c r="D3294" t="s">
        <v>118</v>
      </c>
      <c r="E3294">
        <v>2014</v>
      </c>
      <c r="F3294">
        <v>2014</v>
      </c>
      <c r="G3294" t="s">
        <v>126</v>
      </c>
      <c r="H3294" t="s">
        <v>123</v>
      </c>
      <c r="I3294" t="s">
        <v>15</v>
      </c>
      <c r="J3294" s="10">
        <v>15.620874329999999</v>
      </c>
    </row>
    <row r="3295" spans="1:10" x14ac:dyDescent="0.35">
      <c r="A3295" t="s">
        <v>10</v>
      </c>
      <c r="B3295" t="s">
        <v>18</v>
      </c>
      <c r="C3295" t="s">
        <v>117</v>
      </c>
      <c r="D3295" t="s">
        <v>118</v>
      </c>
      <c r="E3295">
        <v>2014</v>
      </c>
      <c r="F3295">
        <v>2014</v>
      </c>
      <c r="G3295" t="s">
        <v>126</v>
      </c>
      <c r="H3295" t="s">
        <v>124</v>
      </c>
      <c r="I3295" t="s">
        <v>15</v>
      </c>
      <c r="J3295" s="10">
        <v>2.3888404529999998</v>
      </c>
    </row>
    <row r="3296" spans="1:10" x14ac:dyDescent="0.35">
      <c r="A3296" t="s">
        <v>10</v>
      </c>
      <c r="B3296" t="s">
        <v>18</v>
      </c>
      <c r="C3296" t="s">
        <v>117</v>
      </c>
      <c r="D3296" t="s">
        <v>118</v>
      </c>
      <c r="E3296">
        <v>2013</v>
      </c>
      <c r="F3296">
        <v>2013</v>
      </c>
      <c r="G3296" t="s">
        <v>14</v>
      </c>
      <c r="H3296" t="s">
        <v>119</v>
      </c>
      <c r="I3296" t="s">
        <v>15</v>
      </c>
      <c r="J3296" s="10">
        <v>18.406520839999999</v>
      </c>
    </row>
    <row r="3297" spans="1:10" x14ac:dyDescent="0.35">
      <c r="A3297" t="s">
        <v>10</v>
      </c>
      <c r="B3297" t="s">
        <v>18</v>
      </c>
      <c r="C3297" t="s">
        <v>117</v>
      </c>
      <c r="D3297" t="s">
        <v>118</v>
      </c>
      <c r="E3297">
        <v>2013</v>
      </c>
      <c r="F3297">
        <v>2013</v>
      </c>
      <c r="G3297" t="s">
        <v>14</v>
      </c>
      <c r="H3297" t="s">
        <v>120</v>
      </c>
      <c r="I3297" t="s">
        <v>15</v>
      </c>
      <c r="J3297" s="10">
        <v>9.6831406680000001</v>
      </c>
    </row>
    <row r="3298" spans="1:10" x14ac:dyDescent="0.35">
      <c r="A3298" t="s">
        <v>10</v>
      </c>
      <c r="B3298" t="s">
        <v>18</v>
      </c>
      <c r="C3298" t="s">
        <v>117</v>
      </c>
      <c r="D3298" t="s">
        <v>118</v>
      </c>
      <c r="E3298">
        <v>2013</v>
      </c>
      <c r="F3298">
        <v>2013</v>
      </c>
      <c r="G3298" t="s">
        <v>14</v>
      </c>
      <c r="H3298" t="s">
        <v>121</v>
      </c>
      <c r="I3298" t="s">
        <v>15</v>
      </c>
      <c r="J3298" s="10">
        <v>34.079673960000001</v>
      </c>
    </row>
    <row r="3299" spans="1:10" x14ac:dyDescent="0.35">
      <c r="A3299" t="s">
        <v>10</v>
      </c>
      <c r="B3299" t="s">
        <v>18</v>
      </c>
      <c r="C3299" t="s">
        <v>117</v>
      </c>
      <c r="D3299" t="s">
        <v>118</v>
      </c>
      <c r="E3299">
        <v>2013</v>
      </c>
      <c r="F3299">
        <v>2013</v>
      </c>
      <c r="G3299" t="s">
        <v>14</v>
      </c>
      <c r="H3299" t="s">
        <v>122</v>
      </c>
      <c r="I3299" t="s">
        <v>15</v>
      </c>
      <c r="J3299" s="10">
        <v>21.235487240000001</v>
      </c>
    </row>
    <row r="3300" spans="1:10" x14ac:dyDescent="0.35">
      <c r="A3300" t="s">
        <v>10</v>
      </c>
      <c r="B3300" t="s">
        <v>18</v>
      </c>
      <c r="C3300" t="s">
        <v>117</v>
      </c>
      <c r="D3300" t="s">
        <v>118</v>
      </c>
      <c r="E3300">
        <v>2013</v>
      </c>
      <c r="F3300">
        <v>2013</v>
      </c>
      <c r="G3300" t="s">
        <v>14</v>
      </c>
      <c r="H3300" t="s">
        <v>123</v>
      </c>
      <c r="I3300" t="s">
        <v>15</v>
      </c>
      <c r="J3300" s="10">
        <v>14.75112895</v>
      </c>
    </row>
    <row r="3301" spans="1:10" x14ac:dyDescent="0.35">
      <c r="A3301" t="s">
        <v>10</v>
      </c>
      <c r="B3301" t="s">
        <v>18</v>
      </c>
      <c r="C3301" t="s">
        <v>117</v>
      </c>
      <c r="D3301" t="s">
        <v>118</v>
      </c>
      <c r="E3301">
        <v>2013</v>
      </c>
      <c r="F3301">
        <v>2013</v>
      </c>
      <c r="G3301" t="s">
        <v>14</v>
      </c>
      <c r="H3301" t="s">
        <v>124</v>
      </c>
      <c r="I3301" t="s">
        <v>15</v>
      </c>
      <c r="J3301" s="10">
        <v>1.844048353</v>
      </c>
    </row>
    <row r="3302" spans="1:10" x14ac:dyDescent="0.35">
      <c r="A3302" t="s">
        <v>10</v>
      </c>
      <c r="B3302" t="s">
        <v>18</v>
      </c>
      <c r="C3302" t="s">
        <v>117</v>
      </c>
      <c r="D3302" t="s">
        <v>118</v>
      </c>
      <c r="E3302">
        <v>2013</v>
      </c>
      <c r="F3302">
        <v>2013</v>
      </c>
      <c r="G3302" t="s">
        <v>125</v>
      </c>
      <c r="H3302" t="s">
        <v>119</v>
      </c>
      <c r="I3302" t="s">
        <v>15</v>
      </c>
      <c r="J3302" s="10">
        <v>19.161086539999999</v>
      </c>
    </row>
    <row r="3303" spans="1:10" x14ac:dyDescent="0.35">
      <c r="A3303" t="s">
        <v>10</v>
      </c>
      <c r="B3303" t="s">
        <v>18</v>
      </c>
      <c r="C3303" t="s">
        <v>117</v>
      </c>
      <c r="D3303" t="s">
        <v>118</v>
      </c>
      <c r="E3303">
        <v>2013</v>
      </c>
      <c r="F3303">
        <v>2013</v>
      </c>
      <c r="G3303" t="s">
        <v>125</v>
      </c>
      <c r="H3303" t="s">
        <v>120</v>
      </c>
      <c r="I3303" t="s">
        <v>15</v>
      </c>
      <c r="J3303" s="10">
        <v>10.238787110000001</v>
      </c>
    </row>
    <row r="3304" spans="1:10" x14ac:dyDescent="0.35">
      <c r="A3304" t="s">
        <v>10</v>
      </c>
      <c r="B3304" t="s">
        <v>18</v>
      </c>
      <c r="C3304" t="s">
        <v>117</v>
      </c>
      <c r="D3304" t="s">
        <v>118</v>
      </c>
      <c r="E3304">
        <v>2013</v>
      </c>
      <c r="F3304">
        <v>2013</v>
      </c>
      <c r="G3304" t="s">
        <v>125</v>
      </c>
      <c r="H3304" t="s">
        <v>121</v>
      </c>
      <c r="I3304" t="s">
        <v>15</v>
      </c>
      <c r="J3304" s="10">
        <v>33.786481360000003</v>
      </c>
    </row>
    <row r="3305" spans="1:10" x14ac:dyDescent="0.35">
      <c r="A3305" t="s">
        <v>10</v>
      </c>
      <c r="B3305" t="s">
        <v>18</v>
      </c>
      <c r="C3305" t="s">
        <v>117</v>
      </c>
      <c r="D3305" t="s">
        <v>118</v>
      </c>
      <c r="E3305">
        <v>2013</v>
      </c>
      <c r="F3305">
        <v>2013</v>
      </c>
      <c r="G3305" t="s">
        <v>125</v>
      </c>
      <c r="H3305" t="s">
        <v>122</v>
      </c>
      <c r="I3305" t="s">
        <v>15</v>
      </c>
      <c r="J3305" s="10">
        <v>21.336702460000001</v>
      </c>
    </row>
    <row r="3306" spans="1:10" x14ac:dyDescent="0.35">
      <c r="A3306" t="s">
        <v>10</v>
      </c>
      <c r="B3306" t="s">
        <v>18</v>
      </c>
      <c r="C3306" t="s">
        <v>117</v>
      </c>
      <c r="D3306" t="s">
        <v>118</v>
      </c>
      <c r="E3306">
        <v>2013</v>
      </c>
      <c r="F3306">
        <v>2013</v>
      </c>
      <c r="G3306" t="s">
        <v>125</v>
      </c>
      <c r="H3306" t="s">
        <v>123</v>
      </c>
      <c r="I3306" t="s">
        <v>15</v>
      </c>
      <c r="J3306" s="10">
        <v>14.17561592</v>
      </c>
    </row>
    <row r="3307" spans="1:10" x14ac:dyDescent="0.35">
      <c r="A3307" t="s">
        <v>10</v>
      </c>
      <c r="B3307" t="s">
        <v>18</v>
      </c>
      <c r="C3307" t="s">
        <v>117</v>
      </c>
      <c r="D3307" t="s">
        <v>118</v>
      </c>
      <c r="E3307">
        <v>2013</v>
      </c>
      <c r="F3307">
        <v>2013</v>
      </c>
      <c r="G3307" t="s">
        <v>125</v>
      </c>
      <c r="H3307" t="s">
        <v>124</v>
      </c>
      <c r="I3307" t="s">
        <v>15</v>
      </c>
      <c r="J3307" s="10">
        <v>1.3013265949999999</v>
      </c>
    </row>
    <row r="3308" spans="1:10" x14ac:dyDescent="0.35">
      <c r="A3308" t="s">
        <v>10</v>
      </c>
      <c r="B3308" t="s">
        <v>18</v>
      </c>
      <c r="C3308" t="s">
        <v>117</v>
      </c>
      <c r="D3308" t="s">
        <v>118</v>
      </c>
      <c r="E3308">
        <v>2013</v>
      </c>
      <c r="F3308">
        <v>2013</v>
      </c>
      <c r="G3308" t="s">
        <v>126</v>
      </c>
      <c r="H3308" t="s">
        <v>119</v>
      </c>
      <c r="I3308" t="s">
        <v>15</v>
      </c>
      <c r="J3308" s="10">
        <v>17.658551249999999</v>
      </c>
    </row>
    <row r="3309" spans="1:10" x14ac:dyDescent="0.35">
      <c r="A3309" t="s">
        <v>10</v>
      </c>
      <c r="B3309" t="s">
        <v>18</v>
      </c>
      <c r="C3309" t="s">
        <v>117</v>
      </c>
      <c r="D3309" t="s">
        <v>118</v>
      </c>
      <c r="E3309">
        <v>2013</v>
      </c>
      <c r="F3309">
        <v>2013</v>
      </c>
      <c r="G3309" t="s">
        <v>126</v>
      </c>
      <c r="H3309" t="s">
        <v>120</v>
      </c>
      <c r="I3309" t="s">
        <v>15</v>
      </c>
      <c r="J3309" s="10">
        <v>9.1323514679999995</v>
      </c>
    </row>
    <row r="3310" spans="1:10" x14ac:dyDescent="0.35">
      <c r="A3310" t="s">
        <v>10</v>
      </c>
      <c r="B3310" t="s">
        <v>18</v>
      </c>
      <c r="C3310" t="s">
        <v>117</v>
      </c>
      <c r="D3310" t="s">
        <v>118</v>
      </c>
      <c r="E3310">
        <v>2013</v>
      </c>
      <c r="F3310">
        <v>2013</v>
      </c>
      <c r="G3310" t="s">
        <v>126</v>
      </c>
      <c r="H3310" t="s">
        <v>121</v>
      </c>
      <c r="I3310" t="s">
        <v>15</v>
      </c>
      <c r="J3310" s="10">
        <v>34.370303579999998</v>
      </c>
    </row>
    <row r="3311" spans="1:10" x14ac:dyDescent="0.35">
      <c r="A3311" t="s">
        <v>10</v>
      </c>
      <c r="B3311" t="s">
        <v>18</v>
      </c>
      <c r="C3311" t="s">
        <v>117</v>
      </c>
      <c r="D3311" t="s">
        <v>118</v>
      </c>
      <c r="E3311">
        <v>2013</v>
      </c>
      <c r="F3311">
        <v>2013</v>
      </c>
      <c r="G3311" t="s">
        <v>126</v>
      </c>
      <c r="H3311" t="s">
        <v>122</v>
      </c>
      <c r="I3311" t="s">
        <v>15</v>
      </c>
      <c r="J3311" s="10">
        <v>21.135156800000001</v>
      </c>
    </row>
    <row r="3312" spans="1:10" x14ac:dyDescent="0.35">
      <c r="A3312" t="s">
        <v>10</v>
      </c>
      <c r="B3312" t="s">
        <v>18</v>
      </c>
      <c r="C3312" t="s">
        <v>117</v>
      </c>
      <c r="D3312" t="s">
        <v>118</v>
      </c>
      <c r="E3312">
        <v>2013</v>
      </c>
      <c r="F3312">
        <v>2013</v>
      </c>
      <c r="G3312" t="s">
        <v>126</v>
      </c>
      <c r="H3312" t="s">
        <v>123</v>
      </c>
      <c r="I3312" t="s">
        <v>15</v>
      </c>
      <c r="J3312" s="10">
        <v>15.32161106</v>
      </c>
    </row>
    <row r="3313" spans="1:10" x14ac:dyDescent="0.35">
      <c r="A3313" t="s">
        <v>10</v>
      </c>
      <c r="B3313" t="s">
        <v>18</v>
      </c>
      <c r="C3313" t="s">
        <v>117</v>
      </c>
      <c r="D3313" t="s">
        <v>118</v>
      </c>
      <c r="E3313">
        <v>2013</v>
      </c>
      <c r="F3313">
        <v>2013</v>
      </c>
      <c r="G3313" t="s">
        <v>126</v>
      </c>
      <c r="H3313" t="s">
        <v>124</v>
      </c>
      <c r="I3313" t="s">
        <v>15</v>
      </c>
      <c r="J3313" s="10">
        <v>2.3820258490000001</v>
      </c>
    </row>
    <row r="3314" spans="1:10" x14ac:dyDescent="0.35">
      <c r="A3314" t="s">
        <v>10</v>
      </c>
      <c r="B3314" t="s">
        <v>18</v>
      </c>
      <c r="C3314" t="s">
        <v>117</v>
      </c>
      <c r="D3314" t="s">
        <v>118</v>
      </c>
      <c r="E3314">
        <v>2012</v>
      </c>
      <c r="F3314">
        <v>2012</v>
      </c>
      <c r="G3314" t="s">
        <v>14</v>
      </c>
      <c r="H3314" t="s">
        <v>119</v>
      </c>
      <c r="I3314" t="s">
        <v>15</v>
      </c>
      <c r="J3314" s="10">
        <v>18.450207890000001</v>
      </c>
    </row>
    <row r="3315" spans="1:10" x14ac:dyDescent="0.35">
      <c r="A3315" t="s">
        <v>10</v>
      </c>
      <c r="B3315" t="s">
        <v>18</v>
      </c>
      <c r="C3315" t="s">
        <v>117</v>
      </c>
      <c r="D3315" t="s">
        <v>118</v>
      </c>
      <c r="E3315">
        <v>2012</v>
      </c>
      <c r="F3315">
        <v>2012</v>
      </c>
      <c r="G3315" t="s">
        <v>14</v>
      </c>
      <c r="H3315" t="s">
        <v>120</v>
      </c>
      <c r="I3315" t="s">
        <v>15</v>
      </c>
      <c r="J3315" s="10">
        <v>9.7429266810000001</v>
      </c>
    </row>
    <row r="3316" spans="1:10" x14ac:dyDescent="0.35">
      <c r="A3316" t="s">
        <v>10</v>
      </c>
      <c r="B3316" t="s">
        <v>18</v>
      </c>
      <c r="C3316" t="s">
        <v>117</v>
      </c>
      <c r="D3316" t="s">
        <v>118</v>
      </c>
      <c r="E3316">
        <v>2012</v>
      </c>
      <c r="F3316">
        <v>2012</v>
      </c>
      <c r="G3316" t="s">
        <v>14</v>
      </c>
      <c r="H3316" t="s">
        <v>121</v>
      </c>
      <c r="I3316" t="s">
        <v>15</v>
      </c>
      <c r="J3316" s="10">
        <v>34.422218839999999</v>
      </c>
    </row>
    <row r="3317" spans="1:10" x14ac:dyDescent="0.35">
      <c r="A3317" t="s">
        <v>10</v>
      </c>
      <c r="B3317" t="s">
        <v>18</v>
      </c>
      <c r="C3317" t="s">
        <v>117</v>
      </c>
      <c r="D3317" t="s">
        <v>118</v>
      </c>
      <c r="E3317">
        <v>2012</v>
      </c>
      <c r="F3317">
        <v>2012</v>
      </c>
      <c r="G3317" t="s">
        <v>14</v>
      </c>
      <c r="H3317" t="s">
        <v>122</v>
      </c>
      <c r="I3317" t="s">
        <v>15</v>
      </c>
      <c r="J3317" s="10">
        <v>21.217422169999999</v>
      </c>
    </row>
    <row r="3318" spans="1:10" x14ac:dyDescent="0.35">
      <c r="A3318" t="s">
        <v>10</v>
      </c>
      <c r="B3318" t="s">
        <v>18</v>
      </c>
      <c r="C3318" t="s">
        <v>117</v>
      </c>
      <c r="D3318" t="s">
        <v>118</v>
      </c>
      <c r="E3318">
        <v>2012</v>
      </c>
      <c r="F3318">
        <v>2012</v>
      </c>
      <c r="G3318" t="s">
        <v>14</v>
      </c>
      <c r="H3318" t="s">
        <v>123</v>
      </c>
      <c r="I3318" t="s">
        <v>15</v>
      </c>
      <c r="J3318" s="10">
        <v>14.359598419999999</v>
      </c>
    </row>
    <row r="3319" spans="1:10" x14ac:dyDescent="0.35">
      <c r="A3319" t="s">
        <v>10</v>
      </c>
      <c r="B3319" t="s">
        <v>18</v>
      </c>
      <c r="C3319" t="s">
        <v>117</v>
      </c>
      <c r="D3319" t="s">
        <v>118</v>
      </c>
      <c r="E3319">
        <v>2012</v>
      </c>
      <c r="F3319">
        <v>2012</v>
      </c>
      <c r="G3319" t="s">
        <v>14</v>
      </c>
      <c r="H3319" t="s">
        <v>124</v>
      </c>
      <c r="I3319" t="s">
        <v>15</v>
      </c>
      <c r="J3319" s="10">
        <v>1.807626001</v>
      </c>
    </row>
    <row r="3320" spans="1:10" x14ac:dyDescent="0.35">
      <c r="A3320" t="s">
        <v>10</v>
      </c>
      <c r="B3320" t="s">
        <v>18</v>
      </c>
      <c r="C3320" t="s">
        <v>117</v>
      </c>
      <c r="D3320" t="s">
        <v>118</v>
      </c>
      <c r="E3320">
        <v>2012</v>
      </c>
      <c r="F3320">
        <v>2012</v>
      </c>
      <c r="G3320" t="s">
        <v>125</v>
      </c>
      <c r="H3320" t="s">
        <v>119</v>
      </c>
      <c r="I3320" t="s">
        <v>15</v>
      </c>
      <c r="J3320" s="10">
        <v>19.14508103</v>
      </c>
    </row>
    <row r="3321" spans="1:10" x14ac:dyDescent="0.35">
      <c r="A3321" t="s">
        <v>10</v>
      </c>
      <c r="B3321" t="s">
        <v>18</v>
      </c>
      <c r="C3321" t="s">
        <v>117</v>
      </c>
      <c r="D3321" t="s">
        <v>118</v>
      </c>
      <c r="E3321">
        <v>2012</v>
      </c>
      <c r="F3321">
        <v>2012</v>
      </c>
      <c r="G3321" t="s">
        <v>125</v>
      </c>
      <c r="H3321" t="s">
        <v>120</v>
      </c>
      <c r="I3321" t="s">
        <v>15</v>
      </c>
      <c r="J3321" s="10">
        <v>10.25647569</v>
      </c>
    </row>
    <row r="3322" spans="1:10" x14ac:dyDescent="0.35">
      <c r="A3322" t="s">
        <v>10</v>
      </c>
      <c r="B3322" t="s">
        <v>18</v>
      </c>
      <c r="C3322" t="s">
        <v>117</v>
      </c>
      <c r="D3322" t="s">
        <v>118</v>
      </c>
      <c r="E3322">
        <v>2012</v>
      </c>
      <c r="F3322">
        <v>2012</v>
      </c>
      <c r="G3322" t="s">
        <v>125</v>
      </c>
      <c r="H3322" t="s">
        <v>121</v>
      </c>
      <c r="I3322" t="s">
        <v>15</v>
      </c>
      <c r="J3322" s="10">
        <v>34.145719030000002</v>
      </c>
    </row>
    <row r="3323" spans="1:10" x14ac:dyDescent="0.35">
      <c r="A3323" t="s">
        <v>10</v>
      </c>
      <c r="B3323" t="s">
        <v>18</v>
      </c>
      <c r="C3323" t="s">
        <v>117</v>
      </c>
      <c r="D3323" t="s">
        <v>118</v>
      </c>
      <c r="E3323">
        <v>2012</v>
      </c>
      <c r="F3323">
        <v>2012</v>
      </c>
      <c r="G3323" t="s">
        <v>125</v>
      </c>
      <c r="H3323" t="s">
        <v>122</v>
      </c>
      <c r="I3323" t="s">
        <v>15</v>
      </c>
      <c r="J3323" s="10">
        <v>21.48015822</v>
      </c>
    </row>
    <row r="3324" spans="1:10" x14ac:dyDescent="0.35">
      <c r="A3324" t="s">
        <v>10</v>
      </c>
      <c r="B3324" t="s">
        <v>18</v>
      </c>
      <c r="C3324" t="s">
        <v>117</v>
      </c>
      <c r="D3324" t="s">
        <v>118</v>
      </c>
      <c r="E3324">
        <v>2012</v>
      </c>
      <c r="F3324">
        <v>2012</v>
      </c>
      <c r="G3324" t="s">
        <v>125</v>
      </c>
      <c r="H3324" t="s">
        <v>123</v>
      </c>
      <c r="I3324" t="s">
        <v>15</v>
      </c>
      <c r="J3324" s="10">
        <v>13.724639529999999</v>
      </c>
    </row>
    <row r="3325" spans="1:10" x14ac:dyDescent="0.35">
      <c r="A3325" t="s">
        <v>10</v>
      </c>
      <c r="B3325" t="s">
        <v>18</v>
      </c>
      <c r="C3325" t="s">
        <v>117</v>
      </c>
      <c r="D3325" t="s">
        <v>118</v>
      </c>
      <c r="E3325">
        <v>2012</v>
      </c>
      <c r="F3325">
        <v>2012</v>
      </c>
      <c r="G3325" t="s">
        <v>125</v>
      </c>
      <c r="H3325" t="s">
        <v>124</v>
      </c>
      <c r="I3325" t="s">
        <v>15</v>
      </c>
      <c r="J3325" s="10">
        <v>1.2479265020000001</v>
      </c>
    </row>
    <row r="3326" spans="1:10" x14ac:dyDescent="0.35">
      <c r="A3326" t="s">
        <v>10</v>
      </c>
      <c r="B3326" t="s">
        <v>18</v>
      </c>
      <c r="C3326" t="s">
        <v>117</v>
      </c>
      <c r="D3326" t="s">
        <v>118</v>
      </c>
      <c r="E3326">
        <v>2012</v>
      </c>
      <c r="F3326">
        <v>2012</v>
      </c>
      <c r="G3326" t="s">
        <v>126</v>
      </c>
      <c r="H3326" t="s">
        <v>119</v>
      </c>
      <c r="I3326" t="s">
        <v>15</v>
      </c>
      <c r="J3326" s="10">
        <v>17.764400680000001</v>
      </c>
    </row>
    <row r="3327" spans="1:10" x14ac:dyDescent="0.35">
      <c r="A3327" t="s">
        <v>10</v>
      </c>
      <c r="B3327" t="s">
        <v>18</v>
      </c>
      <c r="C3327" t="s">
        <v>117</v>
      </c>
      <c r="D3327" t="s">
        <v>118</v>
      </c>
      <c r="E3327">
        <v>2012</v>
      </c>
      <c r="F3327">
        <v>2012</v>
      </c>
      <c r="G3327" t="s">
        <v>126</v>
      </c>
      <c r="H3327" t="s">
        <v>120</v>
      </c>
      <c r="I3327" t="s">
        <v>15</v>
      </c>
      <c r="J3327" s="10">
        <v>9.2360778779999997</v>
      </c>
    </row>
    <row r="3328" spans="1:10" x14ac:dyDescent="0.35">
      <c r="A3328" t="s">
        <v>10</v>
      </c>
      <c r="B3328" t="s">
        <v>18</v>
      </c>
      <c r="C3328" t="s">
        <v>117</v>
      </c>
      <c r="D3328" t="s">
        <v>118</v>
      </c>
      <c r="E3328">
        <v>2012</v>
      </c>
      <c r="F3328">
        <v>2012</v>
      </c>
      <c r="G3328" t="s">
        <v>126</v>
      </c>
      <c r="H3328" t="s">
        <v>121</v>
      </c>
      <c r="I3328" t="s">
        <v>15</v>
      </c>
      <c r="J3328" s="10">
        <v>34.695111199999999</v>
      </c>
    </row>
    <row r="3329" spans="1:10" x14ac:dyDescent="0.35">
      <c r="A3329" t="s">
        <v>10</v>
      </c>
      <c r="B3329" t="s">
        <v>18</v>
      </c>
      <c r="C3329" t="s">
        <v>117</v>
      </c>
      <c r="D3329" t="s">
        <v>118</v>
      </c>
      <c r="E3329">
        <v>2012</v>
      </c>
      <c r="F3329">
        <v>2012</v>
      </c>
      <c r="G3329" t="s">
        <v>126</v>
      </c>
      <c r="H3329" t="s">
        <v>122</v>
      </c>
      <c r="I3329" t="s">
        <v>15</v>
      </c>
      <c r="J3329" s="10">
        <v>20.958113999999998</v>
      </c>
    </row>
    <row r="3330" spans="1:10" x14ac:dyDescent="0.35">
      <c r="A3330" t="s">
        <v>10</v>
      </c>
      <c r="B3330" t="s">
        <v>18</v>
      </c>
      <c r="C3330" t="s">
        <v>117</v>
      </c>
      <c r="D3330" t="s">
        <v>118</v>
      </c>
      <c r="E3330">
        <v>2012</v>
      </c>
      <c r="F3330">
        <v>2012</v>
      </c>
      <c r="G3330" t="s">
        <v>126</v>
      </c>
      <c r="H3330" t="s">
        <v>123</v>
      </c>
      <c r="I3330" t="s">
        <v>15</v>
      </c>
      <c r="J3330" s="10">
        <v>14.98627308</v>
      </c>
    </row>
    <row r="3331" spans="1:10" x14ac:dyDescent="0.35">
      <c r="A3331" t="s">
        <v>10</v>
      </c>
      <c r="B3331" t="s">
        <v>18</v>
      </c>
      <c r="C3331" t="s">
        <v>117</v>
      </c>
      <c r="D3331" t="s">
        <v>118</v>
      </c>
      <c r="E3331">
        <v>2012</v>
      </c>
      <c r="F3331">
        <v>2012</v>
      </c>
      <c r="G3331" t="s">
        <v>126</v>
      </c>
      <c r="H3331" t="s">
        <v>124</v>
      </c>
      <c r="I3331" t="s">
        <v>15</v>
      </c>
      <c r="J3331" s="10">
        <v>2.360023172</v>
      </c>
    </row>
    <row r="3332" spans="1:10" x14ac:dyDescent="0.35">
      <c r="A3332" t="s">
        <v>10</v>
      </c>
      <c r="B3332" t="s">
        <v>18</v>
      </c>
      <c r="C3332" t="s">
        <v>117</v>
      </c>
      <c r="D3332" t="s">
        <v>118</v>
      </c>
      <c r="E3332">
        <v>2011</v>
      </c>
      <c r="F3332">
        <v>2011</v>
      </c>
      <c r="G3332" t="s">
        <v>14</v>
      </c>
      <c r="H3332" t="s">
        <v>119</v>
      </c>
      <c r="I3332" t="s">
        <v>15</v>
      </c>
      <c r="J3332" s="10">
        <v>18.501415919999999</v>
      </c>
    </row>
    <row r="3333" spans="1:10" x14ac:dyDescent="0.35">
      <c r="A3333" t="s">
        <v>10</v>
      </c>
      <c r="B3333" t="s">
        <v>18</v>
      </c>
      <c r="C3333" t="s">
        <v>117</v>
      </c>
      <c r="D3333" t="s">
        <v>118</v>
      </c>
      <c r="E3333">
        <v>2011</v>
      </c>
      <c r="F3333">
        <v>2011</v>
      </c>
      <c r="G3333" t="s">
        <v>14</v>
      </c>
      <c r="H3333" t="s">
        <v>120</v>
      </c>
      <c r="I3333" t="s">
        <v>15</v>
      </c>
      <c r="J3333" s="10">
        <v>9.8004949359999998</v>
      </c>
    </row>
    <row r="3334" spans="1:10" x14ac:dyDescent="0.35">
      <c r="A3334" t="s">
        <v>10</v>
      </c>
      <c r="B3334" t="s">
        <v>18</v>
      </c>
      <c r="C3334" t="s">
        <v>117</v>
      </c>
      <c r="D3334" t="s">
        <v>118</v>
      </c>
      <c r="E3334">
        <v>2011</v>
      </c>
      <c r="F3334">
        <v>2011</v>
      </c>
      <c r="G3334" t="s">
        <v>14</v>
      </c>
      <c r="H3334" t="s">
        <v>121</v>
      </c>
      <c r="I3334" t="s">
        <v>15</v>
      </c>
      <c r="J3334" s="10">
        <v>34.835574149999999</v>
      </c>
    </row>
    <row r="3335" spans="1:10" x14ac:dyDescent="0.35">
      <c r="A3335" t="s">
        <v>10</v>
      </c>
      <c r="B3335" t="s">
        <v>18</v>
      </c>
      <c r="C3335" t="s">
        <v>117</v>
      </c>
      <c r="D3335" t="s">
        <v>118</v>
      </c>
      <c r="E3335">
        <v>2011</v>
      </c>
      <c r="F3335">
        <v>2011</v>
      </c>
      <c r="G3335" t="s">
        <v>14</v>
      </c>
      <c r="H3335" t="s">
        <v>122</v>
      </c>
      <c r="I3335" t="s">
        <v>15</v>
      </c>
      <c r="J3335" s="10">
        <v>21.34857259</v>
      </c>
    </row>
    <row r="3336" spans="1:10" x14ac:dyDescent="0.35">
      <c r="A3336" t="s">
        <v>10</v>
      </c>
      <c r="B3336" t="s">
        <v>18</v>
      </c>
      <c r="C3336" t="s">
        <v>117</v>
      </c>
      <c r="D3336" t="s">
        <v>118</v>
      </c>
      <c r="E3336">
        <v>2011</v>
      </c>
      <c r="F3336">
        <v>2011</v>
      </c>
      <c r="G3336" t="s">
        <v>14</v>
      </c>
      <c r="H3336" t="s">
        <v>123</v>
      </c>
      <c r="I3336" t="s">
        <v>15</v>
      </c>
      <c r="J3336" s="10">
        <v>13.72809144</v>
      </c>
    </row>
    <row r="3337" spans="1:10" x14ac:dyDescent="0.35">
      <c r="A3337" t="s">
        <v>10</v>
      </c>
      <c r="B3337" t="s">
        <v>18</v>
      </c>
      <c r="C3337" t="s">
        <v>117</v>
      </c>
      <c r="D3337" t="s">
        <v>118</v>
      </c>
      <c r="E3337">
        <v>2011</v>
      </c>
      <c r="F3337">
        <v>2011</v>
      </c>
      <c r="G3337" t="s">
        <v>14</v>
      </c>
      <c r="H3337" t="s">
        <v>124</v>
      </c>
      <c r="I3337" t="s">
        <v>15</v>
      </c>
      <c r="J3337" s="10">
        <v>1.7858509579999999</v>
      </c>
    </row>
    <row r="3338" spans="1:10" x14ac:dyDescent="0.35">
      <c r="A3338" t="s">
        <v>10</v>
      </c>
      <c r="B3338" t="s">
        <v>18</v>
      </c>
      <c r="C3338" t="s">
        <v>117</v>
      </c>
      <c r="D3338" t="s">
        <v>118</v>
      </c>
      <c r="E3338">
        <v>2011</v>
      </c>
      <c r="F3338">
        <v>2011</v>
      </c>
      <c r="G3338" t="s">
        <v>125</v>
      </c>
      <c r="H3338" t="s">
        <v>119</v>
      </c>
      <c r="I3338" t="s">
        <v>15</v>
      </c>
      <c r="J3338" s="10">
        <v>19.097311470000001</v>
      </c>
    </row>
    <row r="3339" spans="1:10" x14ac:dyDescent="0.35">
      <c r="A3339" t="s">
        <v>10</v>
      </c>
      <c r="B3339" t="s">
        <v>18</v>
      </c>
      <c r="C3339" t="s">
        <v>117</v>
      </c>
      <c r="D3339" t="s">
        <v>118</v>
      </c>
      <c r="E3339">
        <v>2011</v>
      </c>
      <c r="F3339">
        <v>2011</v>
      </c>
      <c r="G3339" t="s">
        <v>125</v>
      </c>
      <c r="H3339" t="s">
        <v>120</v>
      </c>
      <c r="I3339" t="s">
        <v>15</v>
      </c>
      <c r="J3339" s="10">
        <v>10.42769753</v>
      </c>
    </row>
    <row r="3340" spans="1:10" x14ac:dyDescent="0.35">
      <c r="A3340" t="s">
        <v>10</v>
      </c>
      <c r="B3340" t="s">
        <v>18</v>
      </c>
      <c r="C3340" t="s">
        <v>117</v>
      </c>
      <c r="D3340" t="s">
        <v>118</v>
      </c>
      <c r="E3340">
        <v>2011</v>
      </c>
      <c r="F3340">
        <v>2011</v>
      </c>
      <c r="G3340" t="s">
        <v>125</v>
      </c>
      <c r="H3340" t="s">
        <v>121</v>
      </c>
      <c r="I3340" t="s">
        <v>15</v>
      </c>
      <c r="J3340" s="10">
        <v>34.593635939999999</v>
      </c>
    </row>
    <row r="3341" spans="1:10" x14ac:dyDescent="0.35">
      <c r="A3341" t="s">
        <v>10</v>
      </c>
      <c r="B3341" t="s">
        <v>18</v>
      </c>
      <c r="C3341" t="s">
        <v>117</v>
      </c>
      <c r="D3341" t="s">
        <v>118</v>
      </c>
      <c r="E3341">
        <v>2011</v>
      </c>
      <c r="F3341">
        <v>2011</v>
      </c>
      <c r="G3341" t="s">
        <v>125</v>
      </c>
      <c r="H3341" t="s">
        <v>122</v>
      </c>
      <c r="I3341" t="s">
        <v>15</v>
      </c>
      <c r="J3341" s="10">
        <v>21.641906129999999</v>
      </c>
    </row>
    <row r="3342" spans="1:10" x14ac:dyDescent="0.35">
      <c r="A3342" t="s">
        <v>10</v>
      </c>
      <c r="B3342" t="s">
        <v>18</v>
      </c>
      <c r="C3342" t="s">
        <v>117</v>
      </c>
      <c r="D3342" t="s">
        <v>118</v>
      </c>
      <c r="E3342">
        <v>2011</v>
      </c>
      <c r="F3342">
        <v>2011</v>
      </c>
      <c r="G3342" t="s">
        <v>125</v>
      </c>
      <c r="H3342" t="s">
        <v>123</v>
      </c>
      <c r="I3342" t="s">
        <v>15</v>
      </c>
      <c r="J3342" s="10">
        <v>12.987713980000001</v>
      </c>
    </row>
    <row r="3343" spans="1:10" x14ac:dyDescent="0.35">
      <c r="A3343" t="s">
        <v>10</v>
      </c>
      <c r="B3343" t="s">
        <v>18</v>
      </c>
      <c r="C3343" t="s">
        <v>117</v>
      </c>
      <c r="D3343" t="s">
        <v>118</v>
      </c>
      <c r="E3343">
        <v>2011</v>
      </c>
      <c r="F3343">
        <v>2011</v>
      </c>
      <c r="G3343" t="s">
        <v>125</v>
      </c>
      <c r="H3343" t="s">
        <v>124</v>
      </c>
      <c r="I3343" t="s">
        <v>15</v>
      </c>
      <c r="J3343" s="10">
        <v>1.251734951</v>
      </c>
    </row>
    <row r="3344" spans="1:10" x14ac:dyDescent="0.35">
      <c r="A3344" t="s">
        <v>10</v>
      </c>
      <c r="B3344" t="s">
        <v>18</v>
      </c>
      <c r="C3344" t="s">
        <v>117</v>
      </c>
      <c r="D3344" t="s">
        <v>118</v>
      </c>
      <c r="E3344">
        <v>2011</v>
      </c>
      <c r="F3344">
        <v>2011</v>
      </c>
      <c r="G3344" t="s">
        <v>126</v>
      </c>
      <c r="H3344" t="s">
        <v>119</v>
      </c>
      <c r="I3344" t="s">
        <v>15</v>
      </c>
      <c r="J3344" s="10">
        <v>17.91430308</v>
      </c>
    </row>
    <row r="3345" spans="1:10" x14ac:dyDescent="0.35">
      <c r="A3345" t="s">
        <v>10</v>
      </c>
      <c r="B3345" t="s">
        <v>18</v>
      </c>
      <c r="C3345" t="s">
        <v>117</v>
      </c>
      <c r="D3345" t="s">
        <v>118</v>
      </c>
      <c r="E3345">
        <v>2011</v>
      </c>
      <c r="F3345">
        <v>2011</v>
      </c>
      <c r="G3345" t="s">
        <v>126</v>
      </c>
      <c r="H3345" t="s">
        <v>120</v>
      </c>
      <c r="I3345" t="s">
        <v>15</v>
      </c>
      <c r="J3345" s="10">
        <v>9.1825364670000003</v>
      </c>
    </row>
    <row r="3346" spans="1:10" x14ac:dyDescent="0.35">
      <c r="A3346" t="s">
        <v>10</v>
      </c>
      <c r="B3346" t="s">
        <v>18</v>
      </c>
      <c r="C3346" t="s">
        <v>117</v>
      </c>
      <c r="D3346" t="s">
        <v>118</v>
      </c>
      <c r="E3346">
        <v>2011</v>
      </c>
      <c r="F3346">
        <v>2011</v>
      </c>
      <c r="G3346" t="s">
        <v>126</v>
      </c>
      <c r="H3346" t="s">
        <v>121</v>
      </c>
      <c r="I3346" t="s">
        <v>15</v>
      </c>
      <c r="J3346" s="10">
        <v>35.07394652</v>
      </c>
    </row>
    <row r="3347" spans="1:10" x14ac:dyDescent="0.35">
      <c r="A3347" t="s">
        <v>10</v>
      </c>
      <c r="B3347" t="s">
        <v>18</v>
      </c>
      <c r="C3347" t="s">
        <v>117</v>
      </c>
      <c r="D3347" t="s">
        <v>118</v>
      </c>
      <c r="E3347">
        <v>2011</v>
      </c>
      <c r="F3347">
        <v>2011</v>
      </c>
      <c r="G3347" t="s">
        <v>126</v>
      </c>
      <c r="H3347" t="s">
        <v>122</v>
      </c>
      <c r="I3347" t="s">
        <v>15</v>
      </c>
      <c r="J3347" s="10">
        <v>21.059562400000001</v>
      </c>
    </row>
    <row r="3348" spans="1:10" x14ac:dyDescent="0.35">
      <c r="A3348" t="s">
        <v>10</v>
      </c>
      <c r="B3348" t="s">
        <v>18</v>
      </c>
      <c r="C3348" t="s">
        <v>117</v>
      </c>
      <c r="D3348" t="s">
        <v>118</v>
      </c>
      <c r="E3348">
        <v>2011</v>
      </c>
      <c r="F3348">
        <v>2011</v>
      </c>
      <c r="G3348" t="s">
        <v>126</v>
      </c>
      <c r="H3348" t="s">
        <v>123</v>
      </c>
      <c r="I3348" t="s">
        <v>15</v>
      </c>
      <c r="J3348" s="10">
        <v>14.45755673</v>
      </c>
    </row>
    <row r="3349" spans="1:10" x14ac:dyDescent="0.35">
      <c r="A3349" t="s">
        <v>10</v>
      </c>
      <c r="B3349" t="s">
        <v>18</v>
      </c>
      <c r="C3349" t="s">
        <v>117</v>
      </c>
      <c r="D3349" t="s">
        <v>118</v>
      </c>
      <c r="E3349">
        <v>2011</v>
      </c>
      <c r="F3349">
        <v>2011</v>
      </c>
      <c r="G3349" t="s">
        <v>126</v>
      </c>
      <c r="H3349" t="s">
        <v>124</v>
      </c>
      <c r="I3349" t="s">
        <v>15</v>
      </c>
      <c r="J3349" s="10">
        <v>2.3120948139999999</v>
      </c>
    </row>
    <row r="3350" spans="1:10" x14ac:dyDescent="0.35">
      <c r="A3350" t="s">
        <v>10</v>
      </c>
      <c r="B3350" t="s">
        <v>19</v>
      </c>
      <c r="C3350" t="s">
        <v>117</v>
      </c>
      <c r="D3350" t="s">
        <v>118</v>
      </c>
      <c r="E3350">
        <v>2020</v>
      </c>
      <c r="F3350">
        <v>2020</v>
      </c>
      <c r="G3350" t="s">
        <v>14</v>
      </c>
      <c r="H3350" t="s">
        <v>119</v>
      </c>
      <c r="I3350" t="s">
        <v>15</v>
      </c>
      <c r="J3350" s="10">
        <v>18.955914029999999</v>
      </c>
    </row>
    <row r="3351" spans="1:10" x14ac:dyDescent="0.35">
      <c r="A3351" t="s">
        <v>10</v>
      </c>
      <c r="B3351" t="s">
        <v>19</v>
      </c>
      <c r="C3351" t="s">
        <v>117</v>
      </c>
      <c r="D3351" t="s">
        <v>118</v>
      </c>
      <c r="E3351">
        <v>2020</v>
      </c>
      <c r="F3351">
        <v>2020</v>
      </c>
      <c r="G3351" t="s">
        <v>14</v>
      </c>
      <c r="H3351" t="s">
        <v>120</v>
      </c>
      <c r="I3351" t="s">
        <v>15</v>
      </c>
      <c r="J3351" s="10">
        <v>8.261520677</v>
      </c>
    </row>
    <row r="3352" spans="1:10" x14ac:dyDescent="0.35">
      <c r="A3352" t="s">
        <v>10</v>
      </c>
      <c r="B3352" t="s">
        <v>19</v>
      </c>
      <c r="C3352" t="s">
        <v>117</v>
      </c>
      <c r="D3352" t="s">
        <v>118</v>
      </c>
      <c r="E3352">
        <v>2020</v>
      </c>
      <c r="F3352">
        <v>2020</v>
      </c>
      <c r="G3352" t="s">
        <v>14</v>
      </c>
      <c r="H3352" t="s">
        <v>121</v>
      </c>
      <c r="I3352" t="s">
        <v>15</v>
      </c>
      <c r="J3352" s="10">
        <v>29.916977559999999</v>
      </c>
    </row>
    <row r="3353" spans="1:10" x14ac:dyDescent="0.35">
      <c r="A3353" t="s">
        <v>10</v>
      </c>
      <c r="B3353" t="s">
        <v>19</v>
      </c>
      <c r="C3353" t="s">
        <v>117</v>
      </c>
      <c r="D3353" t="s">
        <v>118</v>
      </c>
      <c r="E3353">
        <v>2020</v>
      </c>
      <c r="F3353">
        <v>2020</v>
      </c>
      <c r="G3353" t="s">
        <v>14</v>
      </c>
      <c r="H3353" t="s">
        <v>122</v>
      </c>
      <c r="I3353" t="s">
        <v>15</v>
      </c>
      <c r="J3353" s="10">
        <v>22.07976459</v>
      </c>
    </row>
    <row r="3354" spans="1:10" x14ac:dyDescent="0.35">
      <c r="A3354" t="s">
        <v>10</v>
      </c>
      <c r="B3354" t="s">
        <v>19</v>
      </c>
      <c r="C3354" t="s">
        <v>117</v>
      </c>
      <c r="D3354" t="s">
        <v>118</v>
      </c>
      <c r="E3354">
        <v>2020</v>
      </c>
      <c r="F3354">
        <v>2020</v>
      </c>
      <c r="G3354" t="s">
        <v>14</v>
      </c>
      <c r="H3354" t="s">
        <v>123</v>
      </c>
      <c r="I3354" t="s">
        <v>15</v>
      </c>
      <c r="J3354" s="10">
        <v>18.312227419999999</v>
      </c>
    </row>
    <row r="3355" spans="1:10" x14ac:dyDescent="0.35">
      <c r="A3355" t="s">
        <v>10</v>
      </c>
      <c r="B3355" t="s">
        <v>19</v>
      </c>
      <c r="C3355" t="s">
        <v>117</v>
      </c>
      <c r="D3355" t="s">
        <v>118</v>
      </c>
      <c r="E3355">
        <v>2020</v>
      </c>
      <c r="F3355">
        <v>2020</v>
      </c>
      <c r="G3355" t="s">
        <v>14</v>
      </c>
      <c r="H3355" t="s">
        <v>124</v>
      </c>
      <c r="I3355" t="s">
        <v>15</v>
      </c>
      <c r="J3355" s="10">
        <v>2.4735957119999998</v>
      </c>
    </row>
    <row r="3356" spans="1:10" x14ac:dyDescent="0.35">
      <c r="A3356" t="s">
        <v>10</v>
      </c>
      <c r="B3356" t="s">
        <v>19</v>
      </c>
      <c r="C3356" t="s">
        <v>117</v>
      </c>
      <c r="D3356" t="s">
        <v>118</v>
      </c>
      <c r="E3356">
        <v>2020</v>
      </c>
      <c r="F3356">
        <v>2020</v>
      </c>
      <c r="G3356" t="s">
        <v>125</v>
      </c>
      <c r="H3356" t="s">
        <v>119</v>
      </c>
      <c r="I3356" t="s">
        <v>15</v>
      </c>
      <c r="J3356" s="10">
        <v>19.362180760000001</v>
      </c>
    </row>
    <row r="3357" spans="1:10" x14ac:dyDescent="0.35">
      <c r="A3357" t="s">
        <v>10</v>
      </c>
      <c r="B3357" t="s">
        <v>19</v>
      </c>
      <c r="C3357" t="s">
        <v>117</v>
      </c>
      <c r="D3357" t="s">
        <v>118</v>
      </c>
      <c r="E3357">
        <v>2020</v>
      </c>
      <c r="F3357">
        <v>2020</v>
      </c>
      <c r="G3357" t="s">
        <v>125</v>
      </c>
      <c r="H3357" t="s">
        <v>120</v>
      </c>
      <c r="I3357" t="s">
        <v>15</v>
      </c>
      <c r="J3357" s="10">
        <v>9.167659124</v>
      </c>
    </row>
    <row r="3358" spans="1:10" x14ac:dyDescent="0.35">
      <c r="A3358" t="s">
        <v>10</v>
      </c>
      <c r="B3358" t="s">
        <v>19</v>
      </c>
      <c r="C3358" t="s">
        <v>117</v>
      </c>
      <c r="D3358" t="s">
        <v>118</v>
      </c>
      <c r="E3358">
        <v>2020</v>
      </c>
      <c r="F3358">
        <v>2020</v>
      </c>
      <c r="G3358" t="s">
        <v>125</v>
      </c>
      <c r="H3358" t="s">
        <v>121</v>
      </c>
      <c r="I3358" t="s">
        <v>15</v>
      </c>
      <c r="J3358" s="10">
        <v>29.51965066</v>
      </c>
    </row>
    <row r="3359" spans="1:10" x14ac:dyDescent="0.35">
      <c r="A3359" t="s">
        <v>10</v>
      </c>
      <c r="B3359" t="s">
        <v>19</v>
      </c>
      <c r="C3359" t="s">
        <v>117</v>
      </c>
      <c r="D3359" t="s">
        <v>118</v>
      </c>
      <c r="E3359">
        <v>2020</v>
      </c>
      <c r="F3359">
        <v>2020</v>
      </c>
      <c r="G3359" t="s">
        <v>125</v>
      </c>
      <c r="H3359" t="s">
        <v>122</v>
      </c>
      <c r="I3359" t="s">
        <v>15</v>
      </c>
      <c r="J3359" s="10">
        <v>22.257509590000002</v>
      </c>
    </row>
    <row r="3360" spans="1:10" x14ac:dyDescent="0.35">
      <c r="A3360" t="s">
        <v>10</v>
      </c>
      <c r="B3360" t="s">
        <v>19</v>
      </c>
      <c r="C3360" t="s">
        <v>117</v>
      </c>
      <c r="D3360" t="s">
        <v>118</v>
      </c>
      <c r="E3360">
        <v>2020</v>
      </c>
      <c r="F3360">
        <v>2020</v>
      </c>
      <c r="G3360" t="s">
        <v>125</v>
      </c>
      <c r="H3360" t="s">
        <v>123</v>
      </c>
      <c r="I3360" t="s">
        <v>15</v>
      </c>
      <c r="J3360" s="10">
        <v>17.906576680000001</v>
      </c>
    </row>
    <row r="3361" spans="1:10" x14ac:dyDescent="0.35">
      <c r="A3361" t="s">
        <v>10</v>
      </c>
      <c r="B3361" t="s">
        <v>19</v>
      </c>
      <c r="C3361" t="s">
        <v>117</v>
      </c>
      <c r="D3361" t="s">
        <v>118</v>
      </c>
      <c r="E3361">
        <v>2020</v>
      </c>
      <c r="F3361">
        <v>2020</v>
      </c>
      <c r="G3361" t="s">
        <v>125</v>
      </c>
      <c r="H3361" t="s">
        <v>124</v>
      </c>
      <c r="I3361" t="s">
        <v>15</v>
      </c>
      <c r="J3361" s="10">
        <v>1.786423184</v>
      </c>
    </row>
    <row r="3362" spans="1:10" x14ac:dyDescent="0.35">
      <c r="A3362" t="s">
        <v>10</v>
      </c>
      <c r="B3362" t="s">
        <v>19</v>
      </c>
      <c r="C3362" t="s">
        <v>117</v>
      </c>
      <c r="D3362" t="s">
        <v>118</v>
      </c>
      <c r="E3362">
        <v>2020</v>
      </c>
      <c r="F3362">
        <v>2020</v>
      </c>
      <c r="G3362" t="s">
        <v>126</v>
      </c>
      <c r="H3362" t="s">
        <v>119</v>
      </c>
      <c r="I3362" t="s">
        <v>15</v>
      </c>
      <c r="J3362" s="10">
        <v>18.55551788</v>
      </c>
    </row>
    <row r="3363" spans="1:10" x14ac:dyDescent="0.35">
      <c r="A3363" t="s">
        <v>10</v>
      </c>
      <c r="B3363" t="s">
        <v>19</v>
      </c>
      <c r="C3363" t="s">
        <v>117</v>
      </c>
      <c r="D3363" t="s">
        <v>118</v>
      </c>
      <c r="E3363">
        <v>2020</v>
      </c>
      <c r="F3363">
        <v>2020</v>
      </c>
      <c r="G3363" t="s">
        <v>126</v>
      </c>
      <c r="H3363" t="s">
        <v>120</v>
      </c>
      <c r="I3363" t="s">
        <v>15</v>
      </c>
      <c r="J3363" s="10">
        <v>7.3684759639999999</v>
      </c>
    </row>
    <row r="3364" spans="1:10" x14ac:dyDescent="0.35">
      <c r="A3364" t="s">
        <v>10</v>
      </c>
      <c r="B3364" t="s">
        <v>19</v>
      </c>
      <c r="C3364" t="s">
        <v>117</v>
      </c>
      <c r="D3364" t="s">
        <v>118</v>
      </c>
      <c r="E3364">
        <v>2020</v>
      </c>
      <c r="F3364">
        <v>2020</v>
      </c>
      <c r="G3364" t="s">
        <v>126</v>
      </c>
      <c r="H3364" t="s">
        <v>121</v>
      </c>
      <c r="I3364" t="s">
        <v>15</v>
      </c>
      <c r="J3364" s="10">
        <v>30.308563079999999</v>
      </c>
    </row>
    <row r="3365" spans="1:10" x14ac:dyDescent="0.35">
      <c r="A3365" t="s">
        <v>10</v>
      </c>
      <c r="B3365" t="s">
        <v>19</v>
      </c>
      <c r="C3365" t="s">
        <v>117</v>
      </c>
      <c r="D3365" t="s">
        <v>118</v>
      </c>
      <c r="E3365">
        <v>2020</v>
      </c>
      <c r="F3365">
        <v>2020</v>
      </c>
      <c r="G3365" t="s">
        <v>126</v>
      </c>
      <c r="H3365" t="s">
        <v>122</v>
      </c>
      <c r="I3365" t="s">
        <v>15</v>
      </c>
      <c r="J3365" s="10">
        <v>21.904588019999998</v>
      </c>
    </row>
    <row r="3366" spans="1:10" x14ac:dyDescent="0.35">
      <c r="A3366" t="s">
        <v>10</v>
      </c>
      <c r="B3366" t="s">
        <v>19</v>
      </c>
      <c r="C3366" t="s">
        <v>117</v>
      </c>
      <c r="D3366" t="s">
        <v>118</v>
      </c>
      <c r="E3366">
        <v>2020</v>
      </c>
      <c r="F3366">
        <v>2020</v>
      </c>
      <c r="G3366" t="s">
        <v>126</v>
      </c>
      <c r="H3366" t="s">
        <v>123</v>
      </c>
      <c r="I3366" t="s">
        <v>15</v>
      </c>
      <c r="J3366" s="10">
        <v>18.712016479999999</v>
      </c>
    </row>
    <row r="3367" spans="1:10" x14ac:dyDescent="0.35">
      <c r="A3367" t="s">
        <v>10</v>
      </c>
      <c r="B3367" t="s">
        <v>19</v>
      </c>
      <c r="C3367" t="s">
        <v>117</v>
      </c>
      <c r="D3367" t="s">
        <v>118</v>
      </c>
      <c r="E3367">
        <v>2020</v>
      </c>
      <c r="F3367">
        <v>2020</v>
      </c>
      <c r="G3367" t="s">
        <v>126</v>
      </c>
      <c r="H3367" t="s">
        <v>124</v>
      </c>
      <c r="I3367" t="s">
        <v>15</v>
      </c>
      <c r="J3367" s="10">
        <v>3.1508385720000001</v>
      </c>
    </row>
    <row r="3368" spans="1:10" x14ac:dyDescent="0.35">
      <c r="A3368" t="s">
        <v>10</v>
      </c>
      <c r="B3368" t="s">
        <v>19</v>
      </c>
      <c r="C3368" t="s">
        <v>117</v>
      </c>
      <c r="D3368" t="s">
        <v>118</v>
      </c>
      <c r="E3368">
        <v>2019</v>
      </c>
      <c r="F3368">
        <v>2019</v>
      </c>
      <c r="G3368" t="s">
        <v>14</v>
      </c>
      <c r="H3368" t="s">
        <v>119</v>
      </c>
      <c r="I3368" t="s">
        <v>15</v>
      </c>
      <c r="J3368" s="10">
        <v>19.091587759999999</v>
      </c>
    </row>
    <row r="3369" spans="1:10" x14ac:dyDescent="0.35">
      <c r="A3369" t="s">
        <v>10</v>
      </c>
      <c r="B3369" t="s">
        <v>19</v>
      </c>
      <c r="C3369" t="s">
        <v>117</v>
      </c>
      <c r="D3369" t="s">
        <v>118</v>
      </c>
      <c r="E3369">
        <v>2019</v>
      </c>
      <c r="F3369">
        <v>2019</v>
      </c>
      <c r="G3369" t="s">
        <v>14</v>
      </c>
      <c r="H3369" t="s">
        <v>120</v>
      </c>
      <c r="I3369" t="s">
        <v>15</v>
      </c>
      <c r="J3369" s="10">
        <v>8.3729519470000007</v>
      </c>
    </row>
    <row r="3370" spans="1:10" x14ac:dyDescent="0.35">
      <c r="A3370" t="s">
        <v>10</v>
      </c>
      <c r="B3370" t="s">
        <v>19</v>
      </c>
      <c r="C3370" t="s">
        <v>117</v>
      </c>
      <c r="D3370" t="s">
        <v>118</v>
      </c>
      <c r="E3370">
        <v>2019</v>
      </c>
      <c r="F3370">
        <v>2019</v>
      </c>
      <c r="G3370" t="s">
        <v>14</v>
      </c>
      <c r="H3370" t="s">
        <v>121</v>
      </c>
      <c r="I3370" t="s">
        <v>15</v>
      </c>
      <c r="J3370" s="10">
        <v>30.394352550000001</v>
      </c>
    </row>
    <row r="3371" spans="1:10" x14ac:dyDescent="0.35">
      <c r="A3371" t="s">
        <v>10</v>
      </c>
      <c r="B3371" t="s">
        <v>19</v>
      </c>
      <c r="C3371" t="s">
        <v>117</v>
      </c>
      <c r="D3371" t="s">
        <v>118</v>
      </c>
      <c r="E3371">
        <v>2019</v>
      </c>
      <c r="F3371">
        <v>2019</v>
      </c>
      <c r="G3371" t="s">
        <v>14</v>
      </c>
      <c r="H3371" t="s">
        <v>122</v>
      </c>
      <c r="I3371" t="s">
        <v>15</v>
      </c>
      <c r="J3371" s="10">
        <v>21.917933810000001</v>
      </c>
    </row>
    <row r="3372" spans="1:10" x14ac:dyDescent="0.35">
      <c r="A3372" t="s">
        <v>10</v>
      </c>
      <c r="B3372" t="s">
        <v>19</v>
      </c>
      <c r="C3372" t="s">
        <v>117</v>
      </c>
      <c r="D3372" t="s">
        <v>118</v>
      </c>
      <c r="E3372">
        <v>2019</v>
      </c>
      <c r="F3372">
        <v>2019</v>
      </c>
      <c r="G3372" t="s">
        <v>14</v>
      </c>
      <c r="H3372" t="s">
        <v>123</v>
      </c>
      <c r="I3372" t="s">
        <v>15</v>
      </c>
      <c r="J3372" s="10">
        <v>17.785810640000001</v>
      </c>
    </row>
    <row r="3373" spans="1:10" x14ac:dyDescent="0.35">
      <c r="A3373" t="s">
        <v>10</v>
      </c>
      <c r="B3373" t="s">
        <v>19</v>
      </c>
      <c r="C3373" t="s">
        <v>117</v>
      </c>
      <c r="D3373" t="s">
        <v>118</v>
      </c>
      <c r="E3373">
        <v>2019</v>
      </c>
      <c r="F3373">
        <v>2019</v>
      </c>
      <c r="G3373" t="s">
        <v>14</v>
      </c>
      <c r="H3373" t="s">
        <v>124</v>
      </c>
      <c r="I3373" t="s">
        <v>15</v>
      </c>
      <c r="J3373" s="10">
        <v>2.4373632989999998</v>
      </c>
    </row>
    <row r="3374" spans="1:10" x14ac:dyDescent="0.35">
      <c r="A3374" t="s">
        <v>10</v>
      </c>
      <c r="B3374" t="s">
        <v>19</v>
      </c>
      <c r="C3374" t="s">
        <v>117</v>
      </c>
      <c r="D3374" t="s">
        <v>118</v>
      </c>
      <c r="E3374">
        <v>2019</v>
      </c>
      <c r="F3374">
        <v>2019</v>
      </c>
      <c r="G3374" t="s">
        <v>125</v>
      </c>
      <c r="H3374" t="s">
        <v>119</v>
      </c>
      <c r="I3374" t="s">
        <v>15</v>
      </c>
      <c r="J3374" s="10">
        <v>19.437272780000001</v>
      </c>
    </row>
    <row r="3375" spans="1:10" x14ac:dyDescent="0.35">
      <c r="A3375" t="s">
        <v>10</v>
      </c>
      <c r="B3375" t="s">
        <v>19</v>
      </c>
      <c r="C3375" t="s">
        <v>117</v>
      </c>
      <c r="D3375" t="s">
        <v>118</v>
      </c>
      <c r="E3375">
        <v>2019</v>
      </c>
      <c r="F3375">
        <v>2019</v>
      </c>
      <c r="G3375" t="s">
        <v>125</v>
      </c>
      <c r="H3375" t="s">
        <v>120</v>
      </c>
      <c r="I3375" t="s">
        <v>15</v>
      </c>
      <c r="J3375" s="10">
        <v>9.2813109229999995</v>
      </c>
    </row>
    <row r="3376" spans="1:10" x14ac:dyDescent="0.35">
      <c r="A3376" t="s">
        <v>10</v>
      </c>
      <c r="B3376" t="s">
        <v>19</v>
      </c>
      <c r="C3376" t="s">
        <v>117</v>
      </c>
      <c r="D3376" t="s">
        <v>118</v>
      </c>
      <c r="E3376">
        <v>2019</v>
      </c>
      <c r="F3376">
        <v>2019</v>
      </c>
      <c r="G3376" t="s">
        <v>125</v>
      </c>
      <c r="H3376" t="s">
        <v>121</v>
      </c>
      <c r="I3376" t="s">
        <v>15</v>
      </c>
      <c r="J3376" s="10">
        <v>30.08851889</v>
      </c>
    </row>
    <row r="3377" spans="1:10" x14ac:dyDescent="0.35">
      <c r="A3377" t="s">
        <v>10</v>
      </c>
      <c r="B3377" t="s">
        <v>19</v>
      </c>
      <c r="C3377" t="s">
        <v>117</v>
      </c>
      <c r="D3377" t="s">
        <v>118</v>
      </c>
      <c r="E3377">
        <v>2019</v>
      </c>
      <c r="F3377">
        <v>2019</v>
      </c>
      <c r="G3377" t="s">
        <v>125</v>
      </c>
      <c r="H3377" t="s">
        <v>122</v>
      </c>
      <c r="I3377" t="s">
        <v>15</v>
      </c>
      <c r="J3377" s="10">
        <v>22.048053110000001</v>
      </c>
    </row>
    <row r="3378" spans="1:10" x14ac:dyDescent="0.35">
      <c r="A3378" t="s">
        <v>10</v>
      </c>
      <c r="B3378" t="s">
        <v>19</v>
      </c>
      <c r="C3378" t="s">
        <v>117</v>
      </c>
      <c r="D3378" t="s">
        <v>118</v>
      </c>
      <c r="E3378">
        <v>2019</v>
      </c>
      <c r="F3378">
        <v>2019</v>
      </c>
      <c r="G3378" t="s">
        <v>125</v>
      </c>
      <c r="H3378" t="s">
        <v>123</v>
      </c>
      <c r="I3378" t="s">
        <v>15</v>
      </c>
      <c r="J3378" s="10">
        <v>17.366563039999999</v>
      </c>
    </row>
    <row r="3379" spans="1:10" x14ac:dyDescent="0.35">
      <c r="A3379" t="s">
        <v>10</v>
      </c>
      <c r="B3379" t="s">
        <v>19</v>
      </c>
      <c r="C3379" t="s">
        <v>117</v>
      </c>
      <c r="D3379" t="s">
        <v>118</v>
      </c>
      <c r="E3379">
        <v>2019</v>
      </c>
      <c r="F3379">
        <v>2019</v>
      </c>
      <c r="G3379" t="s">
        <v>125</v>
      </c>
      <c r="H3379" t="s">
        <v>124</v>
      </c>
      <c r="I3379" t="s">
        <v>15</v>
      </c>
      <c r="J3379" s="10">
        <v>1.778281258</v>
      </c>
    </row>
    <row r="3380" spans="1:10" x14ac:dyDescent="0.35">
      <c r="A3380" t="s">
        <v>10</v>
      </c>
      <c r="B3380" t="s">
        <v>19</v>
      </c>
      <c r="C3380" t="s">
        <v>117</v>
      </c>
      <c r="D3380" t="s">
        <v>118</v>
      </c>
      <c r="E3380">
        <v>2019</v>
      </c>
      <c r="F3380">
        <v>2019</v>
      </c>
      <c r="G3380" t="s">
        <v>126</v>
      </c>
      <c r="H3380" t="s">
        <v>119</v>
      </c>
      <c r="I3380" t="s">
        <v>15</v>
      </c>
      <c r="J3380" s="10">
        <v>18.74983722</v>
      </c>
    </row>
    <row r="3381" spans="1:10" x14ac:dyDescent="0.35">
      <c r="A3381" t="s">
        <v>10</v>
      </c>
      <c r="B3381" t="s">
        <v>19</v>
      </c>
      <c r="C3381" t="s">
        <v>117</v>
      </c>
      <c r="D3381" t="s">
        <v>118</v>
      </c>
      <c r="E3381">
        <v>2019</v>
      </c>
      <c r="F3381">
        <v>2019</v>
      </c>
      <c r="G3381" t="s">
        <v>126</v>
      </c>
      <c r="H3381" t="s">
        <v>120</v>
      </c>
      <c r="I3381" t="s">
        <v>15</v>
      </c>
      <c r="J3381" s="10">
        <v>7.4749316319999997</v>
      </c>
    </row>
    <row r="3382" spans="1:10" x14ac:dyDescent="0.35">
      <c r="A3382" t="s">
        <v>10</v>
      </c>
      <c r="B3382" t="s">
        <v>19</v>
      </c>
      <c r="C3382" t="s">
        <v>117</v>
      </c>
      <c r="D3382" t="s">
        <v>118</v>
      </c>
      <c r="E3382">
        <v>2019</v>
      </c>
      <c r="F3382">
        <v>2019</v>
      </c>
      <c r="G3382" t="s">
        <v>126</v>
      </c>
      <c r="H3382" t="s">
        <v>121</v>
      </c>
      <c r="I3382" t="s">
        <v>15</v>
      </c>
      <c r="J3382" s="10">
        <v>30.696705300000001</v>
      </c>
    </row>
    <row r="3383" spans="1:10" x14ac:dyDescent="0.35">
      <c r="A3383" t="s">
        <v>10</v>
      </c>
      <c r="B3383" t="s">
        <v>19</v>
      </c>
      <c r="C3383" t="s">
        <v>117</v>
      </c>
      <c r="D3383" t="s">
        <v>118</v>
      </c>
      <c r="E3383">
        <v>2019</v>
      </c>
      <c r="F3383">
        <v>2019</v>
      </c>
      <c r="G3383" t="s">
        <v>126</v>
      </c>
      <c r="H3383" t="s">
        <v>122</v>
      </c>
      <c r="I3383" t="s">
        <v>15</v>
      </c>
      <c r="J3383" s="10">
        <v>21.78929548</v>
      </c>
    </row>
    <row r="3384" spans="1:10" x14ac:dyDescent="0.35">
      <c r="A3384" t="s">
        <v>10</v>
      </c>
      <c r="B3384" t="s">
        <v>19</v>
      </c>
      <c r="C3384" t="s">
        <v>117</v>
      </c>
      <c r="D3384" t="s">
        <v>118</v>
      </c>
      <c r="E3384">
        <v>2019</v>
      </c>
      <c r="F3384">
        <v>2019</v>
      </c>
      <c r="G3384" t="s">
        <v>126</v>
      </c>
      <c r="H3384" t="s">
        <v>123</v>
      </c>
      <c r="I3384" t="s">
        <v>15</v>
      </c>
      <c r="J3384" s="10">
        <v>18.200286500000001</v>
      </c>
    </row>
    <row r="3385" spans="1:10" x14ac:dyDescent="0.35">
      <c r="A3385" t="s">
        <v>10</v>
      </c>
      <c r="B3385" t="s">
        <v>19</v>
      </c>
      <c r="C3385" t="s">
        <v>117</v>
      </c>
      <c r="D3385" t="s">
        <v>118</v>
      </c>
      <c r="E3385">
        <v>2019</v>
      </c>
      <c r="F3385">
        <v>2019</v>
      </c>
      <c r="G3385" t="s">
        <v>126</v>
      </c>
      <c r="H3385" t="s">
        <v>124</v>
      </c>
      <c r="I3385" t="s">
        <v>15</v>
      </c>
      <c r="J3385" s="10">
        <v>3.0889438729999998</v>
      </c>
    </row>
    <row r="3386" spans="1:10" x14ac:dyDescent="0.35">
      <c r="A3386" t="s">
        <v>10</v>
      </c>
      <c r="B3386" t="s">
        <v>19</v>
      </c>
      <c r="C3386" t="s">
        <v>117</v>
      </c>
      <c r="D3386" t="s">
        <v>118</v>
      </c>
      <c r="E3386">
        <v>2018</v>
      </c>
      <c r="F3386">
        <v>2018</v>
      </c>
      <c r="G3386" t="s">
        <v>14</v>
      </c>
      <c r="H3386" t="s">
        <v>119</v>
      </c>
      <c r="I3386" t="s">
        <v>15</v>
      </c>
      <c r="J3386" s="10">
        <v>19.09273877</v>
      </c>
    </row>
    <row r="3387" spans="1:10" x14ac:dyDescent="0.35">
      <c r="A3387" t="s">
        <v>10</v>
      </c>
      <c r="B3387" t="s">
        <v>19</v>
      </c>
      <c r="C3387" t="s">
        <v>117</v>
      </c>
      <c r="D3387" t="s">
        <v>118</v>
      </c>
      <c r="E3387">
        <v>2018</v>
      </c>
      <c r="F3387">
        <v>2018</v>
      </c>
      <c r="G3387" t="s">
        <v>14</v>
      </c>
      <c r="H3387" t="s">
        <v>120</v>
      </c>
      <c r="I3387" t="s">
        <v>15</v>
      </c>
      <c r="J3387" s="10">
        <v>8.6831512360000005</v>
      </c>
    </row>
    <row r="3388" spans="1:10" x14ac:dyDescent="0.35">
      <c r="A3388" t="s">
        <v>10</v>
      </c>
      <c r="B3388" t="s">
        <v>19</v>
      </c>
      <c r="C3388" t="s">
        <v>117</v>
      </c>
      <c r="D3388" t="s">
        <v>118</v>
      </c>
      <c r="E3388">
        <v>2018</v>
      </c>
      <c r="F3388">
        <v>2018</v>
      </c>
      <c r="G3388" t="s">
        <v>14</v>
      </c>
      <c r="H3388" t="s">
        <v>121</v>
      </c>
      <c r="I3388" t="s">
        <v>15</v>
      </c>
      <c r="J3388" s="10">
        <v>30.858905329999999</v>
      </c>
    </row>
    <row r="3389" spans="1:10" x14ac:dyDescent="0.35">
      <c r="A3389" t="s">
        <v>10</v>
      </c>
      <c r="B3389" t="s">
        <v>19</v>
      </c>
      <c r="C3389" t="s">
        <v>117</v>
      </c>
      <c r="D3389" t="s">
        <v>118</v>
      </c>
      <c r="E3389">
        <v>2018</v>
      </c>
      <c r="F3389">
        <v>2018</v>
      </c>
      <c r="G3389" t="s">
        <v>14</v>
      </c>
      <c r="H3389" t="s">
        <v>122</v>
      </c>
      <c r="I3389" t="s">
        <v>15</v>
      </c>
      <c r="J3389" s="10">
        <v>21.799362219999999</v>
      </c>
    </row>
    <row r="3390" spans="1:10" x14ac:dyDescent="0.35">
      <c r="A3390" t="s">
        <v>10</v>
      </c>
      <c r="B3390" t="s">
        <v>19</v>
      </c>
      <c r="C3390" t="s">
        <v>117</v>
      </c>
      <c r="D3390" t="s">
        <v>118</v>
      </c>
      <c r="E3390">
        <v>2018</v>
      </c>
      <c r="F3390">
        <v>2018</v>
      </c>
      <c r="G3390" t="s">
        <v>14</v>
      </c>
      <c r="H3390" t="s">
        <v>123</v>
      </c>
      <c r="I3390" t="s">
        <v>15</v>
      </c>
      <c r="J3390" s="10">
        <v>17.239531599999999</v>
      </c>
    </row>
    <row r="3391" spans="1:10" x14ac:dyDescent="0.35">
      <c r="A3391" t="s">
        <v>10</v>
      </c>
      <c r="B3391" t="s">
        <v>19</v>
      </c>
      <c r="C3391" t="s">
        <v>117</v>
      </c>
      <c r="D3391" t="s">
        <v>118</v>
      </c>
      <c r="E3391">
        <v>2018</v>
      </c>
      <c r="F3391">
        <v>2018</v>
      </c>
      <c r="G3391" t="s">
        <v>14</v>
      </c>
      <c r="H3391" t="s">
        <v>124</v>
      </c>
      <c r="I3391" t="s">
        <v>15</v>
      </c>
      <c r="J3391" s="10">
        <v>2.3263108369999999</v>
      </c>
    </row>
    <row r="3392" spans="1:10" x14ac:dyDescent="0.35">
      <c r="A3392" t="s">
        <v>10</v>
      </c>
      <c r="B3392" t="s">
        <v>19</v>
      </c>
      <c r="C3392" t="s">
        <v>117</v>
      </c>
      <c r="D3392" t="s">
        <v>118</v>
      </c>
      <c r="E3392">
        <v>2018</v>
      </c>
      <c r="F3392">
        <v>2018</v>
      </c>
      <c r="G3392" t="s">
        <v>125</v>
      </c>
      <c r="H3392" t="s">
        <v>119</v>
      </c>
      <c r="I3392" t="s">
        <v>15</v>
      </c>
      <c r="J3392" s="10">
        <v>19.468490989999999</v>
      </c>
    </row>
    <row r="3393" spans="1:10" x14ac:dyDescent="0.35">
      <c r="A3393" t="s">
        <v>10</v>
      </c>
      <c r="B3393" t="s">
        <v>19</v>
      </c>
      <c r="C3393" t="s">
        <v>117</v>
      </c>
      <c r="D3393" t="s">
        <v>118</v>
      </c>
      <c r="E3393">
        <v>2018</v>
      </c>
      <c r="F3393">
        <v>2018</v>
      </c>
      <c r="G3393" t="s">
        <v>125</v>
      </c>
      <c r="H3393" t="s">
        <v>120</v>
      </c>
      <c r="I3393" t="s">
        <v>15</v>
      </c>
      <c r="J3393" s="10">
        <v>9.625049336</v>
      </c>
    </row>
    <row r="3394" spans="1:10" x14ac:dyDescent="0.35">
      <c r="A3394" t="s">
        <v>10</v>
      </c>
      <c r="B3394" t="s">
        <v>19</v>
      </c>
      <c r="C3394" t="s">
        <v>117</v>
      </c>
      <c r="D3394" t="s">
        <v>118</v>
      </c>
      <c r="E3394">
        <v>2018</v>
      </c>
      <c r="F3394">
        <v>2018</v>
      </c>
      <c r="G3394" t="s">
        <v>125</v>
      </c>
      <c r="H3394" t="s">
        <v>121</v>
      </c>
      <c r="I3394" t="s">
        <v>15</v>
      </c>
      <c r="J3394" s="10">
        <v>30.414419160000001</v>
      </c>
    </row>
    <row r="3395" spans="1:10" x14ac:dyDescent="0.35">
      <c r="A3395" t="s">
        <v>10</v>
      </c>
      <c r="B3395" t="s">
        <v>19</v>
      </c>
      <c r="C3395" t="s">
        <v>117</v>
      </c>
      <c r="D3395" t="s">
        <v>118</v>
      </c>
      <c r="E3395">
        <v>2018</v>
      </c>
      <c r="F3395">
        <v>2018</v>
      </c>
      <c r="G3395" t="s">
        <v>125</v>
      </c>
      <c r="H3395" t="s">
        <v>122</v>
      </c>
      <c r="I3395" t="s">
        <v>15</v>
      </c>
      <c r="J3395" s="10">
        <v>21.94974345</v>
      </c>
    </row>
    <row r="3396" spans="1:10" x14ac:dyDescent="0.35">
      <c r="A3396" t="s">
        <v>10</v>
      </c>
      <c r="B3396" t="s">
        <v>19</v>
      </c>
      <c r="C3396" t="s">
        <v>117</v>
      </c>
      <c r="D3396" t="s">
        <v>118</v>
      </c>
      <c r="E3396">
        <v>2018</v>
      </c>
      <c r="F3396">
        <v>2018</v>
      </c>
      <c r="G3396" t="s">
        <v>125</v>
      </c>
      <c r="H3396" t="s">
        <v>123</v>
      </c>
      <c r="I3396" t="s">
        <v>15</v>
      </c>
      <c r="J3396" s="10">
        <v>16.871464280000001</v>
      </c>
    </row>
    <row r="3397" spans="1:10" x14ac:dyDescent="0.35">
      <c r="A3397" t="s">
        <v>10</v>
      </c>
      <c r="B3397" t="s">
        <v>19</v>
      </c>
      <c r="C3397" t="s">
        <v>117</v>
      </c>
      <c r="D3397" t="s">
        <v>118</v>
      </c>
      <c r="E3397">
        <v>2018</v>
      </c>
      <c r="F3397">
        <v>2018</v>
      </c>
      <c r="G3397" t="s">
        <v>125</v>
      </c>
      <c r="H3397" t="s">
        <v>124</v>
      </c>
      <c r="I3397" t="s">
        <v>15</v>
      </c>
      <c r="J3397" s="10">
        <v>1.670832785</v>
      </c>
    </row>
    <row r="3398" spans="1:10" x14ac:dyDescent="0.35">
      <c r="A3398" t="s">
        <v>10</v>
      </c>
      <c r="B3398" t="s">
        <v>19</v>
      </c>
      <c r="C3398" t="s">
        <v>117</v>
      </c>
      <c r="D3398" t="s">
        <v>118</v>
      </c>
      <c r="E3398">
        <v>2018</v>
      </c>
      <c r="F3398">
        <v>2018</v>
      </c>
      <c r="G3398" t="s">
        <v>126</v>
      </c>
      <c r="H3398" t="s">
        <v>119</v>
      </c>
      <c r="I3398" t="s">
        <v>15</v>
      </c>
      <c r="J3398" s="10">
        <v>18.721923610000001</v>
      </c>
    </row>
    <row r="3399" spans="1:10" x14ac:dyDescent="0.35">
      <c r="A3399" t="s">
        <v>10</v>
      </c>
      <c r="B3399" t="s">
        <v>19</v>
      </c>
      <c r="C3399" t="s">
        <v>117</v>
      </c>
      <c r="D3399" t="s">
        <v>118</v>
      </c>
      <c r="E3399">
        <v>2018</v>
      </c>
      <c r="F3399">
        <v>2018</v>
      </c>
      <c r="G3399" t="s">
        <v>126</v>
      </c>
      <c r="H3399" t="s">
        <v>120</v>
      </c>
      <c r="I3399" t="s">
        <v>15</v>
      </c>
      <c r="J3399" s="10">
        <v>7.7536288329999996</v>
      </c>
    </row>
    <row r="3400" spans="1:10" x14ac:dyDescent="0.35">
      <c r="A3400" t="s">
        <v>10</v>
      </c>
      <c r="B3400" t="s">
        <v>19</v>
      </c>
      <c r="C3400" t="s">
        <v>117</v>
      </c>
      <c r="D3400" t="s">
        <v>118</v>
      </c>
      <c r="E3400">
        <v>2018</v>
      </c>
      <c r="F3400">
        <v>2018</v>
      </c>
      <c r="G3400" t="s">
        <v>126</v>
      </c>
      <c r="H3400" t="s">
        <v>121</v>
      </c>
      <c r="I3400" t="s">
        <v>15</v>
      </c>
      <c r="J3400" s="10">
        <v>31.297551349999999</v>
      </c>
    </row>
    <row r="3401" spans="1:10" x14ac:dyDescent="0.35">
      <c r="A3401" t="s">
        <v>10</v>
      </c>
      <c r="B3401" t="s">
        <v>19</v>
      </c>
      <c r="C3401" t="s">
        <v>117</v>
      </c>
      <c r="D3401" t="s">
        <v>118</v>
      </c>
      <c r="E3401">
        <v>2018</v>
      </c>
      <c r="F3401">
        <v>2018</v>
      </c>
      <c r="G3401" t="s">
        <v>126</v>
      </c>
      <c r="H3401" t="s">
        <v>122</v>
      </c>
      <c r="I3401" t="s">
        <v>15</v>
      </c>
      <c r="J3401" s="10">
        <v>21.650956870000002</v>
      </c>
    </row>
    <row r="3402" spans="1:10" x14ac:dyDescent="0.35">
      <c r="A3402" t="s">
        <v>10</v>
      </c>
      <c r="B3402" t="s">
        <v>19</v>
      </c>
      <c r="C3402" t="s">
        <v>117</v>
      </c>
      <c r="D3402" t="s">
        <v>118</v>
      </c>
      <c r="E3402">
        <v>2018</v>
      </c>
      <c r="F3402">
        <v>2018</v>
      </c>
      <c r="G3402" t="s">
        <v>126</v>
      </c>
      <c r="H3402" t="s">
        <v>123</v>
      </c>
      <c r="I3402" t="s">
        <v>15</v>
      </c>
      <c r="J3402" s="10">
        <v>17.602762850000001</v>
      </c>
    </row>
    <row r="3403" spans="1:10" x14ac:dyDescent="0.35">
      <c r="A3403" t="s">
        <v>10</v>
      </c>
      <c r="B3403" t="s">
        <v>19</v>
      </c>
      <c r="C3403" t="s">
        <v>117</v>
      </c>
      <c r="D3403" t="s">
        <v>118</v>
      </c>
      <c r="E3403">
        <v>2018</v>
      </c>
      <c r="F3403">
        <v>2018</v>
      </c>
      <c r="G3403" t="s">
        <v>126</v>
      </c>
      <c r="H3403" t="s">
        <v>124</v>
      </c>
      <c r="I3403" t="s">
        <v>15</v>
      </c>
      <c r="J3403" s="10">
        <v>2.9731764950000001</v>
      </c>
    </row>
    <row r="3404" spans="1:10" x14ac:dyDescent="0.35">
      <c r="A3404" t="s">
        <v>10</v>
      </c>
      <c r="B3404" t="s">
        <v>19</v>
      </c>
      <c r="C3404" t="s">
        <v>117</v>
      </c>
      <c r="D3404" t="s">
        <v>118</v>
      </c>
      <c r="E3404">
        <v>2017</v>
      </c>
      <c r="F3404">
        <v>2017</v>
      </c>
      <c r="G3404" t="s">
        <v>14</v>
      </c>
      <c r="H3404" t="s">
        <v>119</v>
      </c>
      <c r="I3404" t="s">
        <v>15</v>
      </c>
      <c r="J3404" s="10">
        <v>19.059289769999999</v>
      </c>
    </row>
    <row r="3405" spans="1:10" x14ac:dyDescent="0.35">
      <c r="A3405" t="s">
        <v>10</v>
      </c>
      <c r="B3405" t="s">
        <v>19</v>
      </c>
      <c r="C3405" t="s">
        <v>117</v>
      </c>
      <c r="D3405" t="s">
        <v>118</v>
      </c>
      <c r="E3405">
        <v>2017</v>
      </c>
      <c r="F3405">
        <v>2017</v>
      </c>
      <c r="G3405" t="s">
        <v>14</v>
      </c>
      <c r="H3405" t="s">
        <v>120</v>
      </c>
      <c r="I3405" t="s">
        <v>15</v>
      </c>
      <c r="J3405" s="10">
        <v>8.9586483809999997</v>
      </c>
    </row>
    <row r="3406" spans="1:10" x14ac:dyDescent="0.35">
      <c r="A3406" t="s">
        <v>10</v>
      </c>
      <c r="B3406" t="s">
        <v>19</v>
      </c>
      <c r="C3406" t="s">
        <v>117</v>
      </c>
      <c r="D3406" t="s">
        <v>118</v>
      </c>
      <c r="E3406">
        <v>2017</v>
      </c>
      <c r="F3406">
        <v>2017</v>
      </c>
      <c r="G3406" t="s">
        <v>14</v>
      </c>
      <c r="H3406" t="s">
        <v>121</v>
      </c>
      <c r="I3406" t="s">
        <v>15</v>
      </c>
      <c r="J3406" s="10">
        <v>31.307034470000001</v>
      </c>
    </row>
    <row r="3407" spans="1:10" x14ac:dyDescent="0.35">
      <c r="A3407" t="s">
        <v>10</v>
      </c>
      <c r="B3407" t="s">
        <v>19</v>
      </c>
      <c r="C3407" t="s">
        <v>117</v>
      </c>
      <c r="D3407" t="s">
        <v>118</v>
      </c>
      <c r="E3407">
        <v>2017</v>
      </c>
      <c r="F3407">
        <v>2017</v>
      </c>
      <c r="G3407" t="s">
        <v>14</v>
      </c>
      <c r="H3407" t="s">
        <v>122</v>
      </c>
      <c r="I3407" t="s">
        <v>15</v>
      </c>
      <c r="J3407" s="10">
        <v>21.628774050000001</v>
      </c>
    </row>
    <row r="3408" spans="1:10" x14ac:dyDescent="0.35">
      <c r="A3408" t="s">
        <v>10</v>
      </c>
      <c r="B3408" t="s">
        <v>19</v>
      </c>
      <c r="C3408" t="s">
        <v>117</v>
      </c>
      <c r="D3408" t="s">
        <v>118</v>
      </c>
      <c r="E3408">
        <v>2017</v>
      </c>
      <c r="F3408">
        <v>2017</v>
      </c>
      <c r="G3408" t="s">
        <v>14</v>
      </c>
      <c r="H3408" t="s">
        <v>123</v>
      </c>
      <c r="I3408" t="s">
        <v>15</v>
      </c>
      <c r="J3408" s="10">
        <v>16.664493929999999</v>
      </c>
    </row>
    <row r="3409" spans="1:10" x14ac:dyDescent="0.35">
      <c r="A3409" t="s">
        <v>10</v>
      </c>
      <c r="B3409" t="s">
        <v>19</v>
      </c>
      <c r="C3409" t="s">
        <v>117</v>
      </c>
      <c r="D3409" t="s">
        <v>118</v>
      </c>
      <c r="E3409">
        <v>2017</v>
      </c>
      <c r="F3409">
        <v>2017</v>
      </c>
      <c r="G3409" t="s">
        <v>14</v>
      </c>
      <c r="H3409" t="s">
        <v>124</v>
      </c>
      <c r="I3409" t="s">
        <v>15</v>
      </c>
      <c r="J3409" s="10">
        <v>2.3817593989999999</v>
      </c>
    </row>
    <row r="3410" spans="1:10" x14ac:dyDescent="0.35">
      <c r="A3410" t="s">
        <v>10</v>
      </c>
      <c r="B3410" t="s">
        <v>19</v>
      </c>
      <c r="C3410" t="s">
        <v>117</v>
      </c>
      <c r="D3410" t="s">
        <v>118</v>
      </c>
      <c r="E3410">
        <v>2017</v>
      </c>
      <c r="F3410">
        <v>2017</v>
      </c>
      <c r="G3410" t="s">
        <v>125</v>
      </c>
      <c r="H3410" t="s">
        <v>119</v>
      </c>
      <c r="I3410" t="s">
        <v>15</v>
      </c>
      <c r="J3410" s="10">
        <v>19.538118359999999</v>
      </c>
    </row>
    <row r="3411" spans="1:10" x14ac:dyDescent="0.35">
      <c r="A3411" t="s">
        <v>10</v>
      </c>
      <c r="B3411" t="s">
        <v>19</v>
      </c>
      <c r="C3411" t="s">
        <v>117</v>
      </c>
      <c r="D3411" t="s">
        <v>118</v>
      </c>
      <c r="E3411">
        <v>2017</v>
      </c>
      <c r="F3411">
        <v>2017</v>
      </c>
      <c r="G3411" t="s">
        <v>125</v>
      </c>
      <c r="H3411" t="s">
        <v>120</v>
      </c>
      <c r="I3411" t="s">
        <v>15</v>
      </c>
      <c r="J3411" s="10">
        <v>9.7677470149999994</v>
      </c>
    </row>
    <row r="3412" spans="1:10" x14ac:dyDescent="0.35">
      <c r="A3412" t="s">
        <v>10</v>
      </c>
      <c r="B3412" t="s">
        <v>19</v>
      </c>
      <c r="C3412" t="s">
        <v>117</v>
      </c>
      <c r="D3412" t="s">
        <v>118</v>
      </c>
      <c r="E3412">
        <v>2017</v>
      </c>
      <c r="F3412">
        <v>2017</v>
      </c>
      <c r="G3412" t="s">
        <v>125</v>
      </c>
      <c r="H3412" t="s">
        <v>121</v>
      </c>
      <c r="I3412" t="s">
        <v>15</v>
      </c>
      <c r="J3412" s="10">
        <v>30.888334860000001</v>
      </c>
    </row>
    <row r="3413" spans="1:10" x14ac:dyDescent="0.35">
      <c r="A3413" t="s">
        <v>10</v>
      </c>
      <c r="B3413" t="s">
        <v>19</v>
      </c>
      <c r="C3413" t="s">
        <v>117</v>
      </c>
      <c r="D3413" t="s">
        <v>118</v>
      </c>
      <c r="E3413">
        <v>2017</v>
      </c>
      <c r="F3413">
        <v>2017</v>
      </c>
      <c r="G3413" t="s">
        <v>125</v>
      </c>
      <c r="H3413" t="s">
        <v>122</v>
      </c>
      <c r="I3413" t="s">
        <v>15</v>
      </c>
      <c r="J3413" s="10">
        <v>21.721558850000001</v>
      </c>
    </row>
    <row r="3414" spans="1:10" x14ac:dyDescent="0.35">
      <c r="A3414" t="s">
        <v>10</v>
      </c>
      <c r="B3414" t="s">
        <v>19</v>
      </c>
      <c r="C3414" t="s">
        <v>117</v>
      </c>
      <c r="D3414" t="s">
        <v>118</v>
      </c>
      <c r="E3414">
        <v>2017</v>
      </c>
      <c r="F3414">
        <v>2017</v>
      </c>
      <c r="G3414" t="s">
        <v>125</v>
      </c>
      <c r="H3414" t="s">
        <v>123</v>
      </c>
      <c r="I3414" t="s">
        <v>15</v>
      </c>
      <c r="J3414" s="10">
        <v>16.357433409999999</v>
      </c>
    </row>
    <row r="3415" spans="1:10" x14ac:dyDescent="0.35">
      <c r="A3415" t="s">
        <v>10</v>
      </c>
      <c r="B3415" t="s">
        <v>19</v>
      </c>
      <c r="C3415" t="s">
        <v>117</v>
      </c>
      <c r="D3415" t="s">
        <v>118</v>
      </c>
      <c r="E3415">
        <v>2017</v>
      </c>
      <c r="F3415">
        <v>2017</v>
      </c>
      <c r="G3415" t="s">
        <v>125</v>
      </c>
      <c r="H3415" t="s">
        <v>124</v>
      </c>
      <c r="I3415" t="s">
        <v>15</v>
      </c>
      <c r="J3415" s="10">
        <v>1.7268075060000001</v>
      </c>
    </row>
    <row r="3416" spans="1:10" x14ac:dyDescent="0.35">
      <c r="A3416" t="s">
        <v>10</v>
      </c>
      <c r="B3416" t="s">
        <v>19</v>
      </c>
      <c r="C3416" t="s">
        <v>117</v>
      </c>
      <c r="D3416" t="s">
        <v>118</v>
      </c>
      <c r="E3416">
        <v>2017</v>
      </c>
      <c r="F3416">
        <v>2017</v>
      </c>
      <c r="G3416" t="s">
        <v>126</v>
      </c>
      <c r="H3416" t="s">
        <v>119</v>
      </c>
      <c r="I3416" t="s">
        <v>15</v>
      </c>
      <c r="J3416" s="10">
        <v>18.58663834</v>
      </c>
    </row>
    <row r="3417" spans="1:10" x14ac:dyDescent="0.35">
      <c r="A3417" t="s">
        <v>10</v>
      </c>
      <c r="B3417" t="s">
        <v>19</v>
      </c>
      <c r="C3417" t="s">
        <v>117</v>
      </c>
      <c r="D3417" t="s">
        <v>118</v>
      </c>
      <c r="E3417">
        <v>2017</v>
      </c>
      <c r="F3417">
        <v>2017</v>
      </c>
      <c r="G3417" t="s">
        <v>126</v>
      </c>
      <c r="H3417" t="s">
        <v>120</v>
      </c>
      <c r="I3417" t="s">
        <v>15</v>
      </c>
      <c r="J3417" s="10">
        <v>8.1599875659999999</v>
      </c>
    </row>
    <row r="3418" spans="1:10" x14ac:dyDescent="0.35">
      <c r="A3418" t="s">
        <v>10</v>
      </c>
      <c r="B3418" t="s">
        <v>19</v>
      </c>
      <c r="C3418" t="s">
        <v>117</v>
      </c>
      <c r="D3418" t="s">
        <v>118</v>
      </c>
      <c r="E3418">
        <v>2017</v>
      </c>
      <c r="F3418">
        <v>2017</v>
      </c>
      <c r="G3418" t="s">
        <v>126</v>
      </c>
      <c r="H3418" t="s">
        <v>121</v>
      </c>
      <c r="I3418" t="s">
        <v>15</v>
      </c>
      <c r="J3418" s="10">
        <v>31.720332620000001</v>
      </c>
    </row>
    <row r="3419" spans="1:10" x14ac:dyDescent="0.35">
      <c r="A3419" t="s">
        <v>10</v>
      </c>
      <c r="B3419" t="s">
        <v>19</v>
      </c>
      <c r="C3419" t="s">
        <v>117</v>
      </c>
      <c r="D3419" t="s">
        <v>118</v>
      </c>
      <c r="E3419">
        <v>2017</v>
      </c>
      <c r="F3419">
        <v>2017</v>
      </c>
      <c r="G3419" t="s">
        <v>126</v>
      </c>
      <c r="H3419" t="s">
        <v>122</v>
      </c>
      <c r="I3419" t="s">
        <v>15</v>
      </c>
      <c r="J3419" s="10">
        <v>21.53718623</v>
      </c>
    </row>
    <row r="3420" spans="1:10" x14ac:dyDescent="0.35">
      <c r="A3420" t="s">
        <v>10</v>
      </c>
      <c r="B3420" t="s">
        <v>19</v>
      </c>
      <c r="C3420" t="s">
        <v>117</v>
      </c>
      <c r="D3420" t="s">
        <v>118</v>
      </c>
      <c r="E3420">
        <v>2017</v>
      </c>
      <c r="F3420">
        <v>2017</v>
      </c>
      <c r="G3420" t="s">
        <v>126</v>
      </c>
      <c r="H3420" t="s">
        <v>123</v>
      </c>
      <c r="I3420" t="s">
        <v>15</v>
      </c>
      <c r="J3420" s="10">
        <v>16.967593189999999</v>
      </c>
    </row>
    <row r="3421" spans="1:10" x14ac:dyDescent="0.35">
      <c r="A3421" t="s">
        <v>10</v>
      </c>
      <c r="B3421" t="s">
        <v>19</v>
      </c>
      <c r="C3421" t="s">
        <v>117</v>
      </c>
      <c r="D3421" t="s">
        <v>118</v>
      </c>
      <c r="E3421">
        <v>2017</v>
      </c>
      <c r="F3421">
        <v>2017</v>
      </c>
      <c r="G3421" t="s">
        <v>126</v>
      </c>
      <c r="H3421" t="s">
        <v>124</v>
      </c>
      <c r="I3421" t="s">
        <v>15</v>
      </c>
      <c r="J3421" s="10">
        <v>3.0282620520000001</v>
      </c>
    </row>
    <row r="3422" spans="1:10" x14ac:dyDescent="0.35">
      <c r="A3422" t="s">
        <v>10</v>
      </c>
      <c r="B3422" t="s">
        <v>19</v>
      </c>
      <c r="C3422" t="s">
        <v>117</v>
      </c>
      <c r="D3422" t="s">
        <v>118</v>
      </c>
      <c r="E3422">
        <v>2016</v>
      </c>
      <c r="F3422">
        <v>2016</v>
      </c>
      <c r="G3422" t="s">
        <v>14</v>
      </c>
      <c r="H3422" t="s">
        <v>119</v>
      </c>
      <c r="I3422" t="s">
        <v>15</v>
      </c>
      <c r="J3422" s="10">
        <v>19.137339780000001</v>
      </c>
    </row>
    <row r="3423" spans="1:10" x14ac:dyDescent="0.35">
      <c r="A3423" t="s">
        <v>10</v>
      </c>
      <c r="B3423" t="s">
        <v>19</v>
      </c>
      <c r="C3423" t="s">
        <v>117</v>
      </c>
      <c r="D3423" t="s">
        <v>118</v>
      </c>
      <c r="E3423">
        <v>2016</v>
      </c>
      <c r="F3423">
        <v>2016</v>
      </c>
      <c r="G3423" t="s">
        <v>14</v>
      </c>
      <c r="H3423" t="s">
        <v>120</v>
      </c>
      <c r="I3423" t="s">
        <v>15</v>
      </c>
      <c r="J3423" s="10">
        <v>9.1103490540000003</v>
      </c>
    </row>
    <row r="3424" spans="1:10" x14ac:dyDescent="0.35">
      <c r="A3424" t="s">
        <v>10</v>
      </c>
      <c r="B3424" t="s">
        <v>19</v>
      </c>
      <c r="C3424" t="s">
        <v>117</v>
      </c>
      <c r="D3424" t="s">
        <v>118</v>
      </c>
      <c r="E3424">
        <v>2016</v>
      </c>
      <c r="F3424">
        <v>2016</v>
      </c>
      <c r="G3424" t="s">
        <v>14</v>
      </c>
      <c r="H3424" t="s">
        <v>121</v>
      </c>
      <c r="I3424" t="s">
        <v>15</v>
      </c>
      <c r="J3424" s="10">
        <v>31.79038504</v>
      </c>
    </row>
    <row r="3425" spans="1:10" x14ac:dyDescent="0.35">
      <c r="A3425" t="s">
        <v>10</v>
      </c>
      <c r="B3425" t="s">
        <v>19</v>
      </c>
      <c r="C3425" t="s">
        <v>117</v>
      </c>
      <c r="D3425" t="s">
        <v>118</v>
      </c>
      <c r="E3425">
        <v>2016</v>
      </c>
      <c r="F3425">
        <v>2016</v>
      </c>
      <c r="G3425" t="s">
        <v>14</v>
      </c>
      <c r="H3425" t="s">
        <v>122</v>
      </c>
      <c r="I3425" t="s">
        <v>15</v>
      </c>
      <c r="J3425" s="10">
        <v>21.447850519999999</v>
      </c>
    </row>
    <row r="3426" spans="1:10" x14ac:dyDescent="0.35">
      <c r="A3426" t="s">
        <v>10</v>
      </c>
      <c r="B3426" t="s">
        <v>19</v>
      </c>
      <c r="C3426" t="s">
        <v>117</v>
      </c>
      <c r="D3426" t="s">
        <v>118</v>
      </c>
      <c r="E3426">
        <v>2016</v>
      </c>
      <c r="F3426">
        <v>2016</v>
      </c>
      <c r="G3426" t="s">
        <v>14</v>
      </c>
      <c r="H3426" t="s">
        <v>123</v>
      </c>
      <c r="I3426" t="s">
        <v>15</v>
      </c>
      <c r="J3426" s="10">
        <v>16.15792836</v>
      </c>
    </row>
    <row r="3427" spans="1:10" x14ac:dyDescent="0.35">
      <c r="A3427" t="s">
        <v>10</v>
      </c>
      <c r="B3427" t="s">
        <v>19</v>
      </c>
      <c r="C3427" t="s">
        <v>117</v>
      </c>
      <c r="D3427" t="s">
        <v>118</v>
      </c>
      <c r="E3427">
        <v>2016</v>
      </c>
      <c r="F3427">
        <v>2016</v>
      </c>
      <c r="G3427" t="s">
        <v>14</v>
      </c>
      <c r="H3427" t="s">
        <v>124</v>
      </c>
      <c r="I3427" t="s">
        <v>15</v>
      </c>
      <c r="J3427" s="10">
        <v>2.356147236</v>
      </c>
    </row>
    <row r="3428" spans="1:10" x14ac:dyDescent="0.35">
      <c r="A3428" t="s">
        <v>10</v>
      </c>
      <c r="B3428" t="s">
        <v>19</v>
      </c>
      <c r="C3428" t="s">
        <v>117</v>
      </c>
      <c r="D3428" t="s">
        <v>118</v>
      </c>
      <c r="E3428">
        <v>2016</v>
      </c>
      <c r="F3428">
        <v>2016</v>
      </c>
      <c r="G3428" t="s">
        <v>125</v>
      </c>
      <c r="H3428" t="s">
        <v>119</v>
      </c>
      <c r="I3428" t="s">
        <v>15</v>
      </c>
      <c r="J3428" s="10">
        <v>19.67307894</v>
      </c>
    </row>
    <row r="3429" spans="1:10" x14ac:dyDescent="0.35">
      <c r="A3429" t="s">
        <v>10</v>
      </c>
      <c r="B3429" t="s">
        <v>19</v>
      </c>
      <c r="C3429" t="s">
        <v>117</v>
      </c>
      <c r="D3429" t="s">
        <v>118</v>
      </c>
      <c r="E3429">
        <v>2016</v>
      </c>
      <c r="F3429">
        <v>2016</v>
      </c>
      <c r="G3429" t="s">
        <v>125</v>
      </c>
      <c r="H3429" t="s">
        <v>120</v>
      </c>
      <c r="I3429" t="s">
        <v>15</v>
      </c>
      <c r="J3429" s="10">
        <v>9.8181435930000003</v>
      </c>
    </row>
    <row r="3430" spans="1:10" x14ac:dyDescent="0.35">
      <c r="A3430" t="s">
        <v>10</v>
      </c>
      <c r="B3430" t="s">
        <v>19</v>
      </c>
      <c r="C3430" t="s">
        <v>117</v>
      </c>
      <c r="D3430" t="s">
        <v>118</v>
      </c>
      <c r="E3430">
        <v>2016</v>
      </c>
      <c r="F3430">
        <v>2016</v>
      </c>
      <c r="G3430" t="s">
        <v>125</v>
      </c>
      <c r="H3430" t="s">
        <v>121</v>
      </c>
      <c r="I3430" t="s">
        <v>15</v>
      </c>
      <c r="J3430" s="10">
        <v>31.34657837</v>
      </c>
    </row>
    <row r="3431" spans="1:10" x14ac:dyDescent="0.35">
      <c r="A3431" t="s">
        <v>10</v>
      </c>
      <c r="B3431" t="s">
        <v>19</v>
      </c>
      <c r="C3431" t="s">
        <v>117</v>
      </c>
      <c r="D3431" t="s">
        <v>118</v>
      </c>
      <c r="E3431">
        <v>2016</v>
      </c>
      <c r="F3431">
        <v>2016</v>
      </c>
      <c r="G3431" t="s">
        <v>125</v>
      </c>
      <c r="H3431" t="s">
        <v>122</v>
      </c>
      <c r="I3431" t="s">
        <v>15</v>
      </c>
      <c r="J3431" s="10">
        <v>21.596762330000001</v>
      </c>
    </row>
    <row r="3432" spans="1:10" x14ac:dyDescent="0.35">
      <c r="A3432" t="s">
        <v>10</v>
      </c>
      <c r="B3432" t="s">
        <v>19</v>
      </c>
      <c r="C3432" t="s">
        <v>117</v>
      </c>
      <c r="D3432" t="s">
        <v>118</v>
      </c>
      <c r="E3432">
        <v>2016</v>
      </c>
      <c r="F3432">
        <v>2016</v>
      </c>
      <c r="G3432" t="s">
        <v>125</v>
      </c>
      <c r="H3432" t="s">
        <v>123</v>
      </c>
      <c r="I3432" t="s">
        <v>15</v>
      </c>
      <c r="J3432" s="10">
        <v>15.84148008</v>
      </c>
    </row>
    <row r="3433" spans="1:10" x14ac:dyDescent="0.35">
      <c r="A3433" t="s">
        <v>10</v>
      </c>
      <c r="B3433" t="s">
        <v>19</v>
      </c>
      <c r="C3433" t="s">
        <v>117</v>
      </c>
      <c r="D3433" t="s">
        <v>118</v>
      </c>
      <c r="E3433">
        <v>2016</v>
      </c>
      <c r="F3433">
        <v>2016</v>
      </c>
      <c r="G3433" t="s">
        <v>125</v>
      </c>
      <c r="H3433" t="s">
        <v>124</v>
      </c>
      <c r="I3433" t="s">
        <v>15</v>
      </c>
      <c r="J3433" s="10">
        <v>1.7239566909999999</v>
      </c>
    </row>
    <row r="3434" spans="1:10" x14ac:dyDescent="0.35">
      <c r="A3434" t="s">
        <v>10</v>
      </c>
      <c r="B3434" t="s">
        <v>19</v>
      </c>
      <c r="C3434" t="s">
        <v>117</v>
      </c>
      <c r="D3434" t="s">
        <v>118</v>
      </c>
      <c r="E3434">
        <v>2016</v>
      </c>
      <c r="F3434">
        <v>2016</v>
      </c>
      <c r="G3434" t="s">
        <v>126</v>
      </c>
      <c r="H3434" t="s">
        <v>119</v>
      </c>
      <c r="I3434" t="s">
        <v>15</v>
      </c>
      <c r="J3434" s="10">
        <v>18.609766830000002</v>
      </c>
    </row>
    <row r="3435" spans="1:10" x14ac:dyDescent="0.35">
      <c r="A3435" t="s">
        <v>10</v>
      </c>
      <c r="B3435" t="s">
        <v>19</v>
      </c>
      <c r="C3435" t="s">
        <v>117</v>
      </c>
      <c r="D3435" t="s">
        <v>118</v>
      </c>
      <c r="E3435">
        <v>2016</v>
      </c>
      <c r="F3435">
        <v>2016</v>
      </c>
      <c r="G3435" t="s">
        <v>126</v>
      </c>
      <c r="H3435" t="s">
        <v>120</v>
      </c>
      <c r="I3435" t="s">
        <v>15</v>
      </c>
      <c r="J3435" s="10">
        <v>8.4133433400000008</v>
      </c>
    </row>
    <row r="3436" spans="1:10" x14ac:dyDescent="0.35">
      <c r="A3436" t="s">
        <v>10</v>
      </c>
      <c r="B3436" t="s">
        <v>19</v>
      </c>
      <c r="C3436" t="s">
        <v>117</v>
      </c>
      <c r="D3436" t="s">
        <v>118</v>
      </c>
      <c r="E3436">
        <v>2016</v>
      </c>
      <c r="F3436">
        <v>2016</v>
      </c>
      <c r="G3436" t="s">
        <v>126</v>
      </c>
      <c r="H3436" t="s">
        <v>121</v>
      </c>
      <c r="I3436" t="s">
        <v>15</v>
      </c>
      <c r="J3436" s="10">
        <v>32.227426829999999</v>
      </c>
    </row>
    <row r="3437" spans="1:10" x14ac:dyDescent="0.35">
      <c r="A3437" t="s">
        <v>10</v>
      </c>
      <c r="B3437" t="s">
        <v>19</v>
      </c>
      <c r="C3437" t="s">
        <v>117</v>
      </c>
      <c r="D3437" t="s">
        <v>118</v>
      </c>
      <c r="E3437">
        <v>2016</v>
      </c>
      <c r="F3437">
        <v>2016</v>
      </c>
      <c r="G3437" t="s">
        <v>126</v>
      </c>
      <c r="H3437" t="s">
        <v>122</v>
      </c>
      <c r="I3437" t="s">
        <v>15</v>
      </c>
      <c r="J3437" s="10">
        <v>21.301208559999999</v>
      </c>
    </row>
    <row r="3438" spans="1:10" x14ac:dyDescent="0.35">
      <c r="A3438" t="s">
        <v>10</v>
      </c>
      <c r="B3438" t="s">
        <v>19</v>
      </c>
      <c r="C3438" t="s">
        <v>117</v>
      </c>
      <c r="D3438" t="s">
        <v>118</v>
      </c>
      <c r="E3438">
        <v>2016</v>
      </c>
      <c r="F3438">
        <v>2016</v>
      </c>
      <c r="G3438" t="s">
        <v>126</v>
      </c>
      <c r="H3438" t="s">
        <v>123</v>
      </c>
      <c r="I3438" t="s">
        <v>15</v>
      </c>
      <c r="J3438" s="10">
        <v>16.46955307</v>
      </c>
    </row>
    <row r="3439" spans="1:10" x14ac:dyDescent="0.35">
      <c r="A3439" t="s">
        <v>10</v>
      </c>
      <c r="B3439" t="s">
        <v>19</v>
      </c>
      <c r="C3439" t="s">
        <v>117</v>
      </c>
      <c r="D3439" t="s">
        <v>118</v>
      </c>
      <c r="E3439">
        <v>2016</v>
      </c>
      <c r="F3439">
        <v>2016</v>
      </c>
      <c r="G3439" t="s">
        <v>126</v>
      </c>
      <c r="H3439" t="s">
        <v>124</v>
      </c>
      <c r="I3439" t="s">
        <v>15</v>
      </c>
      <c r="J3439" s="10">
        <v>2.9787013789999999</v>
      </c>
    </row>
    <row r="3440" spans="1:10" x14ac:dyDescent="0.35">
      <c r="A3440" t="s">
        <v>10</v>
      </c>
      <c r="B3440" t="s">
        <v>19</v>
      </c>
      <c r="C3440" t="s">
        <v>117</v>
      </c>
      <c r="D3440" t="s">
        <v>118</v>
      </c>
      <c r="E3440">
        <v>2015</v>
      </c>
      <c r="F3440">
        <v>2015</v>
      </c>
      <c r="G3440" t="s">
        <v>14</v>
      </c>
      <c r="H3440" t="s">
        <v>119</v>
      </c>
      <c r="I3440" t="s">
        <v>15</v>
      </c>
      <c r="J3440" s="10">
        <v>19.271795409999999</v>
      </c>
    </row>
    <row r="3441" spans="1:10" x14ac:dyDescent="0.35">
      <c r="A3441" t="s">
        <v>10</v>
      </c>
      <c r="B3441" t="s">
        <v>19</v>
      </c>
      <c r="C3441" t="s">
        <v>117</v>
      </c>
      <c r="D3441" t="s">
        <v>118</v>
      </c>
      <c r="E3441">
        <v>2015</v>
      </c>
      <c r="F3441">
        <v>2015</v>
      </c>
      <c r="G3441" t="s">
        <v>14</v>
      </c>
      <c r="H3441" t="s">
        <v>120</v>
      </c>
      <c r="I3441" t="s">
        <v>15</v>
      </c>
      <c r="J3441" s="10">
        <v>9.1500377240000006</v>
      </c>
    </row>
    <row r="3442" spans="1:10" x14ac:dyDescent="0.35">
      <c r="A3442" t="s">
        <v>10</v>
      </c>
      <c r="B3442" t="s">
        <v>19</v>
      </c>
      <c r="C3442" t="s">
        <v>117</v>
      </c>
      <c r="D3442" t="s">
        <v>118</v>
      </c>
      <c r="E3442">
        <v>2015</v>
      </c>
      <c r="F3442">
        <v>2015</v>
      </c>
      <c r="G3442" t="s">
        <v>14</v>
      </c>
      <c r="H3442" t="s">
        <v>121</v>
      </c>
      <c r="I3442" t="s">
        <v>15</v>
      </c>
      <c r="J3442" s="10">
        <v>32.24497229</v>
      </c>
    </row>
    <row r="3443" spans="1:10" x14ac:dyDescent="0.35">
      <c r="A3443" t="s">
        <v>10</v>
      </c>
      <c r="B3443" t="s">
        <v>19</v>
      </c>
      <c r="C3443" t="s">
        <v>117</v>
      </c>
      <c r="D3443" t="s">
        <v>118</v>
      </c>
      <c r="E3443">
        <v>2015</v>
      </c>
      <c r="F3443">
        <v>2015</v>
      </c>
      <c r="G3443" t="s">
        <v>14</v>
      </c>
      <c r="H3443" t="s">
        <v>122</v>
      </c>
      <c r="I3443" t="s">
        <v>15</v>
      </c>
      <c r="J3443" s="10">
        <v>21.272471840000001</v>
      </c>
    </row>
    <row r="3444" spans="1:10" x14ac:dyDescent="0.35">
      <c r="A3444" t="s">
        <v>10</v>
      </c>
      <c r="B3444" t="s">
        <v>19</v>
      </c>
      <c r="C3444" t="s">
        <v>117</v>
      </c>
      <c r="D3444" t="s">
        <v>118</v>
      </c>
      <c r="E3444">
        <v>2015</v>
      </c>
      <c r="F3444">
        <v>2015</v>
      </c>
      <c r="G3444" t="s">
        <v>14</v>
      </c>
      <c r="H3444" t="s">
        <v>123</v>
      </c>
      <c r="I3444" t="s">
        <v>15</v>
      </c>
      <c r="J3444" s="10">
        <v>15.72573302</v>
      </c>
    </row>
    <row r="3445" spans="1:10" x14ac:dyDescent="0.35">
      <c r="A3445" t="s">
        <v>10</v>
      </c>
      <c r="B3445" t="s">
        <v>19</v>
      </c>
      <c r="C3445" t="s">
        <v>117</v>
      </c>
      <c r="D3445" t="s">
        <v>118</v>
      </c>
      <c r="E3445">
        <v>2015</v>
      </c>
      <c r="F3445">
        <v>2015</v>
      </c>
      <c r="G3445" t="s">
        <v>14</v>
      </c>
      <c r="H3445" t="s">
        <v>124</v>
      </c>
      <c r="I3445" t="s">
        <v>15</v>
      </c>
      <c r="J3445" s="10">
        <v>2.3349897230000001</v>
      </c>
    </row>
    <row r="3446" spans="1:10" x14ac:dyDescent="0.35">
      <c r="A3446" t="s">
        <v>10</v>
      </c>
      <c r="B3446" t="s">
        <v>19</v>
      </c>
      <c r="C3446" t="s">
        <v>117</v>
      </c>
      <c r="D3446" t="s">
        <v>118</v>
      </c>
      <c r="E3446">
        <v>2015</v>
      </c>
      <c r="F3446">
        <v>2015</v>
      </c>
      <c r="G3446" t="s">
        <v>125</v>
      </c>
      <c r="H3446" t="s">
        <v>119</v>
      </c>
      <c r="I3446" t="s">
        <v>15</v>
      </c>
      <c r="J3446" s="10">
        <v>19.819417829999999</v>
      </c>
    </row>
    <row r="3447" spans="1:10" x14ac:dyDescent="0.35">
      <c r="A3447" t="s">
        <v>10</v>
      </c>
      <c r="B3447" t="s">
        <v>19</v>
      </c>
      <c r="C3447" t="s">
        <v>117</v>
      </c>
      <c r="D3447" t="s">
        <v>118</v>
      </c>
      <c r="E3447">
        <v>2015</v>
      </c>
      <c r="F3447">
        <v>2015</v>
      </c>
      <c r="G3447" t="s">
        <v>125</v>
      </c>
      <c r="H3447" t="s">
        <v>120</v>
      </c>
      <c r="I3447" t="s">
        <v>15</v>
      </c>
      <c r="J3447" s="10">
        <v>9.8191553579999997</v>
      </c>
    </row>
    <row r="3448" spans="1:10" x14ac:dyDescent="0.35">
      <c r="A3448" t="s">
        <v>10</v>
      </c>
      <c r="B3448" t="s">
        <v>19</v>
      </c>
      <c r="C3448" t="s">
        <v>117</v>
      </c>
      <c r="D3448" t="s">
        <v>118</v>
      </c>
      <c r="E3448">
        <v>2015</v>
      </c>
      <c r="F3448">
        <v>2015</v>
      </c>
      <c r="G3448" t="s">
        <v>125</v>
      </c>
      <c r="H3448" t="s">
        <v>121</v>
      </c>
      <c r="I3448" t="s">
        <v>15</v>
      </c>
      <c r="J3448" s="10">
        <v>31.77511221</v>
      </c>
    </row>
    <row r="3449" spans="1:10" x14ac:dyDescent="0.35">
      <c r="A3449" t="s">
        <v>10</v>
      </c>
      <c r="B3449" t="s">
        <v>19</v>
      </c>
      <c r="C3449" t="s">
        <v>117</v>
      </c>
      <c r="D3449" t="s">
        <v>118</v>
      </c>
      <c r="E3449">
        <v>2015</v>
      </c>
      <c r="F3449">
        <v>2015</v>
      </c>
      <c r="G3449" t="s">
        <v>125</v>
      </c>
      <c r="H3449" t="s">
        <v>122</v>
      </c>
      <c r="I3449" t="s">
        <v>15</v>
      </c>
      <c r="J3449" s="10">
        <v>21.50187669</v>
      </c>
    </row>
    <row r="3450" spans="1:10" x14ac:dyDescent="0.35">
      <c r="A3450" t="s">
        <v>10</v>
      </c>
      <c r="B3450" t="s">
        <v>19</v>
      </c>
      <c r="C3450" t="s">
        <v>117</v>
      </c>
      <c r="D3450" t="s">
        <v>118</v>
      </c>
      <c r="E3450">
        <v>2015</v>
      </c>
      <c r="F3450">
        <v>2015</v>
      </c>
      <c r="G3450" t="s">
        <v>125</v>
      </c>
      <c r="H3450" t="s">
        <v>123</v>
      </c>
      <c r="I3450" t="s">
        <v>15</v>
      </c>
      <c r="J3450" s="10">
        <v>15.41247802</v>
      </c>
    </row>
    <row r="3451" spans="1:10" x14ac:dyDescent="0.35">
      <c r="A3451" t="s">
        <v>10</v>
      </c>
      <c r="B3451" t="s">
        <v>19</v>
      </c>
      <c r="C3451" t="s">
        <v>117</v>
      </c>
      <c r="D3451" t="s">
        <v>118</v>
      </c>
      <c r="E3451">
        <v>2015</v>
      </c>
      <c r="F3451">
        <v>2015</v>
      </c>
      <c r="G3451" t="s">
        <v>125</v>
      </c>
      <c r="H3451" t="s">
        <v>124</v>
      </c>
      <c r="I3451" t="s">
        <v>15</v>
      </c>
      <c r="J3451" s="10">
        <v>1.671959894</v>
      </c>
    </row>
    <row r="3452" spans="1:10" x14ac:dyDescent="0.35">
      <c r="A3452" t="s">
        <v>10</v>
      </c>
      <c r="B3452" t="s">
        <v>19</v>
      </c>
      <c r="C3452" t="s">
        <v>117</v>
      </c>
      <c r="D3452" t="s">
        <v>118</v>
      </c>
      <c r="E3452">
        <v>2015</v>
      </c>
      <c r="F3452">
        <v>2015</v>
      </c>
      <c r="G3452" t="s">
        <v>126</v>
      </c>
      <c r="H3452" t="s">
        <v>119</v>
      </c>
      <c r="I3452" t="s">
        <v>15</v>
      </c>
      <c r="J3452" s="10">
        <v>18.733720179999999</v>
      </c>
    </row>
    <row r="3453" spans="1:10" x14ac:dyDescent="0.35">
      <c r="A3453" t="s">
        <v>10</v>
      </c>
      <c r="B3453" t="s">
        <v>19</v>
      </c>
      <c r="C3453" t="s">
        <v>117</v>
      </c>
      <c r="D3453" t="s">
        <v>118</v>
      </c>
      <c r="E3453">
        <v>2015</v>
      </c>
      <c r="F3453">
        <v>2015</v>
      </c>
      <c r="G3453" t="s">
        <v>126</v>
      </c>
      <c r="H3453" t="s">
        <v>120</v>
      </c>
      <c r="I3453" t="s">
        <v>15</v>
      </c>
      <c r="J3453" s="10">
        <v>8.492585429</v>
      </c>
    </row>
    <row r="3454" spans="1:10" x14ac:dyDescent="0.35">
      <c r="A3454" t="s">
        <v>10</v>
      </c>
      <c r="B3454" t="s">
        <v>19</v>
      </c>
      <c r="C3454" t="s">
        <v>117</v>
      </c>
      <c r="D3454" t="s">
        <v>118</v>
      </c>
      <c r="E3454">
        <v>2015</v>
      </c>
      <c r="F3454">
        <v>2015</v>
      </c>
      <c r="G3454" t="s">
        <v>126</v>
      </c>
      <c r="H3454" t="s">
        <v>121</v>
      </c>
      <c r="I3454" t="s">
        <v>15</v>
      </c>
      <c r="J3454" s="10">
        <v>32.706640880000002</v>
      </c>
    </row>
    <row r="3455" spans="1:10" x14ac:dyDescent="0.35">
      <c r="A3455" t="s">
        <v>10</v>
      </c>
      <c r="B3455" t="s">
        <v>19</v>
      </c>
      <c r="C3455" t="s">
        <v>117</v>
      </c>
      <c r="D3455" t="s">
        <v>118</v>
      </c>
      <c r="E3455">
        <v>2015</v>
      </c>
      <c r="F3455">
        <v>2015</v>
      </c>
      <c r="G3455" t="s">
        <v>126</v>
      </c>
      <c r="H3455" t="s">
        <v>122</v>
      </c>
      <c r="I3455" t="s">
        <v>15</v>
      </c>
      <c r="J3455" s="10">
        <v>21.047066409999999</v>
      </c>
    </row>
    <row r="3456" spans="1:10" x14ac:dyDescent="0.35">
      <c r="A3456" t="s">
        <v>10</v>
      </c>
      <c r="B3456" t="s">
        <v>19</v>
      </c>
      <c r="C3456" t="s">
        <v>117</v>
      </c>
      <c r="D3456" t="s">
        <v>118</v>
      </c>
      <c r="E3456">
        <v>2015</v>
      </c>
      <c r="F3456">
        <v>2015</v>
      </c>
      <c r="G3456" t="s">
        <v>126</v>
      </c>
      <c r="H3456" t="s">
        <v>123</v>
      </c>
      <c r="I3456" t="s">
        <v>15</v>
      </c>
      <c r="J3456" s="10">
        <v>16.033526760000001</v>
      </c>
    </row>
    <row r="3457" spans="1:10" x14ac:dyDescent="0.35">
      <c r="A3457" t="s">
        <v>10</v>
      </c>
      <c r="B3457" t="s">
        <v>19</v>
      </c>
      <c r="C3457" t="s">
        <v>117</v>
      </c>
      <c r="D3457" t="s">
        <v>118</v>
      </c>
      <c r="E3457">
        <v>2015</v>
      </c>
      <c r="F3457">
        <v>2015</v>
      </c>
      <c r="G3457" t="s">
        <v>126</v>
      </c>
      <c r="H3457" t="s">
        <v>124</v>
      </c>
      <c r="I3457" t="s">
        <v>15</v>
      </c>
      <c r="J3457" s="10">
        <v>2.986460348</v>
      </c>
    </row>
    <row r="3458" spans="1:10" x14ac:dyDescent="0.35">
      <c r="A3458" t="s">
        <v>10</v>
      </c>
      <c r="B3458" t="s">
        <v>19</v>
      </c>
      <c r="C3458" t="s">
        <v>117</v>
      </c>
      <c r="D3458" t="s">
        <v>118</v>
      </c>
      <c r="E3458">
        <v>2014</v>
      </c>
      <c r="F3458">
        <v>2014</v>
      </c>
      <c r="G3458" t="s">
        <v>14</v>
      </c>
      <c r="H3458" t="s">
        <v>119</v>
      </c>
      <c r="I3458" t="s">
        <v>15</v>
      </c>
      <c r="J3458" s="10">
        <v>19.45097732</v>
      </c>
    </row>
    <row r="3459" spans="1:10" x14ac:dyDescent="0.35">
      <c r="A3459" t="s">
        <v>10</v>
      </c>
      <c r="B3459" t="s">
        <v>19</v>
      </c>
      <c r="C3459" t="s">
        <v>117</v>
      </c>
      <c r="D3459" t="s">
        <v>118</v>
      </c>
      <c r="E3459">
        <v>2014</v>
      </c>
      <c r="F3459">
        <v>2014</v>
      </c>
      <c r="G3459" t="s">
        <v>14</v>
      </c>
      <c r="H3459" t="s">
        <v>120</v>
      </c>
      <c r="I3459" t="s">
        <v>15</v>
      </c>
      <c r="J3459" s="10">
        <v>9.1355701889999992</v>
      </c>
    </row>
    <row r="3460" spans="1:10" x14ac:dyDescent="0.35">
      <c r="A3460" t="s">
        <v>10</v>
      </c>
      <c r="B3460" t="s">
        <v>19</v>
      </c>
      <c r="C3460" t="s">
        <v>117</v>
      </c>
      <c r="D3460" t="s">
        <v>118</v>
      </c>
      <c r="E3460">
        <v>2014</v>
      </c>
      <c r="F3460">
        <v>2014</v>
      </c>
      <c r="G3460" t="s">
        <v>14</v>
      </c>
      <c r="H3460" t="s">
        <v>121</v>
      </c>
      <c r="I3460" t="s">
        <v>15</v>
      </c>
      <c r="J3460" s="10">
        <v>32.584666040000002</v>
      </c>
    </row>
    <row r="3461" spans="1:10" x14ac:dyDescent="0.35">
      <c r="A3461" t="s">
        <v>10</v>
      </c>
      <c r="B3461" t="s">
        <v>19</v>
      </c>
      <c r="C3461" t="s">
        <v>117</v>
      </c>
      <c r="D3461" t="s">
        <v>118</v>
      </c>
      <c r="E3461">
        <v>2014</v>
      </c>
      <c r="F3461">
        <v>2014</v>
      </c>
      <c r="G3461" t="s">
        <v>14</v>
      </c>
      <c r="H3461" t="s">
        <v>122</v>
      </c>
      <c r="I3461" t="s">
        <v>15</v>
      </c>
      <c r="J3461" s="10">
        <v>21.102487719999999</v>
      </c>
    </row>
    <row r="3462" spans="1:10" x14ac:dyDescent="0.35">
      <c r="A3462" t="s">
        <v>10</v>
      </c>
      <c r="B3462" t="s">
        <v>19</v>
      </c>
      <c r="C3462" t="s">
        <v>117</v>
      </c>
      <c r="D3462" t="s">
        <v>118</v>
      </c>
      <c r="E3462">
        <v>2014</v>
      </c>
      <c r="F3462">
        <v>2014</v>
      </c>
      <c r="G3462" t="s">
        <v>14</v>
      </c>
      <c r="H3462" t="s">
        <v>123</v>
      </c>
      <c r="I3462" t="s">
        <v>15</v>
      </c>
      <c r="J3462" s="10">
        <v>15.451552209999999</v>
      </c>
    </row>
    <row r="3463" spans="1:10" x14ac:dyDescent="0.35">
      <c r="A3463" t="s">
        <v>10</v>
      </c>
      <c r="B3463" t="s">
        <v>19</v>
      </c>
      <c r="C3463" t="s">
        <v>117</v>
      </c>
      <c r="D3463" t="s">
        <v>118</v>
      </c>
      <c r="E3463">
        <v>2014</v>
      </c>
      <c r="F3463">
        <v>2014</v>
      </c>
      <c r="G3463" t="s">
        <v>14</v>
      </c>
      <c r="H3463" t="s">
        <v>124</v>
      </c>
      <c r="I3463" t="s">
        <v>15</v>
      </c>
      <c r="J3463" s="10">
        <v>2.2747465249999999</v>
      </c>
    </row>
    <row r="3464" spans="1:10" x14ac:dyDescent="0.35">
      <c r="A3464" t="s">
        <v>10</v>
      </c>
      <c r="B3464" t="s">
        <v>19</v>
      </c>
      <c r="C3464" t="s">
        <v>117</v>
      </c>
      <c r="D3464" t="s">
        <v>118</v>
      </c>
      <c r="E3464">
        <v>2014</v>
      </c>
      <c r="F3464">
        <v>2014</v>
      </c>
      <c r="G3464" t="s">
        <v>125</v>
      </c>
      <c r="H3464" t="s">
        <v>119</v>
      </c>
      <c r="I3464" t="s">
        <v>15</v>
      </c>
      <c r="J3464" s="10">
        <v>19.90873843</v>
      </c>
    </row>
    <row r="3465" spans="1:10" x14ac:dyDescent="0.35">
      <c r="A3465" t="s">
        <v>10</v>
      </c>
      <c r="B3465" t="s">
        <v>19</v>
      </c>
      <c r="C3465" t="s">
        <v>117</v>
      </c>
      <c r="D3465" t="s">
        <v>118</v>
      </c>
      <c r="E3465">
        <v>2014</v>
      </c>
      <c r="F3465">
        <v>2014</v>
      </c>
      <c r="G3465" t="s">
        <v>125</v>
      </c>
      <c r="H3465" t="s">
        <v>120</v>
      </c>
      <c r="I3465" t="s">
        <v>15</v>
      </c>
      <c r="J3465" s="10">
        <v>9.8937040070000002</v>
      </c>
    </row>
    <row r="3466" spans="1:10" x14ac:dyDescent="0.35">
      <c r="A3466" t="s">
        <v>10</v>
      </c>
      <c r="B3466" t="s">
        <v>19</v>
      </c>
      <c r="C3466" t="s">
        <v>117</v>
      </c>
      <c r="D3466" t="s">
        <v>118</v>
      </c>
      <c r="E3466">
        <v>2014</v>
      </c>
      <c r="F3466">
        <v>2014</v>
      </c>
      <c r="G3466" t="s">
        <v>125</v>
      </c>
      <c r="H3466" t="s">
        <v>121</v>
      </c>
      <c r="I3466" t="s">
        <v>15</v>
      </c>
      <c r="J3466" s="10">
        <v>32.091894600000003</v>
      </c>
    </row>
    <row r="3467" spans="1:10" x14ac:dyDescent="0.35">
      <c r="A3467" t="s">
        <v>10</v>
      </c>
      <c r="B3467" t="s">
        <v>19</v>
      </c>
      <c r="C3467" t="s">
        <v>117</v>
      </c>
      <c r="D3467" t="s">
        <v>118</v>
      </c>
      <c r="E3467">
        <v>2014</v>
      </c>
      <c r="F3467">
        <v>2014</v>
      </c>
      <c r="G3467" t="s">
        <v>125</v>
      </c>
      <c r="H3467" t="s">
        <v>122</v>
      </c>
      <c r="I3467" t="s">
        <v>15</v>
      </c>
      <c r="J3467" s="10">
        <v>21.369978639999999</v>
      </c>
    </row>
    <row r="3468" spans="1:10" x14ac:dyDescent="0.35">
      <c r="A3468" t="s">
        <v>10</v>
      </c>
      <c r="B3468" t="s">
        <v>19</v>
      </c>
      <c r="C3468" t="s">
        <v>117</v>
      </c>
      <c r="D3468" t="s">
        <v>118</v>
      </c>
      <c r="E3468">
        <v>2014</v>
      </c>
      <c r="F3468">
        <v>2014</v>
      </c>
      <c r="G3468" t="s">
        <v>125</v>
      </c>
      <c r="H3468" t="s">
        <v>123</v>
      </c>
      <c r="I3468" t="s">
        <v>15</v>
      </c>
      <c r="J3468" s="10">
        <v>15.108274209999999</v>
      </c>
    </row>
    <row r="3469" spans="1:10" x14ac:dyDescent="0.35">
      <c r="A3469" t="s">
        <v>10</v>
      </c>
      <c r="B3469" t="s">
        <v>19</v>
      </c>
      <c r="C3469" t="s">
        <v>117</v>
      </c>
      <c r="D3469" t="s">
        <v>118</v>
      </c>
      <c r="E3469">
        <v>2014</v>
      </c>
      <c r="F3469">
        <v>2014</v>
      </c>
      <c r="G3469" t="s">
        <v>125</v>
      </c>
      <c r="H3469" t="s">
        <v>124</v>
      </c>
      <c r="I3469" t="s">
        <v>15</v>
      </c>
      <c r="J3469" s="10">
        <v>1.627410123</v>
      </c>
    </row>
    <row r="3470" spans="1:10" x14ac:dyDescent="0.35">
      <c r="A3470" t="s">
        <v>10</v>
      </c>
      <c r="B3470" t="s">
        <v>19</v>
      </c>
      <c r="C3470" t="s">
        <v>117</v>
      </c>
      <c r="D3470" t="s">
        <v>118</v>
      </c>
      <c r="E3470">
        <v>2014</v>
      </c>
      <c r="F3470">
        <v>2014</v>
      </c>
      <c r="G3470" t="s">
        <v>126</v>
      </c>
      <c r="H3470" t="s">
        <v>119</v>
      </c>
      <c r="I3470" t="s">
        <v>15</v>
      </c>
      <c r="J3470" s="10">
        <v>19.001631150000001</v>
      </c>
    </row>
    <row r="3471" spans="1:10" x14ac:dyDescent="0.35">
      <c r="A3471" t="s">
        <v>10</v>
      </c>
      <c r="B3471" t="s">
        <v>19</v>
      </c>
      <c r="C3471" t="s">
        <v>117</v>
      </c>
      <c r="D3471" t="s">
        <v>118</v>
      </c>
      <c r="E3471">
        <v>2014</v>
      </c>
      <c r="F3471">
        <v>2014</v>
      </c>
      <c r="G3471" t="s">
        <v>126</v>
      </c>
      <c r="H3471" t="s">
        <v>120</v>
      </c>
      <c r="I3471" t="s">
        <v>15</v>
      </c>
      <c r="J3471" s="10">
        <v>8.3913730159999993</v>
      </c>
    </row>
    <row r="3472" spans="1:10" x14ac:dyDescent="0.35">
      <c r="A3472" t="s">
        <v>10</v>
      </c>
      <c r="B3472" t="s">
        <v>19</v>
      </c>
      <c r="C3472" t="s">
        <v>117</v>
      </c>
      <c r="D3472" t="s">
        <v>118</v>
      </c>
      <c r="E3472">
        <v>2014</v>
      </c>
      <c r="F3472">
        <v>2014</v>
      </c>
      <c r="G3472" t="s">
        <v>126</v>
      </c>
      <c r="H3472" t="s">
        <v>121</v>
      </c>
      <c r="I3472" t="s">
        <v>15</v>
      </c>
      <c r="J3472" s="10">
        <v>33.068378950000003</v>
      </c>
    </row>
    <row r="3473" spans="1:10" x14ac:dyDescent="0.35">
      <c r="A3473" t="s">
        <v>10</v>
      </c>
      <c r="B3473" t="s">
        <v>19</v>
      </c>
      <c r="C3473" t="s">
        <v>117</v>
      </c>
      <c r="D3473" t="s">
        <v>118</v>
      </c>
      <c r="E3473">
        <v>2014</v>
      </c>
      <c r="F3473">
        <v>2014</v>
      </c>
      <c r="G3473" t="s">
        <v>126</v>
      </c>
      <c r="H3473" t="s">
        <v>122</v>
      </c>
      <c r="I3473" t="s">
        <v>15</v>
      </c>
      <c r="J3473" s="10">
        <v>20.83991404</v>
      </c>
    </row>
    <row r="3474" spans="1:10" x14ac:dyDescent="0.35">
      <c r="A3474" t="s">
        <v>10</v>
      </c>
      <c r="B3474" t="s">
        <v>19</v>
      </c>
      <c r="C3474" t="s">
        <v>117</v>
      </c>
      <c r="D3474" t="s">
        <v>118</v>
      </c>
      <c r="E3474">
        <v>2014</v>
      </c>
      <c r="F3474">
        <v>2014</v>
      </c>
      <c r="G3474" t="s">
        <v>126</v>
      </c>
      <c r="H3474" t="s">
        <v>123</v>
      </c>
      <c r="I3474" t="s">
        <v>15</v>
      </c>
      <c r="J3474" s="10">
        <v>15.78851979</v>
      </c>
    </row>
    <row r="3475" spans="1:10" x14ac:dyDescent="0.35">
      <c r="A3475" t="s">
        <v>10</v>
      </c>
      <c r="B3475" t="s">
        <v>19</v>
      </c>
      <c r="C3475" t="s">
        <v>117</v>
      </c>
      <c r="D3475" t="s">
        <v>118</v>
      </c>
      <c r="E3475">
        <v>2014</v>
      </c>
      <c r="F3475">
        <v>2014</v>
      </c>
      <c r="G3475" t="s">
        <v>126</v>
      </c>
      <c r="H3475" t="s">
        <v>124</v>
      </c>
      <c r="I3475" t="s">
        <v>15</v>
      </c>
      <c r="J3475" s="10">
        <v>2.9101830519999998</v>
      </c>
    </row>
    <row r="3476" spans="1:10" x14ac:dyDescent="0.35">
      <c r="A3476" t="s">
        <v>10</v>
      </c>
      <c r="B3476" t="s">
        <v>19</v>
      </c>
      <c r="C3476" t="s">
        <v>117</v>
      </c>
      <c r="D3476" t="s">
        <v>118</v>
      </c>
      <c r="E3476">
        <v>2013</v>
      </c>
      <c r="F3476">
        <v>2013</v>
      </c>
      <c r="G3476" t="s">
        <v>14</v>
      </c>
      <c r="H3476" t="s">
        <v>119</v>
      </c>
      <c r="I3476" t="s">
        <v>15</v>
      </c>
      <c r="J3476" s="10">
        <v>19.478659789999998</v>
      </c>
    </row>
    <row r="3477" spans="1:10" x14ac:dyDescent="0.35">
      <c r="A3477" t="s">
        <v>10</v>
      </c>
      <c r="B3477" t="s">
        <v>19</v>
      </c>
      <c r="C3477" t="s">
        <v>117</v>
      </c>
      <c r="D3477" t="s">
        <v>118</v>
      </c>
      <c r="E3477">
        <v>2013</v>
      </c>
      <c r="F3477">
        <v>2013</v>
      </c>
      <c r="G3477" t="s">
        <v>14</v>
      </c>
      <c r="H3477" t="s">
        <v>120</v>
      </c>
      <c r="I3477" t="s">
        <v>15</v>
      </c>
      <c r="J3477" s="10">
        <v>9.1605786190000007</v>
      </c>
    </row>
    <row r="3478" spans="1:10" x14ac:dyDescent="0.35">
      <c r="A3478" t="s">
        <v>10</v>
      </c>
      <c r="B3478" t="s">
        <v>19</v>
      </c>
      <c r="C3478" t="s">
        <v>117</v>
      </c>
      <c r="D3478" t="s">
        <v>118</v>
      </c>
      <c r="E3478">
        <v>2013</v>
      </c>
      <c r="F3478">
        <v>2013</v>
      </c>
      <c r="G3478" t="s">
        <v>14</v>
      </c>
      <c r="H3478" t="s">
        <v>121</v>
      </c>
      <c r="I3478" t="s">
        <v>15</v>
      </c>
      <c r="J3478" s="10">
        <v>32.814468120000001</v>
      </c>
    </row>
    <row r="3479" spans="1:10" x14ac:dyDescent="0.35">
      <c r="A3479" t="s">
        <v>10</v>
      </c>
      <c r="B3479" t="s">
        <v>19</v>
      </c>
      <c r="C3479" t="s">
        <v>117</v>
      </c>
      <c r="D3479" t="s">
        <v>118</v>
      </c>
      <c r="E3479">
        <v>2013</v>
      </c>
      <c r="F3479">
        <v>2013</v>
      </c>
      <c r="G3479" t="s">
        <v>14</v>
      </c>
      <c r="H3479" t="s">
        <v>122</v>
      </c>
      <c r="I3479" t="s">
        <v>15</v>
      </c>
      <c r="J3479" s="10">
        <v>21.235464919999998</v>
      </c>
    </row>
    <row r="3480" spans="1:10" x14ac:dyDescent="0.35">
      <c r="A3480" t="s">
        <v>10</v>
      </c>
      <c r="B3480" t="s">
        <v>19</v>
      </c>
      <c r="C3480" t="s">
        <v>117</v>
      </c>
      <c r="D3480" t="s">
        <v>118</v>
      </c>
      <c r="E3480">
        <v>2013</v>
      </c>
      <c r="F3480">
        <v>2013</v>
      </c>
      <c r="G3480" t="s">
        <v>14</v>
      </c>
      <c r="H3480" t="s">
        <v>123</v>
      </c>
      <c r="I3480" t="s">
        <v>15</v>
      </c>
      <c r="J3480" s="10">
        <v>15.10985004</v>
      </c>
    </row>
    <row r="3481" spans="1:10" x14ac:dyDescent="0.35">
      <c r="A3481" t="s">
        <v>10</v>
      </c>
      <c r="B3481" t="s">
        <v>19</v>
      </c>
      <c r="C3481" t="s">
        <v>117</v>
      </c>
      <c r="D3481" t="s">
        <v>118</v>
      </c>
      <c r="E3481">
        <v>2013</v>
      </c>
      <c r="F3481">
        <v>2013</v>
      </c>
      <c r="G3481" t="s">
        <v>14</v>
      </c>
      <c r="H3481" t="s">
        <v>124</v>
      </c>
      <c r="I3481" t="s">
        <v>15</v>
      </c>
      <c r="J3481" s="10">
        <v>2.2009785069999999</v>
      </c>
    </row>
    <row r="3482" spans="1:10" x14ac:dyDescent="0.35">
      <c r="A3482" t="s">
        <v>10</v>
      </c>
      <c r="B3482" t="s">
        <v>19</v>
      </c>
      <c r="C3482" t="s">
        <v>117</v>
      </c>
      <c r="D3482" t="s">
        <v>118</v>
      </c>
      <c r="E3482">
        <v>2013</v>
      </c>
      <c r="F3482">
        <v>2013</v>
      </c>
      <c r="G3482" t="s">
        <v>125</v>
      </c>
      <c r="H3482" t="s">
        <v>119</v>
      </c>
      <c r="I3482" t="s">
        <v>15</v>
      </c>
      <c r="J3482" s="10">
        <v>19.944338890000001</v>
      </c>
    </row>
    <row r="3483" spans="1:10" x14ac:dyDescent="0.35">
      <c r="A3483" t="s">
        <v>10</v>
      </c>
      <c r="B3483" t="s">
        <v>19</v>
      </c>
      <c r="C3483" t="s">
        <v>117</v>
      </c>
      <c r="D3483" t="s">
        <v>118</v>
      </c>
      <c r="E3483">
        <v>2013</v>
      </c>
      <c r="F3483">
        <v>2013</v>
      </c>
      <c r="G3483" t="s">
        <v>125</v>
      </c>
      <c r="H3483" t="s">
        <v>120</v>
      </c>
      <c r="I3483" t="s">
        <v>15</v>
      </c>
      <c r="J3483" s="10">
        <v>9.9601273779999993</v>
      </c>
    </row>
    <row r="3484" spans="1:10" x14ac:dyDescent="0.35">
      <c r="A3484" t="s">
        <v>10</v>
      </c>
      <c r="B3484" t="s">
        <v>19</v>
      </c>
      <c r="C3484" t="s">
        <v>117</v>
      </c>
      <c r="D3484" t="s">
        <v>118</v>
      </c>
      <c r="E3484">
        <v>2013</v>
      </c>
      <c r="F3484">
        <v>2013</v>
      </c>
      <c r="G3484" t="s">
        <v>125</v>
      </c>
      <c r="H3484" t="s">
        <v>121</v>
      </c>
      <c r="I3484" t="s">
        <v>15</v>
      </c>
      <c r="J3484" s="10">
        <v>32.417244240000002</v>
      </c>
    </row>
    <row r="3485" spans="1:10" x14ac:dyDescent="0.35">
      <c r="A3485" t="s">
        <v>10</v>
      </c>
      <c r="B3485" t="s">
        <v>19</v>
      </c>
      <c r="C3485" t="s">
        <v>117</v>
      </c>
      <c r="D3485" t="s">
        <v>118</v>
      </c>
      <c r="E3485">
        <v>2013</v>
      </c>
      <c r="F3485">
        <v>2013</v>
      </c>
      <c r="G3485" t="s">
        <v>125</v>
      </c>
      <c r="H3485" t="s">
        <v>122</v>
      </c>
      <c r="I3485" t="s">
        <v>15</v>
      </c>
      <c r="J3485" s="10">
        <v>21.450935269999999</v>
      </c>
    </row>
    <row r="3486" spans="1:10" x14ac:dyDescent="0.35">
      <c r="A3486" t="s">
        <v>10</v>
      </c>
      <c r="B3486" t="s">
        <v>19</v>
      </c>
      <c r="C3486" t="s">
        <v>117</v>
      </c>
      <c r="D3486" t="s">
        <v>118</v>
      </c>
      <c r="E3486">
        <v>2013</v>
      </c>
      <c r="F3486">
        <v>2013</v>
      </c>
      <c r="G3486" t="s">
        <v>125</v>
      </c>
      <c r="H3486" t="s">
        <v>123</v>
      </c>
      <c r="I3486" t="s">
        <v>15</v>
      </c>
      <c r="J3486" s="10">
        <v>14.656533489999999</v>
      </c>
    </row>
    <row r="3487" spans="1:10" x14ac:dyDescent="0.35">
      <c r="A3487" t="s">
        <v>10</v>
      </c>
      <c r="B3487" t="s">
        <v>19</v>
      </c>
      <c r="C3487" t="s">
        <v>117</v>
      </c>
      <c r="D3487" t="s">
        <v>118</v>
      </c>
      <c r="E3487">
        <v>2013</v>
      </c>
      <c r="F3487">
        <v>2013</v>
      </c>
      <c r="G3487" t="s">
        <v>125</v>
      </c>
      <c r="H3487" t="s">
        <v>124</v>
      </c>
      <c r="I3487" t="s">
        <v>15</v>
      </c>
      <c r="J3487" s="10">
        <v>1.570820734</v>
      </c>
    </row>
    <row r="3488" spans="1:10" x14ac:dyDescent="0.35">
      <c r="A3488" t="s">
        <v>10</v>
      </c>
      <c r="B3488" t="s">
        <v>19</v>
      </c>
      <c r="C3488" t="s">
        <v>117</v>
      </c>
      <c r="D3488" t="s">
        <v>118</v>
      </c>
      <c r="E3488">
        <v>2013</v>
      </c>
      <c r="F3488">
        <v>2013</v>
      </c>
      <c r="G3488" t="s">
        <v>126</v>
      </c>
      <c r="H3488" t="s">
        <v>119</v>
      </c>
      <c r="I3488" t="s">
        <v>15</v>
      </c>
      <c r="J3488" s="10">
        <v>19.021339220000002</v>
      </c>
    </row>
    <row r="3489" spans="1:10" x14ac:dyDescent="0.35">
      <c r="A3489" t="s">
        <v>10</v>
      </c>
      <c r="B3489" t="s">
        <v>19</v>
      </c>
      <c r="C3489" t="s">
        <v>117</v>
      </c>
      <c r="D3489" t="s">
        <v>118</v>
      </c>
      <c r="E3489">
        <v>2013</v>
      </c>
      <c r="F3489">
        <v>2013</v>
      </c>
      <c r="G3489" t="s">
        <v>126</v>
      </c>
      <c r="H3489" t="s">
        <v>120</v>
      </c>
      <c r="I3489" t="s">
        <v>15</v>
      </c>
      <c r="J3489" s="10">
        <v>8.3753810580000003</v>
      </c>
    </row>
    <row r="3490" spans="1:10" x14ac:dyDescent="0.35">
      <c r="A3490" t="s">
        <v>10</v>
      </c>
      <c r="B3490" t="s">
        <v>19</v>
      </c>
      <c r="C3490" t="s">
        <v>117</v>
      </c>
      <c r="D3490" t="s">
        <v>118</v>
      </c>
      <c r="E3490">
        <v>2013</v>
      </c>
      <c r="F3490">
        <v>2013</v>
      </c>
      <c r="G3490" t="s">
        <v>126</v>
      </c>
      <c r="H3490" t="s">
        <v>121</v>
      </c>
      <c r="I3490" t="s">
        <v>15</v>
      </c>
      <c r="J3490" s="10">
        <v>33.204562180000003</v>
      </c>
    </row>
    <row r="3491" spans="1:10" x14ac:dyDescent="0.35">
      <c r="A3491" t="s">
        <v>10</v>
      </c>
      <c r="B3491" t="s">
        <v>19</v>
      </c>
      <c r="C3491" t="s">
        <v>117</v>
      </c>
      <c r="D3491" t="s">
        <v>118</v>
      </c>
      <c r="E3491">
        <v>2013</v>
      </c>
      <c r="F3491">
        <v>2013</v>
      </c>
      <c r="G3491" t="s">
        <v>126</v>
      </c>
      <c r="H3491" t="s">
        <v>122</v>
      </c>
      <c r="I3491" t="s">
        <v>15</v>
      </c>
      <c r="J3491" s="10">
        <v>21.023862080000001</v>
      </c>
    </row>
    <row r="3492" spans="1:10" x14ac:dyDescent="0.35">
      <c r="A3492" t="s">
        <v>10</v>
      </c>
      <c r="B3492" t="s">
        <v>19</v>
      </c>
      <c r="C3492" t="s">
        <v>117</v>
      </c>
      <c r="D3492" t="s">
        <v>118</v>
      </c>
      <c r="E3492">
        <v>2013</v>
      </c>
      <c r="F3492">
        <v>2013</v>
      </c>
      <c r="G3492" t="s">
        <v>126</v>
      </c>
      <c r="H3492" t="s">
        <v>123</v>
      </c>
      <c r="I3492" t="s">
        <v>15</v>
      </c>
      <c r="J3492" s="10">
        <v>15.555029960000001</v>
      </c>
    </row>
    <row r="3493" spans="1:10" x14ac:dyDescent="0.35">
      <c r="A3493" t="s">
        <v>10</v>
      </c>
      <c r="B3493" t="s">
        <v>19</v>
      </c>
      <c r="C3493" t="s">
        <v>117</v>
      </c>
      <c r="D3493" t="s">
        <v>118</v>
      </c>
      <c r="E3493">
        <v>2013</v>
      </c>
      <c r="F3493">
        <v>2013</v>
      </c>
      <c r="G3493" t="s">
        <v>126</v>
      </c>
      <c r="H3493" t="s">
        <v>124</v>
      </c>
      <c r="I3493" t="s">
        <v>15</v>
      </c>
      <c r="J3493" s="10">
        <v>2.819825502</v>
      </c>
    </row>
    <row r="3494" spans="1:10" x14ac:dyDescent="0.35">
      <c r="A3494" t="s">
        <v>10</v>
      </c>
      <c r="B3494" t="s">
        <v>19</v>
      </c>
      <c r="C3494" t="s">
        <v>117</v>
      </c>
      <c r="D3494" t="s">
        <v>118</v>
      </c>
      <c r="E3494">
        <v>2012</v>
      </c>
      <c r="F3494">
        <v>2012</v>
      </c>
      <c r="G3494" t="s">
        <v>14</v>
      </c>
      <c r="H3494" t="s">
        <v>119</v>
      </c>
      <c r="I3494" t="s">
        <v>15</v>
      </c>
      <c r="J3494" s="10">
        <v>19.567373419999999</v>
      </c>
    </row>
    <row r="3495" spans="1:10" x14ac:dyDescent="0.35">
      <c r="A3495" t="s">
        <v>10</v>
      </c>
      <c r="B3495" t="s">
        <v>19</v>
      </c>
      <c r="C3495" t="s">
        <v>117</v>
      </c>
      <c r="D3495" t="s">
        <v>118</v>
      </c>
      <c r="E3495">
        <v>2012</v>
      </c>
      <c r="F3495">
        <v>2012</v>
      </c>
      <c r="G3495" t="s">
        <v>14</v>
      </c>
      <c r="H3495" t="s">
        <v>120</v>
      </c>
      <c r="I3495" t="s">
        <v>15</v>
      </c>
      <c r="J3495" s="10">
        <v>9.063982631</v>
      </c>
    </row>
    <row r="3496" spans="1:10" x14ac:dyDescent="0.35">
      <c r="A3496" t="s">
        <v>10</v>
      </c>
      <c r="B3496" t="s">
        <v>19</v>
      </c>
      <c r="C3496" t="s">
        <v>117</v>
      </c>
      <c r="D3496" t="s">
        <v>118</v>
      </c>
      <c r="E3496">
        <v>2012</v>
      </c>
      <c r="F3496">
        <v>2012</v>
      </c>
      <c r="G3496" t="s">
        <v>14</v>
      </c>
      <c r="H3496" t="s">
        <v>121</v>
      </c>
      <c r="I3496" t="s">
        <v>15</v>
      </c>
      <c r="J3496" s="10">
        <v>33.06484038</v>
      </c>
    </row>
    <row r="3497" spans="1:10" x14ac:dyDescent="0.35">
      <c r="A3497" t="s">
        <v>10</v>
      </c>
      <c r="B3497" t="s">
        <v>19</v>
      </c>
      <c r="C3497" t="s">
        <v>117</v>
      </c>
      <c r="D3497" t="s">
        <v>118</v>
      </c>
      <c r="E3497">
        <v>2012</v>
      </c>
      <c r="F3497">
        <v>2012</v>
      </c>
      <c r="G3497" t="s">
        <v>14</v>
      </c>
      <c r="H3497" t="s">
        <v>122</v>
      </c>
      <c r="I3497" t="s">
        <v>15</v>
      </c>
      <c r="J3497" s="10">
        <v>21.441016430000001</v>
      </c>
    </row>
    <row r="3498" spans="1:10" x14ac:dyDescent="0.35">
      <c r="A3498" t="s">
        <v>10</v>
      </c>
      <c r="B3498" t="s">
        <v>19</v>
      </c>
      <c r="C3498" t="s">
        <v>117</v>
      </c>
      <c r="D3498" t="s">
        <v>118</v>
      </c>
      <c r="E3498">
        <v>2012</v>
      </c>
      <c r="F3498">
        <v>2012</v>
      </c>
      <c r="G3498" t="s">
        <v>14</v>
      </c>
      <c r="H3498" t="s">
        <v>123</v>
      </c>
      <c r="I3498" t="s">
        <v>15</v>
      </c>
      <c r="J3498" s="10">
        <v>14.70099445</v>
      </c>
    </row>
    <row r="3499" spans="1:10" x14ac:dyDescent="0.35">
      <c r="A3499" t="s">
        <v>10</v>
      </c>
      <c r="B3499" t="s">
        <v>19</v>
      </c>
      <c r="C3499" t="s">
        <v>117</v>
      </c>
      <c r="D3499" t="s">
        <v>118</v>
      </c>
      <c r="E3499">
        <v>2012</v>
      </c>
      <c r="F3499">
        <v>2012</v>
      </c>
      <c r="G3499" t="s">
        <v>14</v>
      </c>
      <c r="H3499" t="s">
        <v>124</v>
      </c>
      <c r="I3499" t="s">
        <v>15</v>
      </c>
      <c r="J3499" s="10">
        <v>2.1617926930000002</v>
      </c>
    </row>
    <row r="3500" spans="1:10" x14ac:dyDescent="0.35">
      <c r="A3500" t="s">
        <v>10</v>
      </c>
      <c r="B3500" t="s">
        <v>19</v>
      </c>
      <c r="C3500" t="s">
        <v>117</v>
      </c>
      <c r="D3500" t="s">
        <v>118</v>
      </c>
      <c r="E3500">
        <v>2012</v>
      </c>
      <c r="F3500">
        <v>2012</v>
      </c>
      <c r="G3500" t="s">
        <v>125</v>
      </c>
      <c r="H3500" t="s">
        <v>119</v>
      </c>
      <c r="I3500" t="s">
        <v>15</v>
      </c>
      <c r="J3500" s="10">
        <v>20.04716981</v>
      </c>
    </row>
    <row r="3501" spans="1:10" x14ac:dyDescent="0.35">
      <c r="A3501" t="s">
        <v>10</v>
      </c>
      <c r="B3501" t="s">
        <v>19</v>
      </c>
      <c r="C3501" t="s">
        <v>117</v>
      </c>
      <c r="D3501" t="s">
        <v>118</v>
      </c>
      <c r="E3501">
        <v>2012</v>
      </c>
      <c r="F3501">
        <v>2012</v>
      </c>
      <c r="G3501" t="s">
        <v>125</v>
      </c>
      <c r="H3501" t="s">
        <v>120</v>
      </c>
      <c r="I3501" t="s">
        <v>15</v>
      </c>
      <c r="J3501" s="10">
        <v>9.7457167640000009</v>
      </c>
    </row>
    <row r="3502" spans="1:10" x14ac:dyDescent="0.35">
      <c r="A3502" t="s">
        <v>10</v>
      </c>
      <c r="B3502" t="s">
        <v>19</v>
      </c>
      <c r="C3502" t="s">
        <v>117</v>
      </c>
      <c r="D3502" t="s">
        <v>118</v>
      </c>
      <c r="E3502">
        <v>2012</v>
      </c>
      <c r="F3502">
        <v>2012</v>
      </c>
      <c r="G3502" t="s">
        <v>125</v>
      </c>
      <c r="H3502" t="s">
        <v>121</v>
      </c>
      <c r="I3502" t="s">
        <v>15</v>
      </c>
      <c r="J3502" s="10">
        <v>32.631207979999999</v>
      </c>
    </row>
    <row r="3503" spans="1:10" x14ac:dyDescent="0.35">
      <c r="A3503" t="s">
        <v>10</v>
      </c>
      <c r="B3503" t="s">
        <v>19</v>
      </c>
      <c r="C3503" t="s">
        <v>117</v>
      </c>
      <c r="D3503" t="s">
        <v>118</v>
      </c>
      <c r="E3503">
        <v>2012</v>
      </c>
      <c r="F3503">
        <v>2012</v>
      </c>
      <c r="G3503" t="s">
        <v>125</v>
      </c>
      <c r="H3503" t="s">
        <v>122</v>
      </c>
      <c r="I3503" t="s">
        <v>15</v>
      </c>
      <c r="J3503" s="10">
        <v>21.882455</v>
      </c>
    </row>
    <row r="3504" spans="1:10" x14ac:dyDescent="0.35">
      <c r="A3504" t="s">
        <v>10</v>
      </c>
      <c r="B3504" t="s">
        <v>19</v>
      </c>
      <c r="C3504" t="s">
        <v>117</v>
      </c>
      <c r="D3504" t="s">
        <v>118</v>
      </c>
      <c r="E3504">
        <v>2012</v>
      </c>
      <c r="F3504">
        <v>2012</v>
      </c>
      <c r="G3504" t="s">
        <v>125</v>
      </c>
      <c r="H3504" t="s">
        <v>123</v>
      </c>
      <c r="I3504" t="s">
        <v>15</v>
      </c>
      <c r="J3504" s="10">
        <v>14.123834309999999</v>
      </c>
    </row>
    <row r="3505" spans="1:10" x14ac:dyDescent="0.35">
      <c r="A3505" t="s">
        <v>10</v>
      </c>
      <c r="B3505" t="s">
        <v>19</v>
      </c>
      <c r="C3505" t="s">
        <v>117</v>
      </c>
      <c r="D3505" t="s">
        <v>118</v>
      </c>
      <c r="E3505">
        <v>2012</v>
      </c>
      <c r="F3505">
        <v>2012</v>
      </c>
      <c r="G3505" t="s">
        <v>125</v>
      </c>
      <c r="H3505" t="s">
        <v>124</v>
      </c>
      <c r="I3505" t="s">
        <v>15</v>
      </c>
      <c r="J3505" s="10">
        <v>1.569616135</v>
      </c>
    </row>
    <row r="3506" spans="1:10" x14ac:dyDescent="0.35">
      <c r="A3506" t="s">
        <v>10</v>
      </c>
      <c r="B3506" t="s">
        <v>19</v>
      </c>
      <c r="C3506" t="s">
        <v>117</v>
      </c>
      <c r="D3506" t="s">
        <v>118</v>
      </c>
      <c r="E3506">
        <v>2012</v>
      </c>
      <c r="F3506">
        <v>2012</v>
      </c>
      <c r="G3506" t="s">
        <v>126</v>
      </c>
      <c r="H3506" t="s">
        <v>119</v>
      </c>
      <c r="I3506" t="s">
        <v>15</v>
      </c>
      <c r="J3506" s="10">
        <v>19.098234640000001</v>
      </c>
    </row>
    <row r="3507" spans="1:10" x14ac:dyDescent="0.35">
      <c r="A3507" t="s">
        <v>10</v>
      </c>
      <c r="B3507" t="s">
        <v>19</v>
      </c>
      <c r="C3507" t="s">
        <v>117</v>
      </c>
      <c r="D3507" t="s">
        <v>118</v>
      </c>
      <c r="E3507">
        <v>2012</v>
      </c>
      <c r="F3507">
        <v>2012</v>
      </c>
      <c r="G3507" t="s">
        <v>126</v>
      </c>
      <c r="H3507" t="s">
        <v>120</v>
      </c>
      <c r="I3507" t="s">
        <v>15</v>
      </c>
      <c r="J3507" s="10">
        <v>8.3973917189999998</v>
      </c>
    </row>
    <row r="3508" spans="1:10" x14ac:dyDescent="0.35">
      <c r="A3508" t="s">
        <v>10</v>
      </c>
      <c r="B3508" t="s">
        <v>19</v>
      </c>
      <c r="C3508" t="s">
        <v>117</v>
      </c>
      <c r="D3508" t="s">
        <v>118</v>
      </c>
      <c r="E3508">
        <v>2012</v>
      </c>
      <c r="F3508">
        <v>2012</v>
      </c>
      <c r="G3508" t="s">
        <v>126</v>
      </c>
      <c r="H3508" t="s">
        <v>121</v>
      </c>
      <c r="I3508" t="s">
        <v>15</v>
      </c>
      <c r="J3508" s="10">
        <v>33.488840590000002</v>
      </c>
    </row>
    <row r="3509" spans="1:10" x14ac:dyDescent="0.35">
      <c r="A3509" t="s">
        <v>10</v>
      </c>
      <c r="B3509" t="s">
        <v>19</v>
      </c>
      <c r="C3509" t="s">
        <v>117</v>
      </c>
      <c r="D3509" t="s">
        <v>118</v>
      </c>
      <c r="E3509">
        <v>2012</v>
      </c>
      <c r="F3509">
        <v>2012</v>
      </c>
      <c r="G3509" t="s">
        <v>126</v>
      </c>
      <c r="H3509" t="s">
        <v>122</v>
      </c>
      <c r="I3509" t="s">
        <v>15</v>
      </c>
      <c r="J3509" s="10">
        <v>21.009383450000001</v>
      </c>
    </row>
    <row r="3510" spans="1:10" x14ac:dyDescent="0.35">
      <c r="A3510" t="s">
        <v>10</v>
      </c>
      <c r="B3510" t="s">
        <v>19</v>
      </c>
      <c r="C3510" t="s">
        <v>117</v>
      </c>
      <c r="D3510" t="s">
        <v>118</v>
      </c>
      <c r="E3510">
        <v>2012</v>
      </c>
      <c r="F3510">
        <v>2012</v>
      </c>
      <c r="G3510" t="s">
        <v>126</v>
      </c>
      <c r="H3510" t="s">
        <v>123</v>
      </c>
      <c r="I3510" t="s">
        <v>15</v>
      </c>
      <c r="J3510" s="10">
        <v>15.26533425</v>
      </c>
    </row>
    <row r="3511" spans="1:10" x14ac:dyDescent="0.35">
      <c r="A3511" t="s">
        <v>10</v>
      </c>
      <c r="B3511" t="s">
        <v>19</v>
      </c>
      <c r="C3511" t="s">
        <v>117</v>
      </c>
      <c r="D3511" t="s">
        <v>118</v>
      </c>
      <c r="E3511">
        <v>2012</v>
      </c>
      <c r="F3511">
        <v>2012</v>
      </c>
      <c r="G3511" t="s">
        <v>126</v>
      </c>
      <c r="H3511" t="s">
        <v>124</v>
      </c>
      <c r="I3511" t="s">
        <v>15</v>
      </c>
      <c r="J3511" s="10">
        <v>2.7408153529999999</v>
      </c>
    </row>
    <row r="3512" spans="1:10" x14ac:dyDescent="0.35">
      <c r="A3512" t="s">
        <v>10</v>
      </c>
      <c r="B3512" t="s">
        <v>19</v>
      </c>
      <c r="C3512" t="s">
        <v>117</v>
      </c>
      <c r="D3512" t="s">
        <v>118</v>
      </c>
      <c r="E3512">
        <v>2011</v>
      </c>
      <c r="F3512">
        <v>2011</v>
      </c>
      <c r="G3512" t="s">
        <v>14</v>
      </c>
      <c r="H3512" t="s">
        <v>119</v>
      </c>
      <c r="I3512" t="s">
        <v>15</v>
      </c>
      <c r="J3512" s="10">
        <v>19.690616729999999</v>
      </c>
    </row>
    <row r="3513" spans="1:10" x14ac:dyDescent="0.35">
      <c r="A3513" t="s">
        <v>10</v>
      </c>
      <c r="B3513" t="s">
        <v>19</v>
      </c>
      <c r="C3513" t="s">
        <v>117</v>
      </c>
      <c r="D3513" t="s">
        <v>118</v>
      </c>
      <c r="E3513">
        <v>2011</v>
      </c>
      <c r="F3513">
        <v>2011</v>
      </c>
      <c r="G3513" t="s">
        <v>14</v>
      </c>
      <c r="H3513" t="s">
        <v>120</v>
      </c>
      <c r="I3513" t="s">
        <v>15</v>
      </c>
      <c r="J3513" s="10">
        <v>9.1648008680000004</v>
      </c>
    </row>
    <row r="3514" spans="1:10" x14ac:dyDescent="0.35">
      <c r="A3514" t="s">
        <v>10</v>
      </c>
      <c r="B3514" t="s">
        <v>19</v>
      </c>
      <c r="C3514" t="s">
        <v>117</v>
      </c>
      <c r="D3514" t="s">
        <v>118</v>
      </c>
      <c r="E3514">
        <v>2011</v>
      </c>
      <c r="F3514">
        <v>2011</v>
      </c>
      <c r="G3514" t="s">
        <v>14</v>
      </c>
      <c r="H3514" t="s">
        <v>121</v>
      </c>
      <c r="I3514" t="s">
        <v>15</v>
      </c>
      <c r="J3514" s="10">
        <v>33.116222270000002</v>
      </c>
    </row>
    <row r="3515" spans="1:10" x14ac:dyDescent="0.35">
      <c r="A3515" t="s">
        <v>10</v>
      </c>
      <c r="B3515" t="s">
        <v>19</v>
      </c>
      <c r="C3515" t="s">
        <v>117</v>
      </c>
      <c r="D3515" t="s">
        <v>118</v>
      </c>
      <c r="E3515">
        <v>2011</v>
      </c>
      <c r="F3515">
        <v>2011</v>
      </c>
      <c r="G3515" t="s">
        <v>14</v>
      </c>
      <c r="H3515" t="s">
        <v>122</v>
      </c>
      <c r="I3515" t="s">
        <v>15</v>
      </c>
      <c r="J3515" s="10">
        <v>21.692109370000001</v>
      </c>
    </row>
    <row r="3516" spans="1:10" x14ac:dyDescent="0.35">
      <c r="A3516" t="s">
        <v>10</v>
      </c>
      <c r="B3516" t="s">
        <v>19</v>
      </c>
      <c r="C3516" t="s">
        <v>117</v>
      </c>
      <c r="D3516" t="s">
        <v>118</v>
      </c>
      <c r="E3516">
        <v>2011</v>
      </c>
      <c r="F3516">
        <v>2011</v>
      </c>
      <c r="G3516" t="s">
        <v>14</v>
      </c>
      <c r="H3516" t="s">
        <v>123</v>
      </c>
      <c r="I3516" t="s">
        <v>15</v>
      </c>
      <c r="J3516" s="10">
        <v>14.22755954</v>
      </c>
    </row>
    <row r="3517" spans="1:10" x14ac:dyDescent="0.35">
      <c r="A3517" t="s">
        <v>10</v>
      </c>
      <c r="B3517" t="s">
        <v>19</v>
      </c>
      <c r="C3517" t="s">
        <v>117</v>
      </c>
      <c r="D3517" t="s">
        <v>118</v>
      </c>
      <c r="E3517">
        <v>2011</v>
      </c>
      <c r="F3517">
        <v>2011</v>
      </c>
      <c r="G3517" t="s">
        <v>14</v>
      </c>
      <c r="H3517" t="s">
        <v>124</v>
      </c>
      <c r="I3517" t="s">
        <v>15</v>
      </c>
      <c r="J3517" s="10">
        <v>2.108691227</v>
      </c>
    </row>
    <row r="3518" spans="1:10" x14ac:dyDescent="0.35">
      <c r="A3518" t="s">
        <v>10</v>
      </c>
      <c r="B3518" t="s">
        <v>19</v>
      </c>
      <c r="C3518" t="s">
        <v>117</v>
      </c>
      <c r="D3518" t="s">
        <v>118</v>
      </c>
      <c r="E3518">
        <v>2011</v>
      </c>
      <c r="F3518">
        <v>2011</v>
      </c>
      <c r="G3518" t="s">
        <v>125</v>
      </c>
      <c r="H3518" t="s">
        <v>119</v>
      </c>
      <c r="I3518" t="s">
        <v>15</v>
      </c>
      <c r="J3518" s="10">
        <v>20.280142819999998</v>
      </c>
    </row>
    <row r="3519" spans="1:10" x14ac:dyDescent="0.35">
      <c r="A3519" t="s">
        <v>10</v>
      </c>
      <c r="B3519" t="s">
        <v>19</v>
      </c>
      <c r="C3519" t="s">
        <v>117</v>
      </c>
      <c r="D3519" t="s">
        <v>118</v>
      </c>
      <c r="E3519">
        <v>2011</v>
      </c>
      <c r="F3519">
        <v>2011</v>
      </c>
      <c r="G3519" t="s">
        <v>125</v>
      </c>
      <c r="H3519" t="s">
        <v>120</v>
      </c>
      <c r="I3519" t="s">
        <v>15</v>
      </c>
      <c r="J3519" s="10">
        <v>9.7583081570000001</v>
      </c>
    </row>
    <row r="3520" spans="1:10" x14ac:dyDescent="0.35">
      <c r="A3520" t="s">
        <v>10</v>
      </c>
      <c r="B3520" t="s">
        <v>19</v>
      </c>
      <c r="C3520" t="s">
        <v>117</v>
      </c>
      <c r="D3520" t="s">
        <v>118</v>
      </c>
      <c r="E3520">
        <v>2011</v>
      </c>
      <c r="F3520">
        <v>2011</v>
      </c>
      <c r="G3520" t="s">
        <v>125</v>
      </c>
      <c r="H3520" t="s">
        <v>121</v>
      </c>
      <c r="I3520" t="s">
        <v>15</v>
      </c>
      <c r="J3520" s="10">
        <v>32.592694309999999</v>
      </c>
    </row>
    <row r="3521" spans="1:10" x14ac:dyDescent="0.35">
      <c r="A3521" t="s">
        <v>10</v>
      </c>
      <c r="B3521" t="s">
        <v>19</v>
      </c>
      <c r="C3521" t="s">
        <v>117</v>
      </c>
      <c r="D3521" t="s">
        <v>118</v>
      </c>
      <c r="E3521">
        <v>2011</v>
      </c>
      <c r="F3521">
        <v>2011</v>
      </c>
      <c r="G3521" t="s">
        <v>125</v>
      </c>
      <c r="H3521" t="s">
        <v>122</v>
      </c>
      <c r="I3521" t="s">
        <v>15</v>
      </c>
      <c r="J3521" s="10">
        <v>22.161494099999999</v>
      </c>
    </row>
    <row r="3522" spans="1:10" x14ac:dyDescent="0.35">
      <c r="A3522" t="s">
        <v>10</v>
      </c>
      <c r="B3522" t="s">
        <v>19</v>
      </c>
      <c r="C3522" t="s">
        <v>117</v>
      </c>
      <c r="D3522" t="s">
        <v>118</v>
      </c>
      <c r="E3522">
        <v>2011</v>
      </c>
      <c r="F3522">
        <v>2011</v>
      </c>
      <c r="G3522" t="s">
        <v>125</v>
      </c>
      <c r="H3522" t="s">
        <v>123</v>
      </c>
      <c r="I3522" t="s">
        <v>15</v>
      </c>
      <c r="J3522" s="10">
        <v>13.66382862</v>
      </c>
    </row>
    <row r="3523" spans="1:10" x14ac:dyDescent="0.35">
      <c r="A3523" t="s">
        <v>10</v>
      </c>
      <c r="B3523" t="s">
        <v>19</v>
      </c>
      <c r="C3523" t="s">
        <v>117</v>
      </c>
      <c r="D3523" t="s">
        <v>118</v>
      </c>
      <c r="E3523">
        <v>2011</v>
      </c>
      <c r="F3523">
        <v>2011</v>
      </c>
      <c r="G3523" t="s">
        <v>125</v>
      </c>
      <c r="H3523" t="s">
        <v>124</v>
      </c>
      <c r="I3523" t="s">
        <v>15</v>
      </c>
      <c r="J3523" s="10">
        <v>1.5435319970000001</v>
      </c>
    </row>
    <row r="3524" spans="1:10" x14ac:dyDescent="0.35">
      <c r="A3524" t="s">
        <v>10</v>
      </c>
      <c r="B3524" t="s">
        <v>19</v>
      </c>
      <c r="C3524" t="s">
        <v>117</v>
      </c>
      <c r="D3524" t="s">
        <v>118</v>
      </c>
      <c r="E3524">
        <v>2011</v>
      </c>
      <c r="F3524">
        <v>2011</v>
      </c>
      <c r="G3524" t="s">
        <v>126</v>
      </c>
      <c r="H3524" t="s">
        <v>119</v>
      </c>
      <c r="I3524" t="s">
        <v>15</v>
      </c>
      <c r="J3524" s="10">
        <v>19.11492557</v>
      </c>
    </row>
    <row r="3525" spans="1:10" x14ac:dyDescent="0.35">
      <c r="A3525" t="s">
        <v>10</v>
      </c>
      <c r="B3525" t="s">
        <v>19</v>
      </c>
      <c r="C3525" t="s">
        <v>117</v>
      </c>
      <c r="D3525" t="s">
        <v>118</v>
      </c>
      <c r="E3525">
        <v>2011</v>
      </c>
      <c r="F3525">
        <v>2011</v>
      </c>
      <c r="G3525" t="s">
        <v>126</v>
      </c>
      <c r="H3525" t="s">
        <v>120</v>
      </c>
      <c r="I3525" t="s">
        <v>15</v>
      </c>
      <c r="J3525" s="10">
        <v>8.5852219390000002</v>
      </c>
    </row>
    <row r="3526" spans="1:10" x14ac:dyDescent="0.35">
      <c r="A3526" t="s">
        <v>10</v>
      </c>
      <c r="B3526" t="s">
        <v>19</v>
      </c>
      <c r="C3526" t="s">
        <v>117</v>
      </c>
      <c r="D3526" t="s">
        <v>118</v>
      </c>
      <c r="E3526">
        <v>2011</v>
      </c>
      <c r="F3526">
        <v>2011</v>
      </c>
      <c r="G3526" t="s">
        <v>126</v>
      </c>
      <c r="H3526" t="s">
        <v>121</v>
      </c>
      <c r="I3526" t="s">
        <v>15</v>
      </c>
      <c r="J3526" s="10">
        <v>33.62746413</v>
      </c>
    </row>
    <row r="3527" spans="1:10" x14ac:dyDescent="0.35">
      <c r="A3527" t="s">
        <v>10</v>
      </c>
      <c r="B3527" t="s">
        <v>19</v>
      </c>
      <c r="C3527" t="s">
        <v>117</v>
      </c>
      <c r="D3527" t="s">
        <v>118</v>
      </c>
      <c r="E3527">
        <v>2011</v>
      </c>
      <c r="F3527">
        <v>2011</v>
      </c>
      <c r="G3527" t="s">
        <v>126</v>
      </c>
      <c r="H3527" t="s">
        <v>122</v>
      </c>
      <c r="I3527" t="s">
        <v>15</v>
      </c>
      <c r="J3527" s="10">
        <v>21.233740109999999</v>
      </c>
    </row>
    <row r="3528" spans="1:10" x14ac:dyDescent="0.35">
      <c r="A3528" t="s">
        <v>10</v>
      </c>
      <c r="B3528" t="s">
        <v>19</v>
      </c>
      <c r="C3528" t="s">
        <v>117</v>
      </c>
      <c r="D3528" t="s">
        <v>118</v>
      </c>
      <c r="E3528">
        <v>2011</v>
      </c>
      <c r="F3528">
        <v>2011</v>
      </c>
      <c r="G3528" t="s">
        <v>126</v>
      </c>
      <c r="H3528" t="s">
        <v>123</v>
      </c>
      <c r="I3528" t="s">
        <v>15</v>
      </c>
      <c r="J3528" s="10">
        <v>14.77806088</v>
      </c>
    </row>
    <row r="3529" spans="1:10" x14ac:dyDescent="0.35">
      <c r="A3529" t="s">
        <v>10</v>
      </c>
      <c r="B3529" t="s">
        <v>19</v>
      </c>
      <c r="C3529" t="s">
        <v>117</v>
      </c>
      <c r="D3529" t="s">
        <v>118</v>
      </c>
      <c r="E3529">
        <v>2011</v>
      </c>
      <c r="F3529">
        <v>2011</v>
      </c>
      <c r="G3529" t="s">
        <v>126</v>
      </c>
      <c r="H3529" t="s">
        <v>124</v>
      </c>
      <c r="I3529" t="s">
        <v>15</v>
      </c>
      <c r="J3529" s="10">
        <v>2.6605873679999998</v>
      </c>
    </row>
    <row r="3530" spans="1:10" x14ac:dyDescent="0.35">
      <c r="A3530" t="s">
        <v>20</v>
      </c>
      <c r="B3530" t="s">
        <v>21</v>
      </c>
      <c r="C3530" t="s">
        <v>117</v>
      </c>
      <c r="D3530" t="s">
        <v>118</v>
      </c>
      <c r="E3530">
        <v>2020</v>
      </c>
      <c r="F3530">
        <v>2020</v>
      </c>
      <c r="G3530" t="s">
        <v>14</v>
      </c>
      <c r="H3530" t="s">
        <v>119</v>
      </c>
      <c r="I3530" t="s">
        <v>15</v>
      </c>
      <c r="J3530" s="10">
        <v>18.246889729999999</v>
      </c>
    </row>
    <row r="3531" spans="1:10" x14ac:dyDescent="0.35">
      <c r="A3531" t="s">
        <v>20</v>
      </c>
      <c r="B3531" t="s">
        <v>21</v>
      </c>
      <c r="C3531" t="s">
        <v>117</v>
      </c>
      <c r="D3531" t="s">
        <v>118</v>
      </c>
      <c r="E3531">
        <v>2020</v>
      </c>
      <c r="F3531">
        <v>2020</v>
      </c>
      <c r="G3531" t="s">
        <v>14</v>
      </c>
      <c r="H3531" t="s">
        <v>120</v>
      </c>
      <c r="I3531" t="s">
        <v>15</v>
      </c>
      <c r="J3531" s="10">
        <v>10.52093393</v>
      </c>
    </row>
    <row r="3532" spans="1:10" x14ac:dyDescent="0.35">
      <c r="A3532" t="s">
        <v>20</v>
      </c>
      <c r="B3532" t="s">
        <v>21</v>
      </c>
      <c r="C3532" t="s">
        <v>117</v>
      </c>
      <c r="D3532" t="s">
        <v>118</v>
      </c>
      <c r="E3532">
        <v>2020</v>
      </c>
      <c r="F3532">
        <v>2020</v>
      </c>
      <c r="G3532" t="s">
        <v>14</v>
      </c>
      <c r="H3532" t="s">
        <v>121</v>
      </c>
      <c r="I3532" t="s">
        <v>15</v>
      </c>
      <c r="J3532" s="10">
        <v>32.40498779</v>
      </c>
    </row>
    <row r="3533" spans="1:10" x14ac:dyDescent="0.35">
      <c r="A3533" t="s">
        <v>20</v>
      </c>
      <c r="B3533" t="s">
        <v>21</v>
      </c>
      <c r="C3533" t="s">
        <v>117</v>
      </c>
      <c r="D3533" t="s">
        <v>118</v>
      </c>
      <c r="E3533">
        <v>2020</v>
      </c>
      <c r="F3533">
        <v>2020</v>
      </c>
      <c r="G3533" t="s">
        <v>14</v>
      </c>
      <c r="H3533" t="s">
        <v>122</v>
      </c>
      <c r="I3533" t="s">
        <v>15</v>
      </c>
      <c r="J3533" s="10">
        <v>21.56166563</v>
      </c>
    </row>
    <row r="3534" spans="1:10" x14ac:dyDescent="0.35">
      <c r="A3534" t="s">
        <v>20</v>
      </c>
      <c r="B3534" t="s">
        <v>21</v>
      </c>
      <c r="C3534" t="s">
        <v>117</v>
      </c>
      <c r="D3534" t="s">
        <v>118</v>
      </c>
      <c r="E3534">
        <v>2020</v>
      </c>
      <c r="F3534">
        <v>2020</v>
      </c>
      <c r="G3534" t="s">
        <v>14</v>
      </c>
      <c r="H3534" t="s">
        <v>123</v>
      </c>
      <c r="I3534" t="s">
        <v>15</v>
      </c>
      <c r="J3534" s="10">
        <v>15.677725390000001</v>
      </c>
    </row>
    <row r="3535" spans="1:10" x14ac:dyDescent="0.35">
      <c r="A3535" t="s">
        <v>20</v>
      </c>
      <c r="B3535" t="s">
        <v>21</v>
      </c>
      <c r="C3535" t="s">
        <v>117</v>
      </c>
      <c r="D3535" t="s">
        <v>118</v>
      </c>
      <c r="E3535">
        <v>2020</v>
      </c>
      <c r="F3535">
        <v>2020</v>
      </c>
      <c r="G3535" t="s">
        <v>14</v>
      </c>
      <c r="H3535" t="s">
        <v>124</v>
      </c>
      <c r="I3535" t="s">
        <v>15</v>
      </c>
      <c r="J3535" s="10">
        <v>1.587797535</v>
      </c>
    </row>
    <row r="3536" spans="1:10" x14ac:dyDescent="0.35">
      <c r="A3536" t="s">
        <v>20</v>
      </c>
      <c r="B3536" t="s">
        <v>21</v>
      </c>
      <c r="C3536" t="s">
        <v>117</v>
      </c>
      <c r="D3536" t="s">
        <v>118</v>
      </c>
      <c r="E3536">
        <v>2020</v>
      </c>
      <c r="F3536">
        <v>2020</v>
      </c>
      <c r="G3536" t="s">
        <v>125</v>
      </c>
      <c r="H3536" t="s">
        <v>119</v>
      </c>
      <c r="I3536" t="s">
        <v>15</v>
      </c>
      <c r="J3536" s="10">
        <v>19.207423840000001</v>
      </c>
    </row>
    <row r="3537" spans="1:10" x14ac:dyDescent="0.35">
      <c r="A3537" t="s">
        <v>20</v>
      </c>
      <c r="B3537" t="s">
        <v>21</v>
      </c>
      <c r="C3537" t="s">
        <v>117</v>
      </c>
      <c r="D3537" t="s">
        <v>118</v>
      </c>
      <c r="E3537">
        <v>2020</v>
      </c>
      <c r="F3537">
        <v>2020</v>
      </c>
      <c r="G3537" t="s">
        <v>125</v>
      </c>
      <c r="H3537" t="s">
        <v>120</v>
      </c>
      <c r="I3537" t="s">
        <v>15</v>
      </c>
      <c r="J3537" s="10">
        <v>10.998599280000001</v>
      </c>
    </row>
    <row r="3538" spans="1:10" x14ac:dyDescent="0.35">
      <c r="A3538" t="s">
        <v>20</v>
      </c>
      <c r="B3538" t="s">
        <v>21</v>
      </c>
      <c r="C3538" t="s">
        <v>117</v>
      </c>
      <c r="D3538" t="s">
        <v>118</v>
      </c>
      <c r="E3538">
        <v>2020</v>
      </c>
      <c r="F3538">
        <v>2020</v>
      </c>
      <c r="G3538" t="s">
        <v>125</v>
      </c>
      <c r="H3538" t="s">
        <v>121</v>
      </c>
      <c r="I3538" t="s">
        <v>15</v>
      </c>
      <c r="J3538" s="10">
        <v>32.397572080000003</v>
      </c>
    </row>
    <row r="3539" spans="1:10" x14ac:dyDescent="0.35">
      <c r="A3539" t="s">
        <v>20</v>
      </c>
      <c r="B3539" t="s">
        <v>21</v>
      </c>
      <c r="C3539" t="s">
        <v>117</v>
      </c>
      <c r="D3539" t="s">
        <v>118</v>
      </c>
      <c r="E3539">
        <v>2020</v>
      </c>
      <c r="F3539">
        <v>2020</v>
      </c>
      <c r="G3539" t="s">
        <v>125</v>
      </c>
      <c r="H3539" t="s">
        <v>122</v>
      </c>
      <c r="I3539" t="s">
        <v>15</v>
      </c>
      <c r="J3539" s="10">
        <v>21.506945259999998</v>
      </c>
    </row>
    <row r="3540" spans="1:10" x14ac:dyDescent="0.35">
      <c r="A3540" t="s">
        <v>20</v>
      </c>
      <c r="B3540" t="s">
        <v>21</v>
      </c>
      <c r="C3540" t="s">
        <v>117</v>
      </c>
      <c r="D3540" t="s">
        <v>118</v>
      </c>
      <c r="E3540">
        <v>2020</v>
      </c>
      <c r="F3540">
        <v>2020</v>
      </c>
      <c r="G3540" t="s">
        <v>125</v>
      </c>
      <c r="H3540" t="s">
        <v>123</v>
      </c>
      <c r="I3540" t="s">
        <v>15</v>
      </c>
      <c r="J3540" s="10">
        <v>14.687171709999999</v>
      </c>
    </row>
    <row r="3541" spans="1:10" x14ac:dyDescent="0.35">
      <c r="A3541" t="s">
        <v>20</v>
      </c>
      <c r="B3541" t="s">
        <v>21</v>
      </c>
      <c r="C3541" t="s">
        <v>117</v>
      </c>
      <c r="D3541" t="s">
        <v>118</v>
      </c>
      <c r="E3541">
        <v>2020</v>
      </c>
      <c r="F3541">
        <v>2020</v>
      </c>
      <c r="G3541" t="s">
        <v>125</v>
      </c>
      <c r="H3541" t="s">
        <v>124</v>
      </c>
      <c r="I3541" t="s">
        <v>15</v>
      </c>
      <c r="J3541" s="10">
        <v>1.202287849</v>
      </c>
    </row>
    <row r="3542" spans="1:10" x14ac:dyDescent="0.35">
      <c r="A3542" t="s">
        <v>20</v>
      </c>
      <c r="B3542" t="s">
        <v>21</v>
      </c>
      <c r="C3542" t="s">
        <v>117</v>
      </c>
      <c r="D3542" t="s">
        <v>118</v>
      </c>
      <c r="E3542">
        <v>2020</v>
      </c>
      <c r="F3542">
        <v>2020</v>
      </c>
      <c r="G3542" t="s">
        <v>126</v>
      </c>
      <c r="H3542" t="s">
        <v>119</v>
      </c>
      <c r="I3542" t="s">
        <v>15</v>
      </c>
      <c r="J3542" s="10">
        <v>17.33621071</v>
      </c>
    </row>
    <row r="3543" spans="1:10" x14ac:dyDescent="0.35">
      <c r="A3543" t="s">
        <v>20</v>
      </c>
      <c r="B3543" t="s">
        <v>21</v>
      </c>
      <c r="C3543" t="s">
        <v>117</v>
      </c>
      <c r="D3543" t="s">
        <v>118</v>
      </c>
      <c r="E3543">
        <v>2020</v>
      </c>
      <c r="F3543">
        <v>2020</v>
      </c>
      <c r="G3543" t="s">
        <v>126</v>
      </c>
      <c r="H3543" t="s">
        <v>120</v>
      </c>
      <c r="I3543" t="s">
        <v>15</v>
      </c>
      <c r="J3543" s="10">
        <v>10.06806109</v>
      </c>
    </row>
    <row r="3544" spans="1:10" x14ac:dyDescent="0.35">
      <c r="A3544" t="s">
        <v>20</v>
      </c>
      <c r="B3544" t="s">
        <v>21</v>
      </c>
      <c r="C3544" t="s">
        <v>117</v>
      </c>
      <c r="D3544" t="s">
        <v>118</v>
      </c>
      <c r="E3544">
        <v>2020</v>
      </c>
      <c r="F3544">
        <v>2020</v>
      </c>
      <c r="G3544" t="s">
        <v>126</v>
      </c>
      <c r="H3544" t="s">
        <v>121</v>
      </c>
      <c r="I3544" t="s">
        <v>15</v>
      </c>
      <c r="J3544" s="10">
        <v>32.412018590000002</v>
      </c>
    </row>
    <row r="3545" spans="1:10" x14ac:dyDescent="0.35">
      <c r="A3545" t="s">
        <v>20</v>
      </c>
      <c r="B3545" t="s">
        <v>21</v>
      </c>
      <c r="C3545" t="s">
        <v>117</v>
      </c>
      <c r="D3545" t="s">
        <v>118</v>
      </c>
      <c r="E3545">
        <v>2020</v>
      </c>
      <c r="F3545">
        <v>2020</v>
      </c>
      <c r="G3545" t="s">
        <v>126</v>
      </c>
      <c r="H3545" t="s">
        <v>122</v>
      </c>
      <c r="I3545" t="s">
        <v>15</v>
      </c>
      <c r="J3545" s="10">
        <v>21.613545819999999</v>
      </c>
    </row>
    <row r="3546" spans="1:10" x14ac:dyDescent="0.35">
      <c r="A3546" t="s">
        <v>20</v>
      </c>
      <c r="B3546" t="s">
        <v>21</v>
      </c>
      <c r="C3546" t="s">
        <v>117</v>
      </c>
      <c r="D3546" t="s">
        <v>118</v>
      </c>
      <c r="E3546">
        <v>2020</v>
      </c>
      <c r="F3546">
        <v>2020</v>
      </c>
      <c r="G3546" t="s">
        <v>126</v>
      </c>
      <c r="H3546" t="s">
        <v>123</v>
      </c>
      <c r="I3546" t="s">
        <v>15</v>
      </c>
      <c r="J3546" s="10">
        <v>16.616865870000002</v>
      </c>
    </row>
    <row r="3547" spans="1:10" x14ac:dyDescent="0.35">
      <c r="A3547" t="s">
        <v>20</v>
      </c>
      <c r="B3547" t="s">
        <v>21</v>
      </c>
      <c r="C3547" t="s">
        <v>117</v>
      </c>
      <c r="D3547" t="s">
        <v>118</v>
      </c>
      <c r="E3547">
        <v>2020</v>
      </c>
      <c r="F3547">
        <v>2020</v>
      </c>
      <c r="G3547" t="s">
        <v>126</v>
      </c>
      <c r="H3547" t="s">
        <v>124</v>
      </c>
      <c r="I3547" t="s">
        <v>15</v>
      </c>
      <c r="J3547" s="10">
        <v>1.9532979189999999</v>
      </c>
    </row>
    <row r="3548" spans="1:10" x14ac:dyDescent="0.35">
      <c r="A3548" t="s">
        <v>20</v>
      </c>
      <c r="B3548" t="s">
        <v>21</v>
      </c>
      <c r="C3548" t="s">
        <v>117</v>
      </c>
      <c r="D3548" t="s">
        <v>118</v>
      </c>
      <c r="E3548">
        <v>2019</v>
      </c>
      <c r="F3548">
        <v>2019</v>
      </c>
      <c r="G3548" t="s">
        <v>14</v>
      </c>
      <c r="H3548" t="s">
        <v>119</v>
      </c>
      <c r="I3548" t="s">
        <v>15</v>
      </c>
      <c r="J3548" s="10">
        <v>18.332743109999999</v>
      </c>
    </row>
    <row r="3549" spans="1:10" x14ac:dyDescent="0.35">
      <c r="A3549" t="s">
        <v>20</v>
      </c>
      <c r="B3549" t="s">
        <v>21</v>
      </c>
      <c r="C3549" t="s">
        <v>117</v>
      </c>
      <c r="D3549" t="s">
        <v>118</v>
      </c>
      <c r="E3549">
        <v>2019</v>
      </c>
      <c r="F3549">
        <v>2019</v>
      </c>
      <c r="G3549" t="s">
        <v>14</v>
      </c>
      <c r="H3549" t="s">
        <v>120</v>
      </c>
      <c r="I3549" t="s">
        <v>15</v>
      </c>
      <c r="J3549" s="10">
        <v>10.62823146</v>
      </c>
    </row>
    <row r="3550" spans="1:10" x14ac:dyDescent="0.35">
      <c r="A3550" t="s">
        <v>20</v>
      </c>
      <c r="B3550" t="s">
        <v>21</v>
      </c>
      <c r="C3550" t="s">
        <v>117</v>
      </c>
      <c r="D3550" t="s">
        <v>118</v>
      </c>
      <c r="E3550">
        <v>2019</v>
      </c>
      <c r="F3550">
        <v>2019</v>
      </c>
      <c r="G3550" t="s">
        <v>14</v>
      </c>
      <c r="H3550" t="s">
        <v>121</v>
      </c>
      <c r="I3550" t="s">
        <v>15</v>
      </c>
      <c r="J3550" s="10">
        <v>32.692117009999997</v>
      </c>
    </row>
    <row r="3551" spans="1:10" x14ac:dyDescent="0.35">
      <c r="A3551" t="s">
        <v>20</v>
      </c>
      <c r="B3551" t="s">
        <v>21</v>
      </c>
      <c r="C3551" t="s">
        <v>117</v>
      </c>
      <c r="D3551" t="s">
        <v>118</v>
      </c>
      <c r="E3551">
        <v>2019</v>
      </c>
      <c r="F3551">
        <v>2019</v>
      </c>
      <c r="G3551" t="s">
        <v>14</v>
      </c>
      <c r="H3551" t="s">
        <v>122</v>
      </c>
      <c r="I3551" t="s">
        <v>15</v>
      </c>
      <c r="J3551" s="10">
        <v>21.310291100000001</v>
      </c>
    </row>
    <row r="3552" spans="1:10" x14ac:dyDescent="0.35">
      <c r="A3552" t="s">
        <v>20</v>
      </c>
      <c r="B3552" t="s">
        <v>21</v>
      </c>
      <c r="C3552" t="s">
        <v>117</v>
      </c>
      <c r="D3552" t="s">
        <v>118</v>
      </c>
      <c r="E3552">
        <v>2019</v>
      </c>
      <c r="F3552">
        <v>2019</v>
      </c>
      <c r="G3552" t="s">
        <v>14</v>
      </c>
      <c r="H3552" t="s">
        <v>123</v>
      </c>
      <c r="I3552" t="s">
        <v>15</v>
      </c>
      <c r="J3552" s="10">
        <v>15.481266379999999</v>
      </c>
    </row>
    <row r="3553" spans="1:10" x14ac:dyDescent="0.35">
      <c r="A3553" t="s">
        <v>20</v>
      </c>
      <c r="B3553" t="s">
        <v>21</v>
      </c>
      <c r="C3553" t="s">
        <v>117</v>
      </c>
      <c r="D3553" t="s">
        <v>118</v>
      </c>
      <c r="E3553">
        <v>2019</v>
      </c>
      <c r="F3553">
        <v>2019</v>
      </c>
      <c r="G3553" t="s">
        <v>14</v>
      </c>
      <c r="H3553" t="s">
        <v>124</v>
      </c>
      <c r="I3553" t="s">
        <v>15</v>
      </c>
      <c r="J3553" s="10">
        <v>1.5553509459999999</v>
      </c>
    </row>
    <row r="3554" spans="1:10" x14ac:dyDescent="0.35">
      <c r="A3554" t="s">
        <v>20</v>
      </c>
      <c r="B3554" t="s">
        <v>21</v>
      </c>
      <c r="C3554" t="s">
        <v>117</v>
      </c>
      <c r="D3554" t="s">
        <v>118</v>
      </c>
      <c r="E3554">
        <v>2019</v>
      </c>
      <c r="F3554">
        <v>2019</v>
      </c>
      <c r="G3554" t="s">
        <v>125</v>
      </c>
      <c r="H3554" t="s">
        <v>119</v>
      </c>
      <c r="I3554" t="s">
        <v>15</v>
      </c>
      <c r="J3554" s="10">
        <v>19.4259652</v>
      </c>
    </row>
    <row r="3555" spans="1:10" x14ac:dyDescent="0.35">
      <c r="A3555" t="s">
        <v>20</v>
      </c>
      <c r="B3555" t="s">
        <v>21</v>
      </c>
      <c r="C3555" t="s">
        <v>117</v>
      </c>
      <c r="D3555" t="s">
        <v>118</v>
      </c>
      <c r="E3555">
        <v>2019</v>
      </c>
      <c r="F3555">
        <v>2019</v>
      </c>
      <c r="G3555" t="s">
        <v>125</v>
      </c>
      <c r="H3555" t="s">
        <v>120</v>
      </c>
      <c r="I3555" t="s">
        <v>15</v>
      </c>
      <c r="J3555" s="10">
        <v>11.06527612</v>
      </c>
    </row>
    <row r="3556" spans="1:10" x14ac:dyDescent="0.35">
      <c r="A3556" t="s">
        <v>20</v>
      </c>
      <c r="B3556" t="s">
        <v>21</v>
      </c>
      <c r="C3556" t="s">
        <v>117</v>
      </c>
      <c r="D3556" t="s">
        <v>118</v>
      </c>
      <c r="E3556">
        <v>2019</v>
      </c>
      <c r="F3556">
        <v>2019</v>
      </c>
      <c r="G3556" t="s">
        <v>125</v>
      </c>
      <c r="H3556" t="s">
        <v>121</v>
      </c>
      <c r="I3556" t="s">
        <v>15</v>
      </c>
      <c r="J3556" s="10">
        <v>32.658397000000001</v>
      </c>
    </row>
    <row r="3557" spans="1:10" x14ac:dyDescent="0.35">
      <c r="A3557" t="s">
        <v>20</v>
      </c>
      <c r="B3557" t="s">
        <v>21</v>
      </c>
      <c r="C3557" t="s">
        <v>117</v>
      </c>
      <c r="D3557" t="s">
        <v>118</v>
      </c>
      <c r="E3557">
        <v>2019</v>
      </c>
      <c r="F3557">
        <v>2019</v>
      </c>
      <c r="G3557" t="s">
        <v>125</v>
      </c>
      <c r="H3557" t="s">
        <v>122</v>
      </c>
      <c r="I3557" t="s">
        <v>15</v>
      </c>
      <c r="J3557" s="10">
        <v>21.177700959999999</v>
      </c>
    </row>
    <row r="3558" spans="1:10" x14ac:dyDescent="0.35">
      <c r="A3558" t="s">
        <v>20</v>
      </c>
      <c r="B3558" t="s">
        <v>21</v>
      </c>
      <c r="C3558" t="s">
        <v>117</v>
      </c>
      <c r="D3558" t="s">
        <v>118</v>
      </c>
      <c r="E3558">
        <v>2019</v>
      </c>
      <c r="F3558">
        <v>2019</v>
      </c>
      <c r="G3558" t="s">
        <v>125</v>
      </c>
      <c r="H3558" t="s">
        <v>123</v>
      </c>
      <c r="I3558" t="s">
        <v>15</v>
      </c>
      <c r="J3558" s="10">
        <v>14.47578654</v>
      </c>
    </row>
    <row r="3559" spans="1:10" x14ac:dyDescent="0.35">
      <c r="A3559" t="s">
        <v>20</v>
      </c>
      <c r="B3559" t="s">
        <v>21</v>
      </c>
      <c r="C3559" t="s">
        <v>117</v>
      </c>
      <c r="D3559" t="s">
        <v>118</v>
      </c>
      <c r="E3559">
        <v>2019</v>
      </c>
      <c r="F3559">
        <v>2019</v>
      </c>
      <c r="G3559" t="s">
        <v>125</v>
      </c>
      <c r="H3559" t="s">
        <v>124</v>
      </c>
      <c r="I3559" t="s">
        <v>15</v>
      </c>
      <c r="J3559" s="10">
        <v>1.196874183</v>
      </c>
    </row>
    <row r="3560" spans="1:10" x14ac:dyDescent="0.35">
      <c r="A3560" t="s">
        <v>20</v>
      </c>
      <c r="B3560" t="s">
        <v>21</v>
      </c>
      <c r="C3560" t="s">
        <v>117</v>
      </c>
      <c r="D3560" t="s">
        <v>118</v>
      </c>
      <c r="E3560">
        <v>2019</v>
      </c>
      <c r="F3560">
        <v>2019</v>
      </c>
      <c r="G3560" t="s">
        <v>126</v>
      </c>
      <c r="H3560" t="s">
        <v>119</v>
      </c>
      <c r="I3560" t="s">
        <v>15</v>
      </c>
      <c r="J3560" s="10">
        <v>17.292380850000001</v>
      </c>
    </row>
    <row r="3561" spans="1:10" x14ac:dyDescent="0.35">
      <c r="A3561" t="s">
        <v>20</v>
      </c>
      <c r="B3561" t="s">
        <v>21</v>
      </c>
      <c r="C3561" t="s">
        <v>117</v>
      </c>
      <c r="D3561" t="s">
        <v>118</v>
      </c>
      <c r="E3561">
        <v>2019</v>
      </c>
      <c r="F3561">
        <v>2019</v>
      </c>
      <c r="G3561" t="s">
        <v>126</v>
      </c>
      <c r="H3561" t="s">
        <v>120</v>
      </c>
      <c r="I3561" t="s">
        <v>15</v>
      </c>
      <c r="J3561" s="10">
        <v>10.21231892</v>
      </c>
    </row>
    <row r="3562" spans="1:10" x14ac:dyDescent="0.35">
      <c r="A3562" t="s">
        <v>20</v>
      </c>
      <c r="B3562" t="s">
        <v>21</v>
      </c>
      <c r="C3562" t="s">
        <v>117</v>
      </c>
      <c r="D3562" t="s">
        <v>118</v>
      </c>
      <c r="E3562">
        <v>2019</v>
      </c>
      <c r="F3562">
        <v>2019</v>
      </c>
      <c r="G3562" t="s">
        <v>126</v>
      </c>
      <c r="H3562" t="s">
        <v>121</v>
      </c>
      <c r="I3562" t="s">
        <v>15</v>
      </c>
      <c r="J3562" s="10">
        <v>32.72420657</v>
      </c>
    </row>
    <row r="3563" spans="1:10" x14ac:dyDescent="0.35">
      <c r="A3563" t="s">
        <v>20</v>
      </c>
      <c r="B3563" t="s">
        <v>21</v>
      </c>
      <c r="C3563" t="s">
        <v>117</v>
      </c>
      <c r="D3563" t="s">
        <v>118</v>
      </c>
      <c r="E3563">
        <v>2019</v>
      </c>
      <c r="F3563">
        <v>2019</v>
      </c>
      <c r="G3563" t="s">
        <v>126</v>
      </c>
      <c r="H3563" t="s">
        <v>122</v>
      </c>
      <c r="I3563" t="s">
        <v>15</v>
      </c>
      <c r="J3563" s="10">
        <v>21.436470199999999</v>
      </c>
    </row>
    <row r="3564" spans="1:10" x14ac:dyDescent="0.35">
      <c r="A3564" t="s">
        <v>20</v>
      </c>
      <c r="B3564" t="s">
        <v>21</v>
      </c>
      <c r="C3564" t="s">
        <v>117</v>
      </c>
      <c r="D3564" t="s">
        <v>118</v>
      </c>
      <c r="E3564">
        <v>2019</v>
      </c>
      <c r="F3564">
        <v>2019</v>
      </c>
      <c r="G3564" t="s">
        <v>126</v>
      </c>
      <c r="H3564" t="s">
        <v>123</v>
      </c>
      <c r="I3564" t="s">
        <v>15</v>
      </c>
      <c r="J3564" s="10">
        <v>16.438128939999999</v>
      </c>
    </row>
    <row r="3565" spans="1:10" x14ac:dyDescent="0.35">
      <c r="A3565" t="s">
        <v>20</v>
      </c>
      <c r="B3565" t="s">
        <v>21</v>
      </c>
      <c r="C3565" t="s">
        <v>117</v>
      </c>
      <c r="D3565" t="s">
        <v>118</v>
      </c>
      <c r="E3565">
        <v>2019</v>
      </c>
      <c r="F3565">
        <v>2019</v>
      </c>
      <c r="G3565" t="s">
        <v>126</v>
      </c>
      <c r="H3565" t="s">
        <v>124</v>
      </c>
      <c r="I3565" t="s">
        <v>15</v>
      </c>
      <c r="J3565" s="10">
        <v>1.8964945259999999</v>
      </c>
    </row>
    <row r="3566" spans="1:10" x14ac:dyDescent="0.35">
      <c r="A3566" t="s">
        <v>20</v>
      </c>
      <c r="B3566" t="s">
        <v>21</v>
      </c>
      <c r="C3566" t="s">
        <v>117</v>
      </c>
      <c r="D3566" t="s">
        <v>118</v>
      </c>
      <c r="E3566">
        <v>2018</v>
      </c>
      <c r="F3566">
        <v>2018</v>
      </c>
      <c r="G3566" t="s">
        <v>14</v>
      </c>
      <c r="H3566" t="s">
        <v>119</v>
      </c>
      <c r="I3566" t="s">
        <v>15</v>
      </c>
      <c r="J3566" s="10">
        <v>18.50506541</v>
      </c>
    </row>
    <row r="3567" spans="1:10" x14ac:dyDescent="0.35">
      <c r="A3567" t="s">
        <v>20</v>
      </c>
      <c r="B3567" t="s">
        <v>21</v>
      </c>
      <c r="C3567" t="s">
        <v>117</v>
      </c>
      <c r="D3567" t="s">
        <v>118</v>
      </c>
      <c r="E3567">
        <v>2018</v>
      </c>
      <c r="F3567">
        <v>2018</v>
      </c>
      <c r="G3567" t="s">
        <v>14</v>
      </c>
      <c r="H3567" t="s">
        <v>120</v>
      </c>
      <c r="I3567" t="s">
        <v>15</v>
      </c>
      <c r="J3567" s="10">
        <v>10.78776356</v>
      </c>
    </row>
    <row r="3568" spans="1:10" x14ac:dyDescent="0.35">
      <c r="A3568" t="s">
        <v>20</v>
      </c>
      <c r="B3568" t="s">
        <v>21</v>
      </c>
      <c r="C3568" t="s">
        <v>117</v>
      </c>
      <c r="D3568" t="s">
        <v>118</v>
      </c>
      <c r="E3568">
        <v>2018</v>
      </c>
      <c r="F3568">
        <v>2018</v>
      </c>
      <c r="G3568" t="s">
        <v>14</v>
      </c>
      <c r="H3568" t="s">
        <v>121</v>
      </c>
      <c r="I3568" t="s">
        <v>15</v>
      </c>
      <c r="J3568" s="10">
        <v>32.928005900000002</v>
      </c>
    </row>
    <row r="3569" spans="1:10" x14ac:dyDescent="0.35">
      <c r="A3569" t="s">
        <v>20</v>
      </c>
      <c r="B3569" t="s">
        <v>21</v>
      </c>
      <c r="C3569" t="s">
        <v>117</v>
      </c>
      <c r="D3569" t="s">
        <v>118</v>
      </c>
      <c r="E3569">
        <v>2018</v>
      </c>
      <c r="F3569">
        <v>2018</v>
      </c>
      <c r="G3569" t="s">
        <v>14</v>
      </c>
      <c r="H3569" t="s">
        <v>122</v>
      </c>
      <c r="I3569" t="s">
        <v>15</v>
      </c>
      <c r="J3569" s="10">
        <v>20.951218820000001</v>
      </c>
    </row>
    <row r="3570" spans="1:10" x14ac:dyDescent="0.35">
      <c r="A3570" t="s">
        <v>20</v>
      </c>
      <c r="B3570" t="s">
        <v>21</v>
      </c>
      <c r="C3570" t="s">
        <v>117</v>
      </c>
      <c r="D3570" t="s">
        <v>118</v>
      </c>
      <c r="E3570">
        <v>2018</v>
      </c>
      <c r="F3570">
        <v>2018</v>
      </c>
      <c r="G3570" t="s">
        <v>14</v>
      </c>
      <c r="H3570" t="s">
        <v>123</v>
      </c>
      <c r="I3570" t="s">
        <v>15</v>
      </c>
      <c r="J3570" s="10">
        <v>15.322511990000001</v>
      </c>
    </row>
    <row r="3571" spans="1:10" x14ac:dyDescent="0.35">
      <c r="A3571" t="s">
        <v>20</v>
      </c>
      <c r="B3571" t="s">
        <v>21</v>
      </c>
      <c r="C3571" t="s">
        <v>117</v>
      </c>
      <c r="D3571" t="s">
        <v>118</v>
      </c>
      <c r="E3571">
        <v>2018</v>
      </c>
      <c r="F3571">
        <v>2018</v>
      </c>
      <c r="G3571" t="s">
        <v>14</v>
      </c>
      <c r="H3571" t="s">
        <v>124</v>
      </c>
      <c r="I3571" t="s">
        <v>15</v>
      </c>
      <c r="J3571" s="10">
        <v>1.50543432</v>
      </c>
    </row>
    <row r="3572" spans="1:10" x14ac:dyDescent="0.35">
      <c r="A3572" t="s">
        <v>20</v>
      </c>
      <c r="B3572" t="s">
        <v>21</v>
      </c>
      <c r="C3572" t="s">
        <v>117</v>
      </c>
      <c r="D3572" t="s">
        <v>118</v>
      </c>
      <c r="E3572">
        <v>2018</v>
      </c>
      <c r="F3572">
        <v>2018</v>
      </c>
      <c r="G3572" t="s">
        <v>125</v>
      </c>
      <c r="H3572" t="s">
        <v>119</v>
      </c>
      <c r="I3572" t="s">
        <v>15</v>
      </c>
      <c r="J3572" s="10">
        <v>19.646336850000001</v>
      </c>
    </row>
    <row r="3573" spans="1:10" x14ac:dyDescent="0.35">
      <c r="A3573" t="s">
        <v>20</v>
      </c>
      <c r="B3573" t="s">
        <v>21</v>
      </c>
      <c r="C3573" t="s">
        <v>117</v>
      </c>
      <c r="D3573" t="s">
        <v>118</v>
      </c>
      <c r="E3573">
        <v>2018</v>
      </c>
      <c r="F3573">
        <v>2018</v>
      </c>
      <c r="G3573" t="s">
        <v>125</v>
      </c>
      <c r="H3573" t="s">
        <v>120</v>
      </c>
      <c r="I3573" t="s">
        <v>15</v>
      </c>
      <c r="J3573" s="10">
        <v>11.255562340000001</v>
      </c>
    </row>
    <row r="3574" spans="1:10" x14ac:dyDescent="0.35">
      <c r="A3574" t="s">
        <v>20</v>
      </c>
      <c r="B3574" t="s">
        <v>21</v>
      </c>
      <c r="C3574" t="s">
        <v>117</v>
      </c>
      <c r="D3574" t="s">
        <v>118</v>
      </c>
      <c r="E3574">
        <v>2018</v>
      </c>
      <c r="F3574">
        <v>2018</v>
      </c>
      <c r="G3574" t="s">
        <v>125</v>
      </c>
      <c r="H3574" t="s">
        <v>121</v>
      </c>
      <c r="I3574" t="s">
        <v>15</v>
      </c>
      <c r="J3574" s="10">
        <v>32.798185150000002</v>
      </c>
    </row>
    <row r="3575" spans="1:10" x14ac:dyDescent="0.35">
      <c r="A3575" t="s">
        <v>20</v>
      </c>
      <c r="B3575" t="s">
        <v>21</v>
      </c>
      <c r="C3575" t="s">
        <v>117</v>
      </c>
      <c r="D3575" t="s">
        <v>118</v>
      </c>
      <c r="E3575">
        <v>2018</v>
      </c>
      <c r="F3575">
        <v>2018</v>
      </c>
      <c r="G3575" t="s">
        <v>125</v>
      </c>
      <c r="H3575" t="s">
        <v>122</v>
      </c>
      <c r="I3575" t="s">
        <v>15</v>
      </c>
      <c r="J3575" s="10">
        <v>20.911496960000001</v>
      </c>
    </row>
    <row r="3576" spans="1:10" x14ac:dyDescent="0.35">
      <c r="A3576" t="s">
        <v>20</v>
      </c>
      <c r="B3576" t="s">
        <v>21</v>
      </c>
      <c r="C3576" t="s">
        <v>117</v>
      </c>
      <c r="D3576" t="s">
        <v>118</v>
      </c>
      <c r="E3576">
        <v>2018</v>
      </c>
      <c r="F3576">
        <v>2018</v>
      </c>
      <c r="G3576" t="s">
        <v>125</v>
      </c>
      <c r="H3576" t="s">
        <v>123</v>
      </c>
      <c r="I3576" t="s">
        <v>15</v>
      </c>
      <c r="J3576" s="10">
        <v>14.259954049999999</v>
      </c>
    </row>
    <row r="3577" spans="1:10" x14ac:dyDescent="0.35">
      <c r="A3577" t="s">
        <v>20</v>
      </c>
      <c r="B3577" t="s">
        <v>21</v>
      </c>
      <c r="C3577" t="s">
        <v>117</v>
      </c>
      <c r="D3577" t="s">
        <v>118</v>
      </c>
      <c r="E3577">
        <v>2018</v>
      </c>
      <c r="F3577">
        <v>2018</v>
      </c>
      <c r="G3577" t="s">
        <v>125</v>
      </c>
      <c r="H3577" t="s">
        <v>124</v>
      </c>
      <c r="I3577" t="s">
        <v>15</v>
      </c>
      <c r="J3577" s="10">
        <v>1.128464648</v>
      </c>
    </row>
    <row r="3578" spans="1:10" x14ac:dyDescent="0.35">
      <c r="A3578" t="s">
        <v>20</v>
      </c>
      <c r="B3578" t="s">
        <v>21</v>
      </c>
      <c r="C3578" t="s">
        <v>117</v>
      </c>
      <c r="D3578" t="s">
        <v>118</v>
      </c>
      <c r="E3578">
        <v>2018</v>
      </c>
      <c r="F3578">
        <v>2018</v>
      </c>
      <c r="G3578" t="s">
        <v>126</v>
      </c>
      <c r="H3578" t="s">
        <v>119</v>
      </c>
      <c r="I3578" t="s">
        <v>15</v>
      </c>
      <c r="J3578" s="10">
        <v>17.417924920000001</v>
      </c>
    </row>
    <row r="3579" spans="1:10" x14ac:dyDescent="0.35">
      <c r="A3579" t="s">
        <v>20</v>
      </c>
      <c r="B3579" t="s">
        <v>21</v>
      </c>
      <c r="C3579" t="s">
        <v>117</v>
      </c>
      <c r="D3579" t="s">
        <v>118</v>
      </c>
      <c r="E3579">
        <v>2018</v>
      </c>
      <c r="F3579">
        <v>2018</v>
      </c>
      <c r="G3579" t="s">
        <v>126</v>
      </c>
      <c r="H3579" t="s">
        <v>120</v>
      </c>
      <c r="I3579" t="s">
        <v>15</v>
      </c>
      <c r="J3579" s="10">
        <v>10.342152649999999</v>
      </c>
    </row>
    <row r="3580" spans="1:10" x14ac:dyDescent="0.35">
      <c r="A3580" t="s">
        <v>20</v>
      </c>
      <c r="B3580" t="s">
        <v>21</v>
      </c>
      <c r="C3580" t="s">
        <v>117</v>
      </c>
      <c r="D3580" t="s">
        <v>118</v>
      </c>
      <c r="E3580">
        <v>2018</v>
      </c>
      <c r="F3580">
        <v>2018</v>
      </c>
      <c r="G3580" t="s">
        <v>126</v>
      </c>
      <c r="H3580" t="s">
        <v>121</v>
      </c>
      <c r="I3580" t="s">
        <v>15</v>
      </c>
      <c r="J3580" s="10">
        <v>33.05166921</v>
      </c>
    </row>
    <row r="3581" spans="1:10" x14ac:dyDescent="0.35">
      <c r="A3581" t="s">
        <v>20</v>
      </c>
      <c r="B3581" t="s">
        <v>21</v>
      </c>
      <c r="C3581" t="s">
        <v>117</v>
      </c>
      <c r="D3581" t="s">
        <v>118</v>
      </c>
      <c r="E3581">
        <v>2018</v>
      </c>
      <c r="F3581">
        <v>2018</v>
      </c>
      <c r="G3581" t="s">
        <v>126</v>
      </c>
      <c r="H3581" t="s">
        <v>122</v>
      </c>
      <c r="I3581" t="s">
        <v>15</v>
      </c>
      <c r="J3581" s="10">
        <v>20.989056659999999</v>
      </c>
    </row>
    <row r="3582" spans="1:10" x14ac:dyDescent="0.35">
      <c r="A3582" t="s">
        <v>20</v>
      </c>
      <c r="B3582" t="s">
        <v>21</v>
      </c>
      <c r="C3582" t="s">
        <v>117</v>
      </c>
      <c r="D3582" t="s">
        <v>118</v>
      </c>
      <c r="E3582">
        <v>2018</v>
      </c>
      <c r="F3582">
        <v>2018</v>
      </c>
      <c r="G3582" t="s">
        <v>126</v>
      </c>
      <c r="H3582" t="s">
        <v>123</v>
      </c>
      <c r="I3582" t="s">
        <v>15</v>
      </c>
      <c r="J3582" s="10">
        <v>16.334672390000001</v>
      </c>
    </row>
    <row r="3583" spans="1:10" x14ac:dyDescent="0.35">
      <c r="A3583" t="s">
        <v>20</v>
      </c>
      <c r="B3583" t="s">
        <v>21</v>
      </c>
      <c r="C3583" t="s">
        <v>117</v>
      </c>
      <c r="D3583" t="s">
        <v>118</v>
      </c>
      <c r="E3583">
        <v>2018</v>
      </c>
      <c r="F3583">
        <v>2018</v>
      </c>
      <c r="G3583" t="s">
        <v>126</v>
      </c>
      <c r="H3583" t="s">
        <v>124</v>
      </c>
      <c r="I3583" t="s">
        <v>15</v>
      </c>
      <c r="J3583" s="10">
        <v>1.8645241720000001</v>
      </c>
    </row>
    <row r="3584" spans="1:10" x14ac:dyDescent="0.35">
      <c r="A3584" t="s">
        <v>20</v>
      </c>
      <c r="B3584" t="s">
        <v>21</v>
      </c>
      <c r="C3584" t="s">
        <v>117</v>
      </c>
      <c r="D3584" t="s">
        <v>118</v>
      </c>
      <c r="E3584">
        <v>2017</v>
      </c>
      <c r="F3584">
        <v>2017</v>
      </c>
      <c r="G3584" t="s">
        <v>14</v>
      </c>
      <c r="H3584" t="s">
        <v>119</v>
      </c>
      <c r="I3584" t="s">
        <v>15</v>
      </c>
      <c r="J3584" s="10">
        <v>18.540145989999999</v>
      </c>
    </row>
    <row r="3585" spans="1:10" x14ac:dyDescent="0.35">
      <c r="A3585" t="s">
        <v>20</v>
      </c>
      <c r="B3585" t="s">
        <v>21</v>
      </c>
      <c r="C3585" t="s">
        <v>117</v>
      </c>
      <c r="D3585" t="s">
        <v>118</v>
      </c>
      <c r="E3585">
        <v>2017</v>
      </c>
      <c r="F3585">
        <v>2017</v>
      </c>
      <c r="G3585" t="s">
        <v>14</v>
      </c>
      <c r="H3585" t="s">
        <v>120</v>
      </c>
      <c r="I3585" t="s">
        <v>15</v>
      </c>
      <c r="J3585" s="10">
        <v>10.870951740000001</v>
      </c>
    </row>
    <row r="3586" spans="1:10" x14ac:dyDescent="0.35">
      <c r="A3586" t="s">
        <v>20</v>
      </c>
      <c r="B3586" t="s">
        <v>21</v>
      </c>
      <c r="C3586" t="s">
        <v>117</v>
      </c>
      <c r="D3586" t="s">
        <v>118</v>
      </c>
      <c r="E3586">
        <v>2017</v>
      </c>
      <c r="F3586">
        <v>2017</v>
      </c>
      <c r="G3586" t="s">
        <v>14</v>
      </c>
      <c r="H3586" t="s">
        <v>121</v>
      </c>
      <c r="I3586" t="s">
        <v>15</v>
      </c>
      <c r="J3586" s="10">
        <v>33.372546239999998</v>
      </c>
    </row>
    <row r="3587" spans="1:10" x14ac:dyDescent="0.35">
      <c r="A3587" t="s">
        <v>20</v>
      </c>
      <c r="B3587" t="s">
        <v>21</v>
      </c>
      <c r="C3587" t="s">
        <v>117</v>
      </c>
      <c r="D3587" t="s">
        <v>118</v>
      </c>
      <c r="E3587">
        <v>2017</v>
      </c>
      <c r="F3587">
        <v>2017</v>
      </c>
      <c r="G3587" t="s">
        <v>14</v>
      </c>
      <c r="H3587" t="s">
        <v>122</v>
      </c>
      <c r="I3587" t="s">
        <v>15</v>
      </c>
      <c r="J3587" s="10">
        <v>20.595280280000001</v>
      </c>
    </row>
    <row r="3588" spans="1:10" x14ac:dyDescent="0.35">
      <c r="A3588" t="s">
        <v>20</v>
      </c>
      <c r="B3588" t="s">
        <v>21</v>
      </c>
      <c r="C3588" t="s">
        <v>117</v>
      </c>
      <c r="D3588" t="s">
        <v>118</v>
      </c>
      <c r="E3588">
        <v>2017</v>
      </c>
      <c r="F3588">
        <v>2017</v>
      </c>
      <c r="G3588" t="s">
        <v>14</v>
      </c>
      <c r="H3588" t="s">
        <v>123</v>
      </c>
      <c r="I3588" t="s">
        <v>15</v>
      </c>
      <c r="J3588" s="10">
        <v>15.17114308</v>
      </c>
    </row>
    <row r="3589" spans="1:10" x14ac:dyDescent="0.35">
      <c r="A3589" t="s">
        <v>20</v>
      </c>
      <c r="B3589" t="s">
        <v>21</v>
      </c>
      <c r="C3589" t="s">
        <v>117</v>
      </c>
      <c r="D3589" t="s">
        <v>118</v>
      </c>
      <c r="E3589">
        <v>2017</v>
      </c>
      <c r="F3589">
        <v>2017</v>
      </c>
      <c r="G3589" t="s">
        <v>14</v>
      </c>
      <c r="H3589" t="s">
        <v>124</v>
      </c>
      <c r="I3589" t="s">
        <v>15</v>
      </c>
      <c r="J3589" s="10">
        <v>1.4499326770000001</v>
      </c>
    </row>
    <row r="3590" spans="1:10" x14ac:dyDescent="0.35">
      <c r="A3590" t="s">
        <v>20</v>
      </c>
      <c r="B3590" t="s">
        <v>21</v>
      </c>
      <c r="C3590" t="s">
        <v>117</v>
      </c>
      <c r="D3590" t="s">
        <v>118</v>
      </c>
      <c r="E3590">
        <v>2017</v>
      </c>
      <c r="F3590">
        <v>2017</v>
      </c>
      <c r="G3590" t="s">
        <v>125</v>
      </c>
      <c r="H3590" t="s">
        <v>119</v>
      </c>
      <c r="I3590" t="s">
        <v>15</v>
      </c>
      <c r="J3590" s="10">
        <v>19.600151109999999</v>
      </c>
    </row>
    <row r="3591" spans="1:10" x14ac:dyDescent="0.35">
      <c r="A3591" t="s">
        <v>20</v>
      </c>
      <c r="B3591" t="s">
        <v>21</v>
      </c>
      <c r="C3591" t="s">
        <v>117</v>
      </c>
      <c r="D3591" t="s">
        <v>118</v>
      </c>
      <c r="E3591">
        <v>2017</v>
      </c>
      <c r="F3591">
        <v>2017</v>
      </c>
      <c r="G3591" t="s">
        <v>125</v>
      </c>
      <c r="H3591" t="s">
        <v>120</v>
      </c>
      <c r="I3591" t="s">
        <v>15</v>
      </c>
      <c r="J3591" s="10">
        <v>11.38523232</v>
      </c>
    </row>
    <row r="3592" spans="1:10" x14ac:dyDescent="0.35">
      <c r="A3592" t="s">
        <v>20</v>
      </c>
      <c r="B3592" t="s">
        <v>21</v>
      </c>
      <c r="C3592" t="s">
        <v>117</v>
      </c>
      <c r="D3592" t="s">
        <v>118</v>
      </c>
      <c r="E3592">
        <v>2017</v>
      </c>
      <c r="F3592">
        <v>2017</v>
      </c>
      <c r="G3592" t="s">
        <v>125</v>
      </c>
      <c r="H3592" t="s">
        <v>121</v>
      </c>
      <c r="I3592" t="s">
        <v>15</v>
      </c>
      <c r="J3592" s="10">
        <v>33.251968730000002</v>
      </c>
    </row>
    <row r="3593" spans="1:10" x14ac:dyDescent="0.35">
      <c r="A3593" t="s">
        <v>20</v>
      </c>
      <c r="B3593" t="s">
        <v>21</v>
      </c>
      <c r="C3593" t="s">
        <v>117</v>
      </c>
      <c r="D3593" t="s">
        <v>118</v>
      </c>
      <c r="E3593">
        <v>2017</v>
      </c>
      <c r="F3593">
        <v>2017</v>
      </c>
      <c r="G3593" t="s">
        <v>125</v>
      </c>
      <c r="H3593" t="s">
        <v>122</v>
      </c>
      <c r="I3593" t="s">
        <v>15</v>
      </c>
      <c r="J3593" s="10">
        <v>20.579432189999999</v>
      </c>
    </row>
    <row r="3594" spans="1:10" x14ac:dyDescent="0.35">
      <c r="A3594" t="s">
        <v>20</v>
      </c>
      <c r="B3594" t="s">
        <v>21</v>
      </c>
      <c r="C3594" t="s">
        <v>117</v>
      </c>
      <c r="D3594" t="s">
        <v>118</v>
      </c>
      <c r="E3594">
        <v>2017</v>
      </c>
      <c r="F3594">
        <v>2017</v>
      </c>
      <c r="G3594" t="s">
        <v>125</v>
      </c>
      <c r="H3594" t="s">
        <v>123</v>
      </c>
      <c r="I3594" t="s">
        <v>15</v>
      </c>
      <c r="J3594" s="10">
        <v>14.12256996</v>
      </c>
    </row>
    <row r="3595" spans="1:10" x14ac:dyDescent="0.35">
      <c r="A3595" t="s">
        <v>20</v>
      </c>
      <c r="B3595" t="s">
        <v>21</v>
      </c>
      <c r="C3595" t="s">
        <v>117</v>
      </c>
      <c r="D3595" t="s">
        <v>118</v>
      </c>
      <c r="E3595">
        <v>2017</v>
      </c>
      <c r="F3595">
        <v>2017</v>
      </c>
      <c r="G3595" t="s">
        <v>125</v>
      </c>
      <c r="H3595" t="s">
        <v>124</v>
      </c>
      <c r="I3595" t="s">
        <v>15</v>
      </c>
      <c r="J3595" s="10">
        <v>1.060645686</v>
      </c>
    </row>
    <row r="3596" spans="1:10" x14ac:dyDescent="0.35">
      <c r="A3596" t="s">
        <v>20</v>
      </c>
      <c r="B3596" t="s">
        <v>21</v>
      </c>
      <c r="C3596" t="s">
        <v>117</v>
      </c>
      <c r="D3596" t="s">
        <v>118</v>
      </c>
      <c r="E3596">
        <v>2017</v>
      </c>
      <c r="F3596">
        <v>2017</v>
      </c>
      <c r="G3596" t="s">
        <v>126</v>
      </c>
      <c r="H3596" t="s">
        <v>119</v>
      </c>
      <c r="I3596" t="s">
        <v>15</v>
      </c>
      <c r="J3596" s="10">
        <v>17.530850529999999</v>
      </c>
    </row>
    <row r="3597" spans="1:10" x14ac:dyDescent="0.35">
      <c r="A3597" t="s">
        <v>20</v>
      </c>
      <c r="B3597" t="s">
        <v>21</v>
      </c>
      <c r="C3597" t="s">
        <v>117</v>
      </c>
      <c r="D3597" t="s">
        <v>118</v>
      </c>
      <c r="E3597">
        <v>2017</v>
      </c>
      <c r="F3597">
        <v>2017</v>
      </c>
      <c r="G3597" t="s">
        <v>126</v>
      </c>
      <c r="H3597" t="s">
        <v>120</v>
      </c>
      <c r="I3597" t="s">
        <v>15</v>
      </c>
      <c r="J3597" s="10">
        <v>10.38127386</v>
      </c>
    </row>
    <row r="3598" spans="1:10" x14ac:dyDescent="0.35">
      <c r="A3598" t="s">
        <v>20</v>
      </c>
      <c r="B3598" t="s">
        <v>21</v>
      </c>
      <c r="C3598" t="s">
        <v>117</v>
      </c>
      <c r="D3598" t="s">
        <v>118</v>
      </c>
      <c r="E3598">
        <v>2017</v>
      </c>
      <c r="F3598">
        <v>2017</v>
      </c>
      <c r="G3598" t="s">
        <v>126</v>
      </c>
      <c r="H3598" t="s">
        <v>121</v>
      </c>
      <c r="I3598" t="s">
        <v>15</v>
      </c>
      <c r="J3598" s="10">
        <v>33.487355430000001</v>
      </c>
    </row>
    <row r="3599" spans="1:10" x14ac:dyDescent="0.35">
      <c r="A3599" t="s">
        <v>20</v>
      </c>
      <c r="B3599" t="s">
        <v>21</v>
      </c>
      <c r="C3599" t="s">
        <v>117</v>
      </c>
      <c r="D3599" t="s">
        <v>118</v>
      </c>
      <c r="E3599">
        <v>2017</v>
      </c>
      <c r="F3599">
        <v>2017</v>
      </c>
      <c r="G3599" t="s">
        <v>126</v>
      </c>
      <c r="H3599" t="s">
        <v>122</v>
      </c>
      <c r="I3599" t="s">
        <v>15</v>
      </c>
      <c r="J3599" s="10">
        <v>20.610370209999999</v>
      </c>
    </row>
    <row r="3600" spans="1:10" x14ac:dyDescent="0.35">
      <c r="A3600" t="s">
        <v>20</v>
      </c>
      <c r="B3600" t="s">
        <v>21</v>
      </c>
      <c r="C3600" t="s">
        <v>117</v>
      </c>
      <c r="D3600" t="s">
        <v>118</v>
      </c>
      <c r="E3600">
        <v>2017</v>
      </c>
      <c r="F3600">
        <v>2017</v>
      </c>
      <c r="G3600" t="s">
        <v>126</v>
      </c>
      <c r="H3600" t="s">
        <v>123</v>
      </c>
      <c r="I3600" t="s">
        <v>15</v>
      </c>
      <c r="J3600" s="10">
        <v>16.169553430000001</v>
      </c>
    </row>
    <row r="3601" spans="1:10" x14ac:dyDescent="0.35">
      <c r="A3601" t="s">
        <v>20</v>
      </c>
      <c r="B3601" t="s">
        <v>21</v>
      </c>
      <c r="C3601" t="s">
        <v>117</v>
      </c>
      <c r="D3601" t="s">
        <v>118</v>
      </c>
      <c r="E3601">
        <v>2017</v>
      </c>
      <c r="F3601">
        <v>2017</v>
      </c>
      <c r="G3601" t="s">
        <v>126</v>
      </c>
      <c r="H3601" t="s">
        <v>124</v>
      </c>
      <c r="I3601" t="s">
        <v>15</v>
      </c>
      <c r="J3601" s="10">
        <v>1.820596536</v>
      </c>
    </row>
    <row r="3602" spans="1:10" x14ac:dyDescent="0.35">
      <c r="A3602" t="s">
        <v>20</v>
      </c>
      <c r="B3602" t="s">
        <v>21</v>
      </c>
      <c r="C3602" t="s">
        <v>117</v>
      </c>
      <c r="D3602" t="s">
        <v>118</v>
      </c>
      <c r="E3602">
        <v>2016</v>
      </c>
      <c r="F3602">
        <v>2016</v>
      </c>
      <c r="G3602" t="s">
        <v>14</v>
      </c>
      <c r="H3602" t="s">
        <v>119</v>
      </c>
      <c r="I3602" t="s">
        <v>15</v>
      </c>
      <c r="J3602" s="10">
        <v>18.64815419</v>
      </c>
    </row>
    <row r="3603" spans="1:10" x14ac:dyDescent="0.35">
      <c r="A3603" t="s">
        <v>20</v>
      </c>
      <c r="B3603" t="s">
        <v>21</v>
      </c>
      <c r="C3603" t="s">
        <v>117</v>
      </c>
      <c r="D3603" t="s">
        <v>118</v>
      </c>
      <c r="E3603">
        <v>2016</v>
      </c>
      <c r="F3603">
        <v>2016</v>
      </c>
      <c r="G3603" t="s">
        <v>14</v>
      </c>
      <c r="H3603" t="s">
        <v>120</v>
      </c>
      <c r="I3603" t="s">
        <v>15</v>
      </c>
      <c r="J3603" s="10">
        <v>11.057849129999999</v>
      </c>
    </row>
    <row r="3604" spans="1:10" x14ac:dyDescent="0.35">
      <c r="A3604" t="s">
        <v>20</v>
      </c>
      <c r="B3604" t="s">
        <v>21</v>
      </c>
      <c r="C3604" t="s">
        <v>117</v>
      </c>
      <c r="D3604" t="s">
        <v>118</v>
      </c>
      <c r="E3604">
        <v>2016</v>
      </c>
      <c r="F3604">
        <v>2016</v>
      </c>
      <c r="G3604" t="s">
        <v>14</v>
      </c>
      <c r="H3604" t="s">
        <v>121</v>
      </c>
      <c r="I3604" t="s">
        <v>15</v>
      </c>
      <c r="J3604" s="10">
        <v>33.620286200000002</v>
      </c>
    </row>
    <row r="3605" spans="1:10" x14ac:dyDescent="0.35">
      <c r="A3605" t="s">
        <v>20</v>
      </c>
      <c r="B3605" t="s">
        <v>21</v>
      </c>
      <c r="C3605" t="s">
        <v>117</v>
      </c>
      <c r="D3605" t="s">
        <v>118</v>
      </c>
      <c r="E3605">
        <v>2016</v>
      </c>
      <c r="F3605">
        <v>2016</v>
      </c>
      <c r="G3605" t="s">
        <v>14</v>
      </c>
      <c r="H3605" t="s">
        <v>122</v>
      </c>
      <c r="I3605" t="s">
        <v>15</v>
      </c>
      <c r="J3605" s="10">
        <v>20.25074102</v>
      </c>
    </row>
    <row r="3606" spans="1:10" x14ac:dyDescent="0.35">
      <c r="A3606" t="s">
        <v>20</v>
      </c>
      <c r="B3606" t="s">
        <v>21</v>
      </c>
      <c r="C3606" t="s">
        <v>117</v>
      </c>
      <c r="D3606" t="s">
        <v>118</v>
      </c>
      <c r="E3606">
        <v>2016</v>
      </c>
      <c r="F3606">
        <v>2016</v>
      </c>
      <c r="G3606" t="s">
        <v>14</v>
      </c>
      <c r="H3606" t="s">
        <v>123</v>
      </c>
      <c r="I3606" t="s">
        <v>15</v>
      </c>
      <c r="J3606" s="10">
        <v>15.01326034</v>
      </c>
    </row>
    <row r="3607" spans="1:10" x14ac:dyDescent="0.35">
      <c r="A3607" t="s">
        <v>20</v>
      </c>
      <c r="B3607" t="s">
        <v>21</v>
      </c>
      <c r="C3607" t="s">
        <v>117</v>
      </c>
      <c r="D3607" t="s">
        <v>118</v>
      </c>
      <c r="E3607">
        <v>2016</v>
      </c>
      <c r="F3607">
        <v>2016</v>
      </c>
      <c r="G3607" t="s">
        <v>14</v>
      </c>
      <c r="H3607" t="s">
        <v>124</v>
      </c>
      <c r="I3607" t="s">
        <v>15</v>
      </c>
      <c r="J3607" s="10">
        <v>1.4097091230000001</v>
      </c>
    </row>
    <row r="3608" spans="1:10" x14ac:dyDescent="0.35">
      <c r="A3608" t="s">
        <v>20</v>
      </c>
      <c r="B3608" t="s">
        <v>21</v>
      </c>
      <c r="C3608" t="s">
        <v>117</v>
      </c>
      <c r="D3608" t="s">
        <v>118</v>
      </c>
      <c r="E3608">
        <v>2016</v>
      </c>
      <c r="F3608">
        <v>2016</v>
      </c>
      <c r="G3608" t="s">
        <v>125</v>
      </c>
      <c r="H3608" t="s">
        <v>119</v>
      </c>
      <c r="I3608" t="s">
        <v>15</v>
      </c>
      <c r="J3608" s="10">
        <v>19.620676620000001</v>
      </c>
    </row>
    <row r="3609" spans="1:10" x14ac:dyDescent="0.35">
      <c r="A3609" t="s">
        <v>20</v>
      </c>
      <c r="B3609" t="s">
        <v>21</v>
      </c>
      <c r="C3609" t="s">
        <v>117</v>
      </c>
      <c r="D3609" t="s">
        <v>118</v>
      </c>
      <c r="E3609">
        <v>2016</v>
      </c>
      <c r="F3609">
        <v>2016</v>
      </c>
      <c r="G3609" t="s">
        <v>125</v>
      </c>
      <c r="H3609" t="s">
        <v>120</v>
      </c>
      <c r="I3609" t="s">
        <v>15</v>
      </c>
      <c r="J3609" s="10">
        <v>11.641504490000001</v>
      </c>
    </row>
    <row r="3610" spans="1:10" x14ac:dyDescent="0.35">
      <c r="A3610" t="s">
        <v>20</v>
      </c>
      <c r="B3610" t="s">
        <v>21</v>
      </c>
      <c r="C3610" t="s">
        <v>117</v>
      </c>
      <c r="D3610" t="s">
        <v>118</v>
      </c>
      <c r="E3610">
        <v>2016</v>
      </c>
      <c r="F3610">
        <v>2016</v>
      </c>
      <c r="G3610" t="s">
        <v>125</v>
      </c>
      <c r="H3610" t="s">
        <v>121</v>
      </c>
      <c r="I3610" t="s">
        <v>15</v>
      </c>
      <c r="J3610" s="10">
        <v>33.435145589999998</v>
      </c>
    </row>
    <row r="3611" spans="1:10" x14ac:dyDescent="0.35">
      <c r="A3611" t="s">
        <v>20</v>
      </c>
      <c r="B3611" t="s">
        <v>21</v>
      </c>
      <c r="C3611" t="s">
        <v>117</v>
      </c>
      <c r="D3611" t="s">
        <v>118</v>
      </c>
      <c r="E3611">
        <v>2016</v>
      </c>
      <c r="F3611">
        <v>2016</v>
      </c>
      <c r="G3611" t="s">
        <v>125</v>
      </c>
      <c r="H3611" t="s">
        <v>122</v>
      </c>
      <c r="I3611" t="s">
        <v>15</v>
      </c>
      <c r="J3611" s="10">
        <v>20.24027693</v>
      </c>
    </row>
    <row r="3612" spans="1:10" x14ac:dyDescent="0.35">
      <c r="A3612" t="s">
        <v>20</v>
      </c>
      <c r="B3612" t="s">
        <v>21</v>
      </c>
      <c r="C3612" t="s">
        <v>117</v>
      </c>
      <c r="D3612" t="s">
        <v>118</v>
      </c>
      <c r="E3612">
        <v>2016</v>
      </c>
      <c r="F3612">
        <v>2016</v>
      </c>
      <c r="G3612" t="s">
        <v>125</v>
      </c>
      <c r="H3612" t="s">
        <v>123</v>
      </c>
      <c r="I3612" t="s">
        <v>15</v>
      </c>
      <c r="J3612" s="10">
        <v>14.02972918</v>
      </c>
    </row>
    <row r="3613" spans="1:10" x14ac:dyDescent="0.35">
      <c r="A3613" t="s">
        <v>20</v>
      </c>
      <c r="B3613" t="s">
        <v>21</v>
      </c>
      <c r="C3613" t="s">
        <v>117</v>
      </c>
      <c r="D3613" t="s">
        <v>118</v>
      </c>
      <c r="E3613">
        <v>2016</v>
      </c>
      <c r="F3613">
        <v>2016</v>
      </c>
      <c r="G3613" t="s">
        <v>125</v>
      </c>
      <c r="H3613" t="s">
        <v>124</v>
      </c>
      <c r="I3613" t="s">
        <v>15</v>
      </c>
      <c r="J3613" s="10">
        <v>1.03266719</v>
      </c>
    </row>
    <row r="3614" spans="1:10" x14ac:dyDescent="0.35">
      <c r="A3614" t="s">
        <v>20</v>
      </c>
      <c r="B3614" t="s">
        <v>21</v>
      </c>
      <c r="C3614" t="s">
        <v>117</v>
      </c>
      <c r="D3614" t="s">
        <v>118</v>
      </c>
      <c r="E3614">
        <v>2016</v>
      </c>
      <c r="F3614">
        <v>2016</v>
      </c>
      <c r="G3614" t="s">
        <v>126</v>
      </c>
      <c r="H3614" t="s">
        <v>119</v>
      </c>
      <c r="I3614" t="s">
        <v>15</v>
      </c>
      <c r="J3614" s="10">
        <v>17.722920240000001</v>
      </c>
    </row>
    <row r="3615" spans="1:10" x14ac:dyDescent="0.35">
      <c r="A3615" t="s">
        <v>20</v>
      </c>
      <c r="B3615" t="s">
        <v>21</v>
      </c>
      <c r="C3615" t="s">
        <v>117</v>
      </c>
      <c r="D3615" t="s">
        <v>118</v>
      </c>
      <c r="E3615">
        <v>2016</v>
      </c>
      <c r="F3615">
        <v>2016</v>
      </c>
      <c r="G3615" t="s">
        <v>126</v>
      </c>
      <c r="H3615" t="s">
        <v>120</v>
      </c>
      <c r="I3615" t="s">
        <v>15</v>
      </c>
      <c r="J3615" s="10">
        <v>10.50257375</v>
      </c>
    </row>
    <row r="3616" spans="1:10" x14ac:dyDescent="0.35">
      <c r="A3616" t="s">
        <v>20</v>
      </c>
      <c r="B3616" t="s">
        <v>21</v>
      </c>
      <c r="C3616" t="s">
        <v>117</v>
      </c>
      <c r="D3616" t="s">
        <v>118</v>
      </c>
      <c r="E3616">
        <v>2016</v>
      </c>
      <c r="F3616">
        <v>2016</v>
      </c>
      <c r="G3616" t="s">
        <v>126</v>
      </c>
      <c r="H3616" t="s">
        <v>121</v>
      </c>
      <c r="I3616" t="s">
        <v>15</v>
      </c>
      <c r="J3616" s="10">
        <v>33.796424420000001</v>
      </c>
    </row>
    <row r="3617" spans="1:10" x14ac:dyDescent="0.35">
      <c r="A3617" t="s">
        <v>20</v>
      </c>
      <c r="B3617" t="s">
        <v>21</v>
      </c>
      <c r="C3617" t="s">
        <v>117</v>
      </c>
      <c r="D3617" t="s">
        <v>118</v>
      </c>
      <c r="E3617">
        <v>2016</v>
      </c>
      <c r="F3617">
        <v>2016</v>
      </c>
      <c r="G3617" t="s">
        <v>126</v>
      </c>
      <c r="H3617" t="s">
        <v>122</v>
      </c>
      <c r="I3617" t="s">
        <v>15</v>
      </c>
      <c r="J3617" s="10">
        <v>20.260696299999999</v>
      </c>
    </row>
    <row r="3618" spans="1:10" x14ac:dyDescent="0.35">
      <c r="A3618" t="s">
        <v>20</v>
      </c>
      <c r="B3618" t="s">
        <v>21</v>
      </c>
      <c r="C3618" t="s">
        <v>117</v>
      </c>
      <c r="D3618" t="s">
        <v>118</v>
      </c>
      <c r="E3618">
        <v>2016</v>
      </c>
      <c r="F3618">
        <v>2016</v>
      </c>
      <c r="G3618" t="s">
        <v>126</v>
      </c>
      <c r="H3618" t="s">
        <v>123</v>
      </c>
      <c r="I3618" t="s">
        <v>15</v>
      </c>
      <c r="J3618" s="10">
        <v>15.94896773</v>
      </c>
    </row>
    <row r="3619" spans="1:10" x14ac:dyDescent="0.35">
      <c r="A3619" t="s">
        <v>20</v>
      </c>
      <c r="B3619" t="s">
        <v>21</v>
      </c>
      <c r="C3619" t="s">
        <v>117</v>
      </c>
      <c r="D3619" t="s">
        <v>118</v>
      </c>
      <c r="E3619">
        <v>2016</v>
      </c>
      <c r="F3619">
        <v>2016</v>
      </c>
      <c r="G3619" t="s">
        <v>126</v>
      </c>
      <c r="H3619" t="s">
        <v>124</v>
      </c>
      <c r="I3619" t="s">
        <v>15</v>
      </c>
      <c r="J3619" s="10">
        <v>1.768417557</v>
      </c>
    </row>
    <row r="3620" spans="1:10" x14ac:dyDescent="0.35">
      <c r="A3620" t="s">
        <v>20</v>
      </c>
      <c r="B3620" t="s">
        <v>21</v>
      </c>
      <c r="C3620" t="s">
        <v>117</v>
      </c>
      <c r="D3620" t="s">
        <v>118</v>
      </c>
      <c r="E3620">
        <v>2015</v>
      </c>
      <c r="F3620">
        <v>2015</v>
      </c>
      <c r="G3620" t="s">
        <v>14</v>
      </c>
      <c r="H3620" t="s">
        <v>119</v>
      </c>
      <c r="I3620" t="s">
        <v>15</v>
      </c>
      <c r="J3620" s="10">
        <v>18.599923230000002</v>
      </c>
    </row>
    <row r="3621" spans="1:10" x14ac:dyDescent="0.35">
      <c r="A3621" t="s">
        <v>20</v>
      </c>
      <c r="B3621" t="s">
        <v>21</v>
      </c>
      <c r="C3621" t="s">
        <v>117</v>
      </c>
      <c r="D3621" t="s">
        <v>118</v>
      </c>
      <c r="E3621">
        <v>2015</v>
      </c>
      <c r="F3621">
        <v>2015</v>
      </c>
      <c r="G3621" t="s">
        <v>14</v>
      </c>
      <c r="H3621" t="s">
        <v>120</v>
      </c>
      <c r="I3621" t="s">
        <v>15</v>
      </c>
      <c r="J3621" s="10">
        <v>11.22137079</v>
      </c>
    </row>
    <row r="3622" spans="1:10" x14ac:dyDescent="0.35">
      <c r="A3622" t="s">
        <v>20</v>
      </c>
      <c r="B3622" t="s">
        <v>21</v>
      </c>
      <c r="C3622" t="s">
        <v>117</v>
      </c>
      <c r="D3622" t="s">
        <v>118</v>
      </c>
      <c r="E3622">
        <v>2015</v>
      </c>
      <c r="F3622">
        <v>2015</v>
      </c>
      <c r="G3622" t="s">
        <v>14</v>
      </c>
      <c r="H3622" t="s">
        <v>121</v>
      </c>
      <c r="I3622" t="s">
        <v>15</v>
      </c>
      <c r="J3622" s="10">
        <v>33.88873882</v>
      </c>
    </row>
    <row r="3623" spans="1:10" x14ac:dyDescent="0.35">
      <c r="A3623" t="s">
        <v>20</v>
      </c>
      <c r="B3623" t="s">
        <v>21</v>
      </c>
      <c r="C3623" t="s">
        <v>117</v>
      </c>
      <c r="D3623" t="s">
        <v>118</v>
      </c>
      <c r="E3623">
        <v>2015</v>
      </c>
      <c r="F3623">
        <v>2015</v>
      </c>
      <c r="G3623" t="s">
        <v>14</v>
      </c>
      <c r="H3623" t="s">
        <v>122</v>
      </c>
      <c r="I3623" t="s">
        <v>15</v>
      </c>
      <c r="J3623" s="10">
        <v>20.014501200000002</v>
      </c>
    </row>
    <row r="3624" spans="1:10" x14ac:dyDescent="0.35">
      <c r="A3624" t="s">
        <v>20</v>
      </c>
      <c r="B3624" t="s">
        <v>21</v>
      </c>
      <c r="C3624" t="s">
        <v>117</v>
      </c>
      <c r="D3624" t="s">
        <v>118</v>
      </c>
      <c r="E3624">
        <v>2015</v>
      </c>
      <c r="F3624">
        <v>2015</v>
      </c>
      <c r="G3624" t="s">
        <v>14</v>
      </c>
      <c r="H3624" t="s">
        <v>123</v>
      </c>
      <c r="I3624" t="s">
        <v>15</v>
      </c>
      <c r="J3624" s="10">
        <v>14.89500846</v>
      </c>
    </row>
    <row r="3625" spans="1:10" x14ac:dyDescent="0.35">
      <c r="A3625" t="s">
        <v>20</v>
      </c>
      <c r="B3625" t="s">
        <v>21</v>
      </c>
      <c r="C3625" t="s">
        <v>117</v>
      </c>
      <c r="D3625" t="s">
        <v>118</v>
      </c>
      <c r="E3625">
        <v>2015</v>
      </c>
      <c r="F3625">
        <v>2015</v>
      </c>
      <c r="G3625" t="s">
        <v>14</v>
      </c>
      <c r="H3625" t="s">
        <v>124</v>
      </c>
      <c r="I3625" t="s">
        <v>15</v>
      </c>
      <c r="J3625" s="10">
        <v>1.380457499</v>
      </c>
    </row>
    <row r="3626" spans="1:10" x14ac:dyDescent="0.35">
      <c r="A3626" t="s">
        <v>20</v>
      </c>
      <c r="B3626" t="s">
        <v>21</v>
      </c>
      <c r="C3626" t="s">
        <v>117</v>
      </c>
      <c r="D3626" t="s">
        <v>118</v>
      </c>
      <c r="E3626">
        <v>2015</v>
      </c>
      <c r="F3626">
        <v>2015</v>
      </c>
      <c r="G3626" t="s">
        <v>125</v>
      </c>
      <c r="H3626" t="s">
        <v>119</v>
      </c>
      <c r="I3626" t="s">
        <v>15</v>
      </c>
      <c r="J3626" s="10">
        <v>19.548609089999999</v>
      </c>
    </row>
    <row r="3627" spans="1:10" x14ac:dyDescent="0.35">
      <c r="A3627" t="s">
        <v>20</v>
      </c>
      <c r="B3627" t="s">
        <v>21</v>
      </c>
      <c r="C3627" t="s">
        <v>117</v>
      </c>
      <c r="D3627" t="s">
        <v>118</v>
      </c>
      <c r="E3627">
        <v>2015</v>
      </c>
      <c r="F3627">
        <v>2015</v>
      </c>
      <c r="G3627" t="s">
        <v>125</v>
      </c>
      <c r="H3627" t="s">
        <v>120</v>
      </c>
      <c r="I3627" t="s">
        <v>15</v>
      </c>
      <c r="J3627" s="10">
        <v>11.74257888</v>
      </c>
    </row>
    <row r="3628" spans="1:10" x14ac:dyDescent="0.35">
      <c r="A3628" t="s">
        <v>20</v>
      </c>
      <c r="B3628" t="s">
        <v>21</v>
      </c>
      <c r="C3628" t="s">
        <v>117</v>
      </c>
      <c r="D3628" t="s">
        <v>118</v>
      </c>
      <c r="E3628">
        <v>2015</v>
      </c>
      <c r="F3628">
        <v>2015</v>
      </c>
      <c r="G3628" t="s">
        <v>125</v>
      </c>
      <c r="H3628" t="s">
        <v>121</v>
      </c>
      <c r="I3628" t="s">
        <v>15</v>
      </c>
      <c r="J3628" s="10">
        <v>33.848486620000003</v>
      </c>
    </row>
    <row r="3629" spans="1:10" x14ac:dyDescent="0.35">
      <c r="A3629" t="s">
        <v>20</v>
      </c>
      <c r="B3629" t="s">
        <v>21</v>
      </c>
      <c r="C3629" t="s">
        <v>117</v>
      </c>
      <c r="D3629" t="s">
        <v>118</v>
      </c>
      <c r="E3629">
        <v>2015</v>
      </c>
      <c r="F3629">
        <v>2015</v>
      </c>
      <c r="G3629" t="s">
        <v>125</v>
      </c>
      <c r="H3629" t="s">
        <v>122</v>
      </c>
      <c r="I3629" t="s">
        <v>15</v>
      </c>
      <c r="J3629" s="10">
        <v>19.974339530000002</v>
      </c>
    </row>
    <row r="3630" spans="1:10" x14ac:dyDescent="0.35">
      <c r="A3630" t="s">
        <v>20</v>
      </c>
      <c r="B3630" t="s">
        <v>21</v>
      </c>
      <c r="C3630" t="s">
        <v>117</v>
      </c>
      <c r="D3630" t="s">
        <v>118</v>
      </c>
      <c r="E3630">
        <v>2015</v>
      </c>
      <c r="F3630">
        <v>2015</v>
      </c>
      <c r="G3630" t="s">
        <v>125</v>
      </c>
      <c r="H3630" t="s">
        <v>123</v>
      </c>
      <c r="I3630" t="s">
        <v>15</v>
      </c>
      <c r="J3630" s="10">
        <v>13.894558809999999</v>
      </c>
    </row>
    <row r="3631" spans="1:10" x14ac:dyDescent="0.35">
      <c r="A3631" t="s">
        <v>20</v>
      </c>
      <c r="B3631" t="s">
        <v>21</v>
      </c>
      <c r="C3631" t="s">
        <v>117</v>
      </c>
      <c r="D3631" t="s">
        <v>118</v>
      </c>
      <c r="E3631">
        <v>2015</v>
      </c>
      <c r="F3631">
        <v>2015</v>
      </c>
      <c r="G3631" t="s">
        <v>125</v>
      </c>
      <c r="H3631" t="s">
        <v>124</v>
      </c>
      <c r="I3631" t="s">
        <v>15</v>
      </c>
      <c r="J3631" s="10">
        <v>0.99142707200000002</v>
      </c>
    </row>
    <row r="3632" spans="1:10" x14ac:dyDescent="0.35">
      <c r="A3632" t="s">
        <v>20</v>
      </c>
      <c r="B3632" t="s">
        <v>21</v>
      </c>
      <c r="C3632" t="s">
        <v>117</v>
      </c>
      <c r="D3632" t="s">
        <v>118</v>
      </c>
      <c r="E3632">
        <v>2015</v>
      </c>
      <c r="F3632">
        <v>2015</v>
      </c>
      <c r="G3632" t="s">
        <v>126</v>
      </c>
      <c r="H3632" t="s">
        <v>119</v>
      </c>
      <c r="I3632" t="s">
        <v>15</v>
      </c>
      <c r="J3632" s="10">
        <v>17.697322790000001</v>
      </c>
    </row>
    <row r="3633" spans="1:10" x14ac:dyDescent="0.35">
      <c r="A3633" t="s">
        <v>20</v>
      </c>
      <c r="B3633" t="s">
        <v>21</v>
      </c>
      <c r="C3633" t="s">
        <v>117</v>
      </c>
      <c r="D3633" t="s">
        <v>118</v>
      </c>
      <c r="E3633">
        <v>2015</v>
      </c>
      <c r="F3633">
        <v>2015</v>
      </c>
      <c r="G3633" t="s">
        <v>126</v>
      </c>
      <c r="H3633" t="s">
        <v>120</v>
      </c>
      <c r="I3633" t="s">
        <v>15</v>
      </c>
      <c r="J3633" s="10">
        <v>10.725482039999999</v>
      </c>
    </row>
    <row r="3634" spans="1:10" x14ac:dyDescent="0.35">
      <c r="A3634" t="s">
        <v>20</v>
      </c>
      <c r="B3634" t="s">
        <v>21</v>
      </c>
      <c r="C3634" t="s">
        <v>117</v>
      </c>
      <c r="D3634" t="s">
        <v>118</v>
      </c>
      <c r="E3634">
        <v>2015</v>
      </c>
      <c r="F3634">
        <v>2015</v>
      </c>
      <c r="G3634" t="s">
        <v>126</v>
      </c>
      <c r="H3634" t="s">
        <v>121</v>
      </c>
      <c r="I3634" t="s">
        <v>15</v>
      </c>
      <c r="J3634" s="10">
        <v>33.927035650000001</v>
      </c>
    </row>
    <row r="3635" spans="1:10" x14ac:dyDescent="0.35">
      <c r="A3635" t="s">
        <v>20</v>
      </c>
      <c r="B3635" t="s">
        <v>21</v>
      </c>
      <c r="C3635" t="s">
        <v>117</v>
      </c>
      <c r="D3635" t="s">
        <v>118</v>
      </c>
      <c r="E3635">
        <v>2015</v>
      </c>
      <c r="F3635">
        <v>2015</v>
      </c>
      <c r="G3635" t="s">
        <v>126</v>
      </c>
      <c r="H3635" t="s">
        <v>122</v>
      </c>
      <c r="I3635" t="s">
        <v>15</v>
      </c>
      <c r="J3635" s="10">
        <v>20.052711890000001</v>
      </c>
    </row>
    <row r="3636" spans="1:10" x14ac:dyDescent="0.35">
      <c r="A3636" t="s">
        <v>20</v>
      </c>
      <c r="B3636" t="s">
        <v>21</v>
      </c>
      <c r="C3636" t="s">
        <v>117</v>
      </c>
      <c r="D3636" t="s">
        <v>118</v>
      </c>
      <c r="E3636">
        <v>2015</v>
      </c>
      <c r="F3636">
        <v>2015</v>
      </c>
      <c r="G3636" t="s">
        <v>126</v>
      </c>
      <c r="H3636" t="s">
        <v>123</v>
      </c>
      <c r="I3636" t="s">
        <v>15</v>
      </c>
      <c r="J3636" s="10">
        <v>15.84685809</v>
      </c>
    </row>
    <row r="3637" spans="1:10" x14ac:dyDescent="0.35">
      <c r="A3637" t="s">
        <v>20</v>
      </c>
      <c r="B3637" t="s">
        <v>21</v>
      </c>
      <c r="C3637" t="s">
        <v>117</v>
      </c>
      <c r="D3637" t="s">
        <v>118</v>
      </c>
      <c r="E3637">
        <v>2015</v>
      </c>
      <c r="F3637">
        <v>2015</v>
      </c>
      <c r="G3637" t="s">
        <v>126</v>
      </c>
      <c r="H3637" t="s">
        <v>124</v>
      </c>
      <c r="I3637" t="s">
        <v>15</v>
      </c>
      <c r="J3637" s="10">
        <v>1.7505895410000001</v>
      </c>
    </row>
    <row r="3638" spans="1:10" x14ac:dyDescent="0.35">
      <c r="A3638" t="s">
        <v>20</v>
      </c>
      <c r="B3638" t="s">
        <v>21</v>
      </c>
      <c r="C3638" t="s">
        <v>117</v>
      </c>
      <c r="D3638" t="s">
        <v>118</v>
      </c>
      <c r="E3638">
        <v>2014</v>
      </c>
      <c r="F3638">
        <v>2014</v>
      </c>
      <c r="G3638" t="s">
        <v>14</v>
      </c>
      <c r="H3638" t="s">
        <v>119</v>
      </c>
      <c r="I3638" t="s">
        <v>15</v>
      </c>
      <c r="J3638" s="10">
        <v>18.689023519999999</v>
      </c>
    </row>
    <row r="3639" spans="1:10" x14ac:dyDescent="0.35">
      <c r="A3639" t="s">
        <v>20</v>
      </c>
      <c r="B3639" t="s">
        <v>21</v>
      </c>
      <c r="C3639" t="s">
        <v>117</v>
      </c>
      <c r="D3639" t="s">
        <v>118</v>
      </c>
      <c r="E3639">
        <v>2014</v>
      </c>
      <c r="F3639">
        <v>2014</v>
      </c>
      <c r="G3639" t="s">
        <v>14</v>
      </c>
      <c r="H3639" t="s">
        <v>120</v>
      </c>
      <c r="I3639" t="s">
        <v>15</v>
      </c>
      <c r="J3639" s="10">
        <v>11.29789231</v>
      </c>
    </row>
    <row r="3640" spans="1:10" x14ac:dyDescent="0.35">
      <c r="A3640" t="s">
        <v>20</v>
      </c>
      <c r="B3640" t="s">
        <v>21</v>
      </c>
      <c r="C3640" t="s">
        <v>117</v>
      </c>
      <c r="D3640" t="s">
        <v>118</v>
      </c>
      <c r="E3640">
        <v>2014</v>
      </c>
      <c r="F3640">
        <v>2014</v>
      </c>
      <c r="G3640" t="s">
        <v>14</v>
      </c>
      <c r="H3640" t="s">
        <v>121</v>
      </c>
      <c r="I3640" t="s">
        <v>15</v>
      </c>
      <c r="J3640" s="10">
        <v>34.418465740000002</v>
      </c>
    </row>
    <row r="3641" spans="1:10" x14ac:dyDescent="0.35">
      <c r="A3641" t="s">
        <v>20</v>
      </c>
      <c r="B3641" t="s">
        <v>21</v>
      </c>
      <c r="C3641" t="s">
        <v>117</v>
      </c>
      <c r="D3641" t="s">
        <v>118</v>
      </c>
      <c r="E3641">
        <v>2014</v>
      </c>
      <c r="F3641">
        <v>2014</v>
      </c>
      <c r="G3641" t="s">
        <v>14</v>
      </c>
      <c r="H3641" t="s">
        <v>122</v>
      </c>
      <c r="I3641" t="s">
        <v>15</v>
      </c>
      <c r="J3641" s="10">
        <v>19.590693179999999</v>
      </c>
    </row>
    <row r="3642" spans="1:10" x14ac:dyDescent="0.35">
      <c r="A3642" t="s">
        <v>20</v>
      </c>
      <c r="B3642" t="s">
        <v>21</v>
      </c>
      <c r="C3642" t="s">
        <v>117</v>
      </c>
      <c r="D3642" t="s">
        <v>118</v>
      </c>
      <c r="E3642">
        <v>2014</v>
      </c>
      <c r="F3642">
        <v>2014</v>
      </c>
      <c r="G3642" t="s">
        <v>14</v>
      </c>
      <c r="H3642" t="s">
        <v>123</v>
      </c>
      <c r="I3642" t="s">
        <v>15</v>
      </c>
      <c r="J3642" s="10">
        <v>14.637198850000001</v>
      </c>
    </row>
    <row r="3643" spans="1:10" x14ac:dyDescent="0.35">
      <c r="A3643" t="s">
        <v>20</v>
      </c>
      <c r="B3643" t="s">
        <v>21</v>
      </c>
      <c r="C3643" t="s">
        <v>117</v>
      </c>
      <c r="D3643" t="s">
        <v>118</v>
      </c>
      <c r="E3643">
        <v>2014</v>
      </c>
      <c r="F3643">
        <v>2014</v>
      </c>
      <c r="G3643" t="s">
        <v>14</v>
      </c>
      <c r="H3643" t="s">
        <v>124</v>
      </c>
      <c r="I3643" t="s">
        <v>15</v>
      </c>
      <c r="J3643" s="10">
        <v>1.366726399</v>
      </c>
    </row>
    <row r="3644" spans="1:10" x14ac:dyDescent="0.35">
      <c r="A3644" t="s">
        <v>20</v>
      </c>
      <c r="B3644" t="s">
        <v>21</v>
      </c>
      <c r="C3644" t="s">
        <v>117</v>
      </c>
      <c r="D3644" t="s">
        <v>118</v>
      </c>
      <c r="E3644">
        <v>2014</v>
      </c>
      <c r="F3644">
        <v>2014</v>
      </c>
      <c r="G3644" t="s">
        <v>125</v>
      </c>
      <c r="H3644" t="s">
        <v>119</v>
      </c>
      <c r="I3644" t="s">
        <v>15</v>
      </c>
      <c r="J3644" s="10">
        <v>19.646239470000001</v>
      </c>
    </row>
    <row r="3645" spans="1:10" x14ac:dyDescent="0.35">
      <c r="A3645" t="s">
        <v>20</v>
      </c>
      <c r="B3645" t="s">
        <v>21</v>
      </c>
      <c r="C3645" t="s">
        <v>117</v>
      </c>
      <c r="D3645" t="s">
        <v>118</v>
      </c>
      <c r="E3645">
        <v>2014</v>
      </c>
      <c r="F3645">
        <v>2014</v>
      </c>
      <c r="G3645" t="s">
        <v>125</v>
      </c>
      <c r="H3645" t="s">
        <v>120</v>
      </c>
      <c r="I3645" t="s">
        <v>15</v>
      </c>
      <c r="J3645" s="10">
        <v>11.723052709999999</v>
      </c>
    </row>
    <row r="3646" spans="1:10" x14ac:dyDescent="0.35">
      <c r="A3646" t="s">
        <v>20</v>
      </c>
      <c r="B3646" t="s">
        <v>21</v>
      </c>
      <c r="C3646" t="s">
        <v>117</v>
      </c>
      <c r="D3646" t="s">
        <v>118</v>
      </c>
      <c r="E3646">
        <v>2014</v>
      </c>
      <c r="F3646">
        <v>2014</v>
      </c>
      <c r="G3646" t="s">
        <v>125</v>
      </c>
      <c r="H3646" t="s">
        <v>121</v>
      </c>
      <c r="I3646" t="s">
        <v>15</v>
      </c>
      <c r="J3646" s="10">
        <v>34.516420429999997</v>
      </c>
    </row>
    <row r="3647" spans="1:10" x14ac:dyDescent="0.35">
      <c r="A3647" t="s">
        <v>20</v>
      </c>
      <c r="B3647" t="s">
        <v>21</v>
      </c>
      <c r="C3647" t="s">
        <v>117</v>
      </c>
      <c r="D3647" t="s">
        <v>118</v>
      </c>
      <c r="E3647">
        <v>2014</v>
      </c>
      <c r="F3647">
        <v>2014</v>
      </c>
      <c r="G3647" t="s">
        <v>125</v>
      </c>
      <c r="H3647" t="s">
        <v>122</v>
      </c>
      <c r="I3647" t="s">
        <v>15</v>
      </c>
      <c r="J3647" s="10">
        <v>19.60544337</v>
      </c>
    </row>
    <row r="3648" spans="1:10" x14ac:dyDescent="0.35">
      <c r="A3648" t="s">
        <v>20</v>
      </c>
      <c r="B3648" t="s">
        <v>21</v>
      </c>
      <c r="C3648" t="s">
        <v>117</v>
      </c>
      <c r="D3648" t="s">
        <v>118</v>
      </c>
      <c r="E3648">
        <v>2014</v>
      </c>
      <c r="F3648">
        <v>2014</v>
      </c>
      <c r="G3648" t="s">
        <v>125</v>
      </c>
      <c r="H3648" t="s">
        <v>123</v>
      </c>
      <c r="I3648" t="s">
        <v>15</v>
      </c>
      <c r="J3648" s="10">
        <v>13.558877519999999</v>
      </c>
    </row>
    <row r="3649" spans="1:10" x14ac:dyDescent="0.35">
      <c r="A3649" t="s">
        <v>20</v>
      </c>
      <c r="B3649" t="s">
        <v>21</v>
      </c>
      <c r="C3649" t="s">
        <v>117</v>
      </c>
      <c r="D3649" t="s">
        <v>118</v>
      </c>
      <c r="E3649">
        <v>2014</v>
      </c>
      <c r="F3649">
        <v>2014</v>
      </c>
      <c r="G3649" t="s">
        <v>125</v>
      </c>
      <c r="H3649" t="s">
        <v>124</v>
      </c>
      <c r="I3649" t="s">
        <v>15</v>
      </c>
      <c r="J3649" s="10">
        <v>0.94996648900000003</v>
      </c>
    </row>
    <row r="3650" spans="1:10" x14ac:dyDescent="0.35">
      <c r="A3650" t="s">
        <v>20</v>
      </c>
      <c r="B3650" t="s">
        <v>21</v>
      </c>
      <c r="C3650" t="s">
        <v>117</v>
      </c>
      <c r="D3650" t="s">
        <v>118</v>
      </c>
      <c r="E3650">
        <v>2014</v>
      </c>
      <c r="F3650">
        <v>2014</v>
      </c>
      <c r="G3650" t="s">
        <v>126</v>
      </c>
      <c r="H3650" t="s">
        <v>119</v>
      </c>
      <c r="I3650" t="s">
        <v>15</v>
      </c>
      <c r="J3650" s="10">
        <v>17.776481369999999</v>
      </c>
    </row>
    <row r="3651" spans="1:10" x14ac:dyDescent="0.35">
      <c r="A3651" t="s">
        <v>20</v>
      </c>
      <c r="B3651" t="s">
        <v>21</v>
      </c>
      <c r="C3651" t="s">
        <v>117</v>
      </c>
      <c r="D3651" t="s">
        <v>118</v>
      </c>
      <c r="E3651">
        <v>2014</v>
      </c>
      <c r="F3651">
        <v>2014</v>
      </c>
      <c r="G3651" t="s">
        <v>126</v>
      </c>
      <c r="H3651" t="s">
        <v>120</v>
      </c>
      <c r="I3651" t="s">
        <v>15</v>
      </c>
      <c r="J3651" s="10">
        <v>10.892574379999999</v>
      </c>
    </row>
    <row r="3652" spans="1:10" x14ac:dyDescent="0.35">
      <c r="A3652" t="s">
        <v>20</v>
      </c>
      <c r="B3652" t="s">
        <v>21</v>
      </c>
      <c r="C3652" t="s">
        <v>117</v>
      </c>
      <c r="D3652" t="s">
        <v>118</v>
      </c>
      <c r="E3652">
        <v>2014</v>
      </c>
      <c r="F3652">
        <v>2014</v>
      </c>
      <c r="G3652" t="s">
        <v>126</v>
      </c>
      <c r="H3652" t="s">
        <v>121</v>
      </c>
      <c r="I3652" t="s">
        <v>15</v>
      </c>
      <c r="J3652" s="10">
        <v>34.325082649999999</v>
      </c>
    </row>
    <row r="3653" spans="1:10" x14ac:dyDescent="0.35">
      <c r="A3653" t="s">
        <v>20</v>
      </c>
      <c r="B3653" t="s">
        <v>21</v>
      </c>
      <c r="C3653" t="s">
        <v>117</v>
      </c>
      <c r="D3653" t="s">
        <v>118</v>
      </c>
      <c r="E3653">
        <v>2014</v>
      </c>
      <c r="F3653">
        <v>2014</v>
      </c>
      <c r="G3653" t="s">
        <v>126</v>
      </c>
      <c r="H3653" t="s">
        <v>122</v>
      </c>
      <c r="I3653" t="s">
        <v>15</v>
      </c>
      <c r="J3653" s="10">
        <v>19.576631389999999</v>
      </c>
    </row>
    <row r="3654" spans="1:10" x14ac:dyDescent="0.35">
      <c r="A3654" t="s">
        <v>20</v>
      </c>
      <c r="B3654" t="s">
        <v>21</v>
      </c>
      <c r="C3654" t="s">
        <v>117</v>
      </c>
      <c r="D3654" t="s">
        <v>118</v>
      </c>
      <c r="E3654">
        <v>2014</v>
      </c>
      <c r="F3654">
        <v>2014</v>
      </c>
      <c r="G3654" t="s">
        <v>126</v>
      </c>
      <c r="H3654" t="s">
        <v>123</v>
      </c>
      <c r="I3654" t="s">
        <v>15</v>
      </c>
      <c r="J3654" s="10">
        <v>15.665194319999999</v>
      </c>
    </row>
    <row r="3655" spans="1:10" x14ac:dyDescent="0.35">
      <c r="A3655" t="s">
        <v>20</v>
      </c>
      <c r="B3655" t="s">
        <v>21</v>
      </c>
      <c r="C3655" t="s">
        <v>117</v>
      </c>
      <c r="D3655" t="s">
        <v>118</v>
      </c>
      <c r="E3655">
        <v>2014</v>
      </c>
      <c r="F3655">
        <v>2014</v>
      </c>
      <c r="G3655" t="s">
        <v>126</v>
      </c>
      <c r="H3655" t="s">
        <v>124</v>
      </c>
      <c r="I3655" t="s">
        <v>15</v>
      </c>
      <c r="J3655" s="10">
        <v>1.7640358920000001</v>
      </c>
    </row>
    <row r="3656" spans="1:10" x14ac:dyDescent="0.35">
      <c r="A3656" t="s">
        <v>20</v>
      </c>
      <c r="B3656" t="s">
        <v>21</v>
      </c>
      <c r="C3656" t="s">
        <v>117</v>
      </c>
      <c r="D3656" t="s">
        <v>118</v>
      </c>
      <c r="E3656">
        <v>2013</v>
      </c>
      <c r="F3656">
        <v>2013</v>
      </c>
      <c r="G3656" t="s">
        <v>14</v>
      </c>
      <c r="H3656" t="s">
        <v>119</v>
      </c>
      <c r="I3656" t="s">
        <v>15</v>
      </c>
      <c r="J3656" s="10">
        <v>18.764452309999999</v>
      </c>
    </row>
    <row r="3657" spans="1:10" x14ac:dyDescent="0.35">
      <c r="A3657" t="s">
        <v>20</v>
      </c>
      <c r="B3657" t="s">
        <v>21</v>
      </c>
      <c r="C3657" t="s">
        <v>117</v>
      </c>
      <c r="D3657" t="s">
        <v>118</v>
      </c>
      <c r="E3657">
        <v>2013</v>
      </c>
      <c r="F3657">
        <v>2013</v>
      </c>
      <c r="G3657" t="s">
        <v>14</v>
      </c>
      <c r="H3657" t="s">
        <v>120</v>
      </c>
      <c r="I3657" t="s">
        <v>15</v>
      </c>
      <c r="J3657" s="10">
        <v>11.32490222</v>
      </c>
    </row>
    <row r="3658" spans="1:10" x14ac:dyDescent="0.35">
      <c r="A3658" t="s">
        <v>20</v>
      </c>
      <c r="B3658" t="s">
        <v>21</v>
      </c>
      <c r="C3658" t="s">
        <v>117</v>
      </c>
      <c r="D3658" t="s">
        <v>118</v>
      </c>
      <c r="E3658">
        <v>2013</v>
      </c>
      <c r="F3658">
        <v>2013</v>
      </c>
      <c r="G3658" t="s">
        <v>14</v>
      </c>
      <c r="H3658" t="s">
        <v>121</v>
      </c>
      <c r="I3658" t="s">
        <v>15</v>
      </c>
      <c r="J3658" s="10">
        <v>34.838276860000001</v>
      </c>
    </row>
    <row r="3659" spans="1:10" x14ac:dyDescent="0.35">
      <c r="A3659" t="s">
        <v>20</v>
      </c>
      <c r="B3659" t="s">
        <v>21</v>
      </c>
      <c r="C3659" t="s">
        <v>117</v>
      </c>
      <c r="D3659" t="s">
        <v>118</v>
      </c>
      <c r="E3659">
        <v>2013</v>
      </c>
      <c r="F3659">
        <v>2013</v>
      </c>
      <c r="G3659" t="s">
        <v>14</v>
      </c>
      <c r="H3659" t="s">
        <v>122</v>
      </c>
      <c r="I3659" t="s">
        <v>15</v>
      </c>
      <c r="J3659" s="10">
        <v>19.418196349999999</v>
      </c>
    </row>
    <row r="3660" spans="1:10" x14ac:dyDescent="0.35">
      <c r="A3660" t="s">
        <v>20</v>
      </c>
      <c r="B3660" t="s">
        <v>21</v>
      </c>
      <c r="C3660" t="s">
        <v>117</v>
      </c>
      <c r="D3660" t="s">
        <v>118</v>
      </c>
      <c r="E3660">
        <v>2013</v>
      </c>
      <c r="F3660">
        <v>2013</v>
      </c>
      <c r="G3660" t="s">
        <v>14</v>
      </c>
      <c r="H3660" t="s">
        <v>123</v>
      </c>
      <c r="I3660" t="s">
        <v>15</v>
      </c>
      <c r="J3660" s="10">
        <v>14.352393729999999</v>
      </c>
    </row>
    <row r="3661" spans="1:10" x14ac:dyDescent="0.35">
      <c r="A3661" t="s">
        <v>20</v>
      </c>
      <c r="B3661" t="s">
        <v>21</v>
      </c>
      <c r="C3661" t="s">
        <v>117</v>
      </c>
      <c r="D3661" t="s">
        <v>118</v>
      </c>
      <c r="E3661">
        <v>2013</v>
      </c>
      <c r="F3661">
        <v>2013</v>
      </c>
      <c r="G3661" t="s">
        <v>14</v>
      </c>
      <c r="H3661" t="s">
        <v>124</v>
      </c>
      <c r="I3661" t="s">
        <v>15</v>
      </c>
      <c r="J3661" s="10">
        <v>1.3017785260000001</v>
      </c>
    </row>
    <row r="3662" spans="1:10" x14ac:dyDescent="0.35">
      <c r="A3662" t="s">
        <v>20</v>
      </c>
      <c r="B3662" t="s">
        <v>21</v>
      </c>
      <c r="C3662" t="s">
        <v>117</v>
      </c>
      <c r="D3662" t="s">
        <v>118</v>
      </c>
      <c r="E3662">
        <v>2013</v>
      </c>
      <c r="F3662">
        <v>2013</v>
      </c>
      <c r="G3662" t="s">
        <v>125</v>
      </c>
      <c r="H3662" t="s">
        <v>119</v>
      </c>
      <c r="I3662" t="s">
        <v>15</v>
      </c>
      <c r="J3662" s="10">
        <v>19.728527969999998</v>
      </c>
    </row>
    <row r="3663" spans="1:10" x14ac:dyDescent="0.35">
      <c r="A3663" t="s">
        <v>20</v>
      </c>
      <c r="B3663" t="s">
        <v>21</v>
      </c>
      <c r="C3663" t="s">
        <v>117</v>
      </c>
      <c r="D3663" t="s">
        <v>118</v>
      </c>
      <c r="E3663">
        <v>2013</v>
      </c>
      <c r="F3663">
        <v>2013</v>
      </c>
      <c r="G3663" t="s">
        <v>125</v>
      </c>
      <c r="H3663" t="s">
        <v>120</v>
      </c>
      <c r="I3663" t="s">
        <v>15</v>
      </c>
      <c r="J3663" s="10">
        <v>11.713082139999999</v>
      </c>
    </row>
    <row r="3664" spans="1:10" x14ac:dyDescent="0.35">
      <c r="A3664" t="s">
        <v>20</v>
      </c>
      <c r="B3664" t="s">
        <v>21</v>
      </c>
      <c r="C3664" t="s">
        <v>117</v>
      </c>
      <c r="D3664" t="s">
        <v>118</v>
      </c>
      <c r="E3664">
        <v>2013</v>
      </c>
      <c r="F3664">
        <v>2013</v>
      </c>
      <c r="G3664" t="s">
        <v>125</v>
      </c>
      <c r="H3664" t="s">
        <v>121</v>
      </c>
      <c r="I3664" t="s">
        <v>15</v>
      </c>
      <c r="J3664" s="10">
        <v>35.016381930000001</v>
      </c>
    </row>
    <row r="3665" spans="1:10" x14ac:dyDescent="0.35">
      <c r="A3665" t="s">
        <v>20</v>
      </c>
      <c r="B3665" t="s">
        <v>21</v>
      </c>
      <c r="C3665" t="s">
        <v>117</v>
      </c>
      <c r="D3665" t="s">
        <v>118</v>
      </c>
      <c r="E3665">
        <v>2013</v>
      </c>
      <c r="F3665">
        <v>2013</v>
      </c>
      <c r="G3665" t="s">
        <v>125</v>
      </c>
      <c r="H3665" t="s">
        <v>122</v>
      </c>
      <c r="I3665" t="s">
        <v>15</v>
      </c>
      <c r="J3665" s="10">
        <v>19.4330681</v>
      </c>
    </row>
    <row r="3666" spans="1:10" x14ac:dyDescent="0.35">
      <c r="A3666" t="s">
        <v>20</v>
      </c>
      <c r="B3666" t="s">
        <v>21</v>
      </c>
      <c r="C3666" t="s">
        <v>117</v>
      </c>
      <c r="D3666" t="s">
        <v>118</v>
      </c>
      <c r="E3666">
        <v>2013</v>
      </c>
      <c r="F3666">
        <v>2013</v>
      </c>
      <c r="G3666" t="s">
        <v>125</v>
      </c>
      <c r="H3666" t="s">
        <v>123</v>
      </c>
      <c r="I3666" t="s">
        <v>15</v>
      </c>
      <c r="J3666" s="10">
        <v>13.219634920000001</v>
      </c>
    </row>
    <row r="3667" spans="1:10" x14ac:dyDescent="0.35">
      <c r="A3667" t="s">
        <v>20</v>
      </c>
      <c r="B3667" t="s">
        <v>21</v>
      </c>
      <c r="C3667" t="s">
        <v>117</v>
      </c>
      <c r="D3667" t="s">
        <v>118</v>
      </c>
      <c r="E3667">
        <v>2013</v>
      </c>
      <c r="F3667">
        <v>2013</v>
      </c>
      <c r="G3667" t="s">
        <v>125</v>
      </c>
      <c r="H3667" t="s">
        <v>124</v>
      </c>
      <c r="I3667" t="s">
        <v>15</v>
      </c>
      <c r="J3667" s="10">
        <v>0.88930493799999999</v>
      </c>
    </row>
    <row r="3668" spans="1:10" x14ac:dyDescent="0.35">
      <c r="A3668" t="s">
        <v>20</v>
      </c>
      <c r="B3668" t="s">
        <v>21</v>
      </c>
      <c r="C3668" t="s">
        <v>117</v>
      </c>
      <c r="D3668" t="s">
        <v>118</v>
      </c>
      <c r="E3668">
        <v>2013</v>
      </c>
      <c r="F3668">
        <v>2013</v>
      </c>
      <c r="G3668" t="s">
        <v>126</v>
      </c>
      <c r="H3668" t="s">
        <v>119</v>
      </c>
      <c r="I3668" t="s">
        <v>15</v>
      </c>
      <c r="J3668" s="10">
        <v>17.845793610000001</v>
      </c>
    </row>
    <row r="3669" spans="1:10" x14ac:dyDescent="0.35">
      <c r="A3669" t="s">
        <v>20</v>
      </c>
      <c r="B3669" t="s">
        <v>21</v>
      </c>
      <c r="C3669" t="s">
        <v>117</v>
      </c>
      <c r="D3669" t="s">
        <v>118</v>
      </c>
      <c r="E3669">
        <v>2013</v>
      </c>
      <c r="F3669">
        <v>2013</v>
      </c>
      <c r="G3669" t="s">
        <v>126</v>
      </c>
      <c r="H3669" t="s">
        <v>120</v>
      </c>
      <c r="I3669" t="s">
        <v>15</v>
      </c>
      <c r="J3669" s="10">
        <v>10.955009199999999</v>
      </c>
    </row>
    <row r="3670" spans="1:10" x14ac:dyDescent="0.35">
      <c r="A3670" t="s">
        <v>20</v>
      </c>
      <c r="B3670" t="s">
        <v>21</v>
      </c>
      <c r="C3670" t="s">
        <v>117</v>
      </c>
      <c r="D3670" t="s">
        <v>118</v>
      </c>
      <c r="E3670">
        <v>2013</v>
      </c>
      <c r="F3670">
        <v>2013</v>
      </c>
      <c r="G3670" t="s">
        <v>126</v>
      </c>
      <c r="H3670" t="s">
        <v>121</v>
      </c>
      <c r="I3670" t="s">
        <v>15</v>
      </c>
      <c r="J3670" s="10">
        <v>34.668562190000003</v>
      </c>
    </row>
    <row r="3671" spans="1:10" x14ac:dyDescent="0.35">
      <c r="A3671" t="s">
        <v>20</v>
      </c>
      <c r="B3671" t="s">
        <v>21</v>
      </c>
      <c r="C3671" t="s">
        <v>117</v>
      </c>
      <c r="D3671" t="s">
        <v>118</v>
      </c>
      <c r="E3671">
        <v>2013</v>
      </c>
      <c r="F3671">
        <v>2013</v>
      </c>
      <c r="G3671" t="s">
        <v>126</v>
      </c>
      <c r="H3671" t="s">
        <v>122</v>
      </c>
      <c r="I3671" t="s">
        <v>15</v>
      </c>
      <c r="J3671" s="10">
        <v>19.4040252</v>
      </c>
    </row>
    <row r="3672" spans="1:10" x14ac:dyDescent="0.35">
      <c r="A3672" t="s">
        <v>20</v>
      </c>
      <c r="B3672" t="s">
        <v>21</v>
      </c>
      <c r="C3672" t="s">
        <v>117</v>
      </c>
      <c r="D3672" t="s">
        <v>118</v>
      </c>
      <c r="E3672">
        <v>2013</v>
      </c>
      <c r="F3672">
        <v>2013</v>
      </c>
      <c r="G3672" t="s">
        <v>126</v>
      </c>
      <c r="H3672" t="s">
        <v>123</v>
      </c>
      <c r="I3672" t="s">
        <v>15</v>
      </c>
      <c r="J3672" s="10">
        <v>15.43178904</v>
      </c>
    </row>
    <row r="3673" spans="1:10" x14ac:dyDescent="0.35">
      <c r="A3673" t="s">
        <v>20</v>
      </c>
      <c r="B3673" t="s">
        <v>21</v>
      </c>
      <c r="C3673" t="s">
        <v>117</v>
      </c>
      <c r="D3673" t="s">
        <v>118</v>
      </c>
      <c r="E3673">
        <v>2013</v>
      </c>
      <c r="F3673">
        <v>2013</v>
      </c>
      <c r="G3673" t="s">
        <v>126</v>
      </c>
      <c r="H3673" t="s">
        <v>124</v>
      </c>
      <c r="I3673" t="s">
        <v>15</v>
      </c>
      <c r="J3673" s="10">
        <v>1.694820762</v>
      </c>
    </row>
    <row r="3674" spans="1:10" x14ac:dyDescent="0.35">
      <c r="A3674" t="s">
        <v>20</v>
      </c>
      <c r="B3674" t="s">
        <v>21</v>
      </c>
      <c r="C3674" t="s">
        <v>117</v>
      </c>
      <c r="D3674" t="s">
        <v>118</v>
      </c>
      <c r="E3674">
        <v>2012</v>
      </c>
      <c r="F3674">
        <v>2012</v>
      </c>
      <c r="G3674" t="s">
        <v>14</v>
      </c>
      <c r="H3674" t="s">
        <v>119</v>
      </c>
      <c r="I3674" t="s">
        <v>15</v>
      </c>
      <c r="J3674" s="10">
        <v>18.997173119999999</v>
      </c>
    </row>
    <row r="3675" spans="1:10" x14ac:dyDescent="0.35">
      <c r="A3675" t="s">
        <v>20</v>
      </c>
      <c r="B3675" t="s">
        <v>21</v>
      </c>
      <c r="C3675" t="s">
        <v>117</v>
      </c>
      <c r="D3675" t="s">
        <v>118</v>
      </c>
      <c r="E3675">
        <v>2012</v>
      </c>
      <c r="F3675">
        <v>2012</v>
      </c>
      <c r="G3675" t="s">
        <v>14</v>
      </c>
      <c r="H3675" t="s">
        <v>120</v>
      </c>
      <c r="I3675" t="s">
        <v>15</v>
      </c>
      <c r="J3675" s="10">
        <v>11.337483219999999</v>
      </c>
    </row>
    <row r="3676" spans="1:10" x14ac:dyDescent="0.35">
      <c r="A3676" t="s">
        <v>20</v>
      </c>
      <c r="B3676" t="s">
        <v>21</v>
      </c>
      <c r="C3676" t="s">
        <v>117</v>
      </c>
      <c r="D3676" t="s">
        <v>118</v>
      </c>
      <c r="E3676">
        <v>2012</v>
      </c>
      <c r="F3676">
        <v>2012</v>
      </c>
      <c r="G3676" t="s">
        <v>14</v>
      </c>
      <c r="H3676" t="s">
        <v>121</v>
      </c>
      <c r="I3676" t="s">
        <v>15</v>
      </c>
      <c r="J3676" s="10">
        <v>35.163187800000003</v>
      </c>
    </row>
    <row r="3677" spans="1:10" x14ac:dyDescent="0.35">
      <c r="A3677" t="s">
        <v>20</v>
      </c>
      <c r="B3677" t="s">
        <v>21</v>
      </c>
      <c r="C3677" t="s">
        <v>117</v>
      </c>
      <c r="D3677" t="s">
        <v>118</v>
      </c>
      <c r="E3677">
        <v>2012</v>
      </c>
      <c r="F3677">
        <v>2012</v>
      </c>
      <c r="G3677" t="s">
        <v>14</v>
      </c>
      <c r="H3677" t="s">
        <v>122</v>
      </c>
      <c r="I3677" t="s">
        <v>15</v>
      </c>
      <c r="J3677" s="10">
        <v>19.15564947</v>
      </c>
    </row>
    <row r="3678" spans="1:10" x14ac:dyDescent="0.35">
      <c r="A3678" t="s">
        <v>20</v>
      </c>
      <c r="B3678" t="s">
        <v>21</v>
      </c>
      <c r="C3678" t="s">
        <v>117</v>
      </c>
      <c r="D3678" t="s">
        <v>118</v>
      </c>
      <c r="E3678">
        <v>2012</v>
      </c>
      <c r="F3678">
        <v>2012</v>
      </c>
      <c r="G3678" t="s">
        <v>14</v>
      </c>
      <c r="H3678" t="s">
        <v>123</v>
      </c>
      <c r="I3678" t="s">
        <v>15</v>
      </c>
      <c r="J3678" s="10">
        <v>14.047285909999999</v>
      </c>
    </row>
    <row r="3679" spans="1:10" x14ac:dyDescent="0.35">
      <c r="A3679" t="s">
        <v>20</v>
      </c>
      <c r="B3679" t="s">
        <v>21</v>
      </c>
      <c r="C3679" t="s">
        <v>117</v>
      </c>
      <c r="D3679" t="s">
        <v>118</v>
      </c>
      <c r="E3679">
        <v>2012</v>
      </c>
      <c r="F3679">
        <v>2012</v>
      </c>
      <c r="G3679" t="s">
        <v>14</v>
      </c>
      <c r="H3679" t="s">
        <v>124</v>
      </c>
      <c r="I3679" t="s">
        <v>15</v>
      </c>
      <c r="J3679" s="10">
        <v>1.2992204679999999</v>
      </c>
    </row>
    <row r="3680" spans="1:10" x14ac:dyDescent="0.35">
      <c r="A3680" t="s">
        <v>20</v>
      </c>
      <c r="B3680" t="s">
        <v>21</v>
      </c>
      <c r="C3680" t="s">
        <v>117</v>
      </c>
      <c r="D3680" t="s">
        <v>118</v>
      </c>
      <c r="E3680">
        <v>2012</v>
      </c>
      <c r="F3680">
        <v>2012</v>
      </c>
      <c r="G3680" t="s">
        <v>125</v>
      </c>
      <c r="H3680" t="s">
        <v>119</v>
      </c>
      <c r="I3680" t="s">
        <v>15</v>
      </c>
      <c r="J3680" s="10">
        <v>19.91684235</v>
      </c>
    </row>
    <row r="3681" spans="1:10" x14ac:dyDescent="0.35">
      <c r="A3681" t="s">
        <v>20</v>
      </c>
      <c r="B3681" t="s">
        <v>21</v>
      </c>
      <c r="C3681" t="s">
        <v>117</v>
      </c>
      <c r="D3681" t="s">
        <v>118</v>
      </c>
      <c r="E3681">
        <v>2012</v>
      </c>
      <c r="F3681">
        <v>2012</v>
      </c>
      <c r="G3681" t="s">
        <v>125</v>
      </c>
      <c r="H3681" t="s">
        <v>120</v>
      </c>
      <c r="I3681" t="s">
        <v>15</v>
      </c>
      <c r="J3681" s="10">
        <v>11.78554697</v>
      </c>
    </row>
    <row r="3682" spans="1:10" x14ac:dyDescent="0.35">
      <c r="A3682" t="s">
        <v>20</v>
      </c>
      <c r="B3682" t="s">
        <v>21</v>
      </c>
      <c r="C3682" t="s">
        <v>117</v>
      </c>
      <c r="D3682" t="s">
        <v>118</v>
      </c>
      <c r="E3682">
        <v>2012</v>
      </c>
      <c r="F3682">
        <v>2012</v>
      </c>
      <c r="G3682" t="s">
        <v>125</v>
      </c>
      <c r="H3682" t="s">
        <v>121</v>
      </c>
      <c r="I3682" t="s">
        <v>15</v>
      </c>
      <c r="J3682" s="10">
        <v>35.344928549999999</v>
      </c>
    </row>
    <row r="3683" spans="1:10" x14ac:dyDescent="0.35">
      <c r="A3683" t="s">
        <v>20</v>
      </c>
      <c r="B3683" t="s">
        <v>21</v>
      </c>
      <c r="C3683" t="s">
        <v>117</v>
      </c>
      <c r="D3683" t="s">
        <v>118</v>
      </c>
      <c r="E3683">
        <v>2012</v>
      </c>
      <c r="F3683">
        <v>2012</v>
      </c>
      <c r="G3683" t="s">
        <v>125</v>
      </c>
      <c r="H3683" t="s">
        <v>122</v>
      </c>
      <c r="I3683" t="s">
        <v>15</v>
      </c>
      <c r="J3683" s="10">
        <v>19.178964629999999</v>
      </c>
    </row>
    <row r="3684" spans="1:10" x14ac:dyDescent="0.35">
      <c r="A3684" t="s">
        <v>20</v>
      </c>
      <c r="B3684" t="s">
        <v>21</v>
      </c>
      <c r="C3684" t="s">
        <v>117</v>
      </c>
      <c r="D3684" t="s">
        <v>118</v>
      </c>
      <c r="E3684">
        <v>2012</v>
      </c>
      <c r="F3684">
        <v>2012</v>
      </c>
      <c r="G3684" t="s">
        <v>125</v>
      </c>
      <c r="H3684" t="s">
        <v>123</v>
      </c>
      <c r="I3684" t="s">
        <v>15</v>
      </c>
      <c r="J3684" s="10">
        <v>12.93042867</v>
      </c>
    </row>
    <row r="3685" spans="1:10" x14ac:dyDescent="0.35">
      <c r="A3685" t="s">
        <v>20</v>
      </c>
      <c r="B3685" t="s">
        <v>21</v>
      </c>
      <c r="C3685" t="s">
        <v>117</v>
      </c>
      <c r="D3685" t="s">
        <v>118</v>
      </c>
      <c r="E3685">
        <v>2012</v>
      </c>
      <c r="F3685">
        <v>2012</v>
      </c>
      <c r="G3685" t="s">
        <v>125</v>
      </c>
      <c r="H3685" t="s">
        <v>124</v>
      </c>
      <c r="I3685" t="s">
        <v>15</v>
      </c>
      <c r="J3685" s="10">
        <v>0.84328882599999999</v>
      </c>
    </row>
    <row r="3686" spans="1:10" x14ac:dyDescent="0.35">
      <c r="A3686" t="s">
        <v>20</v>
      </c>
      <c r="B3686" t="s">
        <v>21</v>
      </c>
      <c r="C3686" t="s">
        <v>117</v>
      </c>
      <c r="D3686" t="s">
        <v>118</v>
      </c>
      <c r="E3686">
        <v>2012</v>
      </c>
      <c r="F3686">
        <v>2012</v>
      </c>
      <c r="G3686" t="s">
        <v>126</v>
      </c>
      <c r="H3686" t="s">
        <v>119</v>
      </c>
      <c r="I3686" t="s">
        <v>15</v>
      </c>
      <c r="J3686" s="10">
        <v>18.122039569999998</v>
      </c>
    </row>
    <row r="3687" spans="1:10" x14ac:dyDescent="0.35">
      <c r="A3687" t="s">
        <v>20</v>
      </c>
      <c r="B3687" t="s">
        <v>21</v>
      </c>
      <c r="C3687" t="s">
        <v>117</v>
      </c>
      <c r="D3687" t="s">
        <v>118</v>
      </c>
      <c r="E3687">
        <v>2012</v>
      </c>
      <c r="F3687">
        <v>2012</v>
      </c>
      <c r="G3687" t="s">
        <v>126</v>
      </c>
      <c r="H3687" t="s">
        <v>120</v>
      </c>
      <c r="I3687" t="s">
        <v>15</v>
      </c>
      <c r="J3687" s="10">
        <v>10.911117300000001</v>
      </c>
    </row>
    <row r="3688" spans="1:10" x14ac:dyDescent="0.35">
      <c r="A3688" t="s">
        <v>20</v>
      </c>
      <c r="B3688" t="s">
        <v>21</v>
      </c>
      <c r="C3688" t="s">
        <v>117</v>
      </c>
      <c r="D3688" t="s">
        <v>118</v>
      </c>
      <c r="E3688">
        <v>2012</v>
      </c>
      <c r="F3688">
        <v>2012</v>
      </c>
      <c r="G3688" t="s">
        <v>126</v>
      </c>
      <c r="H3688" t="s">
        <v>121</v>
      </c>
      <c r="I3688" t="s">
        <v>15</v>
      </c>
      <c r="J3688" s="10">
        <v>34.990247979999999</v>
      </c>
    </row>
    <row r="3689" spans="1:10" x14ac:dyDescent="0.35">
      <c r="A3689" t="s">
        <v>20</v>
      </c>
      <c r="B3689" t="s">
        <v>21</v>
      </c>
      <c r="C3689" t="s">
        <v>117</v>
      </c>
      <c r="D3689" t="s">
        <v>118</v>
      </c>
      <c r="E3689">
        <v>2012</v>
      </c>
      <c r="F3689">
        <v>2012</v>
      </c>
      <c r="G3689" t="s">
        <v>126</v>
      </c>
      <c r="H3689" t="s">
        <v>122</v>
      </c>
      <c r="I3689" t="s">
        <v>15</v>
      </c>
      <c r="J3689" s="10">
        <v>19.13346336</v>
      </c>
    </row>
    <row r="3690" spans="1:10" x14ac:dyDescent="0.35">
      <c r="A3690" t="s">
        <v>20</v>
      </c>
      <c r="B3690" t="s">
        <v>21</v>
      </c>
      <c r="C3690" t="s">
        <v>117</v>
      </c>
      <c r="D3690" t="s">
        <v>118</v>
      </c>
      <c r="E3690">
        <v>2012</v>
      </c>
      <c r="F3690">
        <v>2012</v>
      </c>
      <c r="G3690" t="s">
        <v>126</v>
      </c>
      <c r="H3690" t="s">
        <v>123</v>
      </c>
      <c r="I3690" t="s">
        <v>15</v>
      </c>
      <c r="J3690" s="10">
        <v>15.11005851</v>
      </c>
    </row>
    <row r="3691" spans="1:10" x14ac:dyDescent="0.35">
      <c r="A3691" t="s">
        <v>20</v>
      </c>
      <c r="B3691" t="s">
        <v>21</v>
      </c>
      <c r="C3691" t="s">
        <v>117</v>
      </c>
      <c r="D3691" t="s">
        <v>118</v>
      </c>
      <c r="E3691">
        <v>2012</v>
      </c>
      <c r="F3691">
        <v>2012</v>
      </c>
      <c r="G3691" t="s">
        <v>126</v>
      </c>
      <c r="H3691" t="s">
        <v>124</v>
      </c>
      <c r="I3691" t="s">
        <v>15</v>
      </c>
      <c r="J3691" s="10">
        <v>1.7330732790000001</v>
      </c>
    </row>
    <row r="3692" spans="1:10" x14ac:dyDescent="0.35">
      <c r="A3692" t="s">
        <v>20</v>
      </c>
      <c r="B3692" t="s">
        <v>21</v>
      </c>
      <c r="C3692" t="s">
        <v>117</v>
      </c>
      <c r="D3692" t="s">
        <v>118</v>
      </c>
      <c r="E3692">
        <v>2011</v>
      </c>
      <c r="F3692">
        <v>2011</v>
      </c>
      <c r="G3692" t="s">
        <v>14</v>
      </c>
      <c r="H3692" t="s">
        <v>119</v>
      </c>
      <c r="I3692" t="s">
        <v>15</v>
      </c>
      <c r="J3692" s="10">
        <v>19.051845069999999</v>
      </c>
    </row>
    <row r="3693" spans="1:10" x14ac:dyDescent="0.35">
      <c r="A3693" t="s">
        <v>20</v>
      </c>
      <c r="B3693" t="s">
        <v>21</v>
      </c>
      <c r="C3693" t="s">
        <v>117</v>
      </c>
      <c r="D3693" t="s">
        <v>118</v>
      </c>
      <c r="E3693">
        <v>2011</v>
      </c>
      <c r="F3693">
        <v>2011</v>
      </c>
      <c r="G3693" t="s">
        <v>14</v>
      </c>
      <c r="H3693" t="s">
        <v>120</v>
      </c>
      <c r="I3693" t="s">
        <v>15</v>
      </c>
      <c r="J3693" s="10">
        <v>11.356674590000001</v>
      </c>
    </row>
    <row r="3694" spans="1:10" x14ac:dyDescent="0.35">
      <c r="A3694" t="s">
        <v>20</v>
      </c>
      <c r="B3694" t="s">
        <v>21</v>
      </c>
      <c r="C3694" t="s">
        <v>117</v>
      </c>
      <c r="D3694" t="s">
        <v>118</v>
      </c>
      <c r="E3694">
        <v>2011</v>
      </c>
      <c r="F3694">
        <v>2011</v>
      </c>
      <c r="G3694" t="s">
        <v>14</v>
      </c>
      <c r="H3694" t="s">
        <v>121</v>
      </c>
      <c r="I3694" t="s">
        <v>15</v>
      </c>
      <c r="J3694" s="10">
        <v>35.613065759999998</v>
      </c>
    </row>
    <row r="3695" spans="1:10" x14ac:dyDescent="0.35">
      <c r="A3695" t="s">
        <v>20</v>
      </c>
      <c r="B3695" t="s">
        <v>21</v>
      </c>
      <c r="C3695" t="s">
        <v>117</v>
      </c>
      <c r="D3695" t="s">
        <v>118</v>
      </c>
      <c r="E3695">
        <v>2011</v>
      </c>
      <c r="F3695">
        <v>2011</v>
      </c>
      <c r="G3695" t="s">
        <v>14</v>
      </c>
      <c r="H3695" t="s">
        <v>122</v>
      </c>
      <c r="I3695" t="s">
        <v>15</v>
      </c>
      <c r="J3695" s="10">
        <v>19.080472929999999</v>
      </c>
    </row>
    <row r="3696" spans="1:10" x14ac:dyDescent="0.35">
      <c r="A3696" t="s">
        <v>20</v>
      </c>
      <c r="B3696" t="s">
        <v>21</v>
      </c>
      <c r="C3696" t="s">
        <v>117</v>
      </c>
      <c r="D3696" t="s">
        <v>118</v>
      </c>
      <c r="E3696">
        <v>2011</v>
      </c>
      <c r="F3696">
        <v>2011</v>
      </c>
      <c r="G3696" t="s">
        <v>14</v>
      </c>
      <c r="H3696" t="s">
        <v>123</v>
      </c>
      <c r="I3696" t="s">
        <v>15</v>
      </c>
      <c r="J3696" s="10">
        <v>13.60968767</v>
      </c>
    </row>
    <row r="3697" spans="1:10" x14ac:dyDescent="0.35">
      <c r="A3697" t="s">
        <v>20</v>
      </c>
      <c r="B3697" t="s">
        <v>21</v>
      </c>
      <c r="C3697" t="s">
        <v>117</v>
      </c>
      <c r="D3697" t="s">
        <v>118</v>
      </c>
      <c r="E3697">
        <v>2011</v>
      </c>
      <c r="F3697">
        <v>2011</v>
      </c>
      <c r="G3697" t="s">
        <v>14</v>
      </c>
      <c r="H3697" t="s">
        <v>124</v>
      </c>
      <c r="I3697" t="s">
        <v>15</v>
      </c>
      <c r="J3697" s="10">
        <v>1.288253986</v>
      </c>
    </row>
    <row r="3698" spans="1:10" x14ac:dyDescent="0.35">
      <c r="A3698" t="s">
        <v>20</v>
      </c>
      <c r="B3698" t="s">
        <v>21</v>
      </c>
      <c r="C3698" t="s">
        <v>117</v>
      </c>
      <c r="D3698" t="s">
        <v>118</v>
      </c>
      <c r="E3698">
        <v>2011</v>
      </c>
      <c r="F3698">
        <v>2011</v>
      </c>
      <c r="G3698" t="s">
        <v>125</v>
      </c>
      <c r="H3698" t="s">
        <v>119</v>
      </c>
      <c r="I3698" t="s">
        <v>15</v>
      </c>
      <c r="J3698" s="10">
        <v>20</v>
      </c>
    </row>
    <row r="3699" spans="1:10" x14ac:dyDescent="0.35">
      <c r="A3699" t="s">
        <v>20</v>
      </c>
      <c r="B3699" t="s">
        <v>21</v>
      </c>
      <c r="C3699" t="s">
        <v>117</v>
      </c>
      <c r="D3699" t="s">
        <v>118</v>
      </c>
      <c r="E3699">
        <v>2011</v>
      </c>
      <c r="F3699">
        <v>2011</v>
      </c>
      <c r="G3699" t="s">
        <v>125</v>
      </c>
      <c r="H3699" t="s">
        <v>120</v>
      </c>
      <c r="I3699" t="s">
        <v>15</v>
      </c>
      <c r="J3699" s="10">
        <v>11.654888100000001</v>
      </c>
    </row>
    <row r="3700" spans="1:10" x14ac:dyDescent="0.35">
      <c r="A3700" t="s">
        <v>20</v>
      </c>
      <c r="B3700" t="s">
        <v>21</v>
      </c>
      <c r="C3700" t="s">
        <v>117</v>
      </c>
      <c r="D3700" t="s">
        <v>118</v>
      </c>
      <c r="E3700">
        <v>2011</v>
      </c>
      <c r="F3700">
        <v>2011</v>
      </c>
      <c r="G3700" t="s">
        <v>125</v>
      </c>
      <c r="H3700" t="s">
        <v>121</v>
      </c>
      <c r="I3700" t="s">
        <v>15</v>
      </c>
      <c r="J3700" s="10">
        <v>36.039458189999998</v>
      </c>
    </row>
    <row r="3701" spans="1:10" x14ac:dyDescent="0.35">
      <c r="A3701" t="s">
        <v>20</v>
      </c>
      <c r="B3701" t="s">
        <v>21</v>
      </c>
      <c r="C3701" t="s">
        <v>117</v>
      </c>
      <c r="D3701" t="s">
        <v>118</v>
      </c>
      <c r="E3701">
        <v>2011</v>
      </c>
      <c r="F3701">
        <v>2011</v>
      </c>
      <c r="G3701" t="s">
        <v>125</v>
      </c>
      <c r="H3701" t="s">
        <v>122</v>
      </c>
      <c r="I3701" t="s">
        <v>15</v>
      </c>
      <c r="J3701" s="10">
        <v>19.11071849</v>
      </c>
    </row>
    <row r="3702" spans="1:10" x14ac:dyDescent="0.35">
      <c r="A3702" t="s">
        <v>20</v>
      </c>
      <c r="B3702" t="s">
        <v>21</v>
      </c>
      <c r="C3702" t="s">
        <v>117</v>
      </c>
      <c r="D3702" t="s">
        <v>118</v>
      </c>
      <c r="E3702">
        <v>2011</v>
      </c>
      <c r="F3702">
        <v>2011</v>
      </c>
      <c r="G3702" t="s">
        <v>125</v>
      </c>
      <c r="H3702" t="s">
        <v>123</v>
      </c>
      <c r="I3702" t="s">
        <v>15</v>
      </c>
      <c r="J3702" s="10">
        <v>12.426383980000001</v>
      </c>
    </row>
    <row r="3703" spans="1:10" x14ac:dyDescent="0.35">
      <c r="A3703" t="s">
        <v>20</v>
      </c>
      <c r="B3703" t="s">
        <v>21</v>
      </c>
      <c r="C3703" t="s">
        <v>117</v>
      </c>
      <c r="D3703" t="s">
        <v>118</v>
      </c>
      <c r="E3703">
        <v>2011</v>
      </c>
      <c r="F3703">
        <v>2011</v>
      </c>
      <c r="G3703" t="s">
        <v>125</v>
      </c>
      <c r="H3703" t="s">
        <v>124</v>
      </c>
      <c r="I3703" t="s">
        <v>15</v>
      </c>
      <c r="J3703" s="10">
        <v>0.76855123700000005</v>
      </c>
    </row>
    <row r="3704" spans="1:10" x14ac:dyDescent="0.35">
      <c r="A3704" t="s">
        <v>20</v>
      </c>
      <c r="B3704" t="s">
        <v>21</v>
      </c>
      <c r="C3704" t="s">
        <v>117</v>
      </c>
      <c r="D3704" t="s">
        <v>118</v>
      </c>
      <c r="E3704">
        <v>2011</v>
      </c>
      <c r="F3704">
        <v>2011</v>
      </c>
      <c r="G3704" t="s">
        <v>126</v>
      </c>
      <c r="H3704" t="s">
        <v>119</v>
      </c>
      <c r="I3704" t="s">
        <v>15</v>
      </c>
      <c r="J3704" s="10">
        <v>18.15497744</v>
      </c>
    </row>
    <row r="3705" spans="1:10" x14ac:dyDescent="0.35">
      <c r="A3705" t="s">
        <v>20</v>
      </c>
      <c r="B3705" t="s">
        <v>21</v>
      </c>
      <c r="C3705" t="s">
        <v>117</v>
      </c>
      <c r="D3705" t="s">
        <v>118</v>
      </c>
      <c r="E3705">
        <v>2011</v>
      </c>
      <c r="F3705">
        <v>2011</v>
      </c>
      <c r="G3705" t="s">
        <v>126</v>
      </c>
      <c r="H3705" t="s">
        <v>120</v>
      </c>
      <c r="I3705" t="s">
        <v>15</v>
      </c>
      <c r="J3705" s="10">
        <v>11.074591939999999</v>
      </c>
    </row>
    <row r="3706" spans="1:10" x14ac:dyDescent="0.35">
      <c r="A3706" t="s">
        <v>20</v>
      </c>
      <c r="B3706" t="s">
        <v>21</v>
      </c>
      <c r="C3706" t="s">
        <v>117</v>
      </c>
      <c r="D3706" t="s">
        <v>118</v>
      </c>
      <c r="E3706">
        <v>2011</v>
      </c>
      <c r="F3706">
        <v>2011</v>
      </c>
      <c r="G3706" t="s">
        <v>126</v>
      </c>
      <c r="H3706" t="s">
        <v>121</v>
      </c>
      <c r="I3706" t="s">
        <v>15</v>
      </c>
      <c r="J3706" s="10">
        <v>35.209737619999999</v>
      </c>
    </row>
    <row r="3707" spans="1:10" x14ac:dyDescent="0.35">
      <c r="A3707" t="s">
        <v>20</v>
      </c>
      <c r="B3707" t="s">
        <v>21</v>
      </c>
      <c r="C3707" t="s">
        <v>117</v>
      </c>
      <c r="D3707" t="s">
        <v>118</v>
      </c>
      <c r="E3707">
        <v>2011</v>
      </c>
      <c r="F3707">
        <v>2011</v>
      </c>
      <c r="G3707" t="s">
        <v>126</v>
      </c>
      <c r="H3707" t="s">
        <v>122</v>
      </c>
      <c r="I3707" t="s">
        <v>15</v>
      </c>
      <c r="J3707" s="10">
        <v>19.051863409999999</v>
      </c>
    </row>
    <row r="3708" spans="1:10" x14ac:dyDescent="0.35">
      <c r="A3708" t="s">
        <v>20</v>
      </c>
      <c r="B3708" t="s">
        <v>21</v>
      </c>
      <c r="C3708" t="s">
        <v>117</v>
      </c>
      <c r="D3708" t="s">
        <v>118</v>
      </c>
      <c r="E3708">
        <v>2011</v>
      </c>
      <c r="F3708">
        <v>2011</v>
      </c>
      <c r="G3708" t="s">
        <v>126</v>
      </c>
      <c r="H3708" t="s">
        <v>123</v>
      </c>
      <c r="I3708" t="s">
        <v>15</v>
      </c>
      <c r="J3708" s="10">
        <v>14.72898446</v>
      </c>
    </row>
    <row r="3709" spans="1:10" x14ac:dyDescent="0.35">
      <c r="A3709" t="s">
        <v>20</v>
      </c>
      <c r="B3709" t="s">
        <v>21</v>
      </c>
      <c r="C3709" t="s">
        <v>117</v>
      </c>
      <c r="D3709" t="s">
        <v>118</v>
      </c>
      <c r="E3709">
        <v>2011</v>
      </c>
      <c r="F3709">
        <v>2011</v>
      </c>
      <c r="G3709" t="s">
        <v>126</v>
      </c>
      <c r="H3709" t="s">
        <v>124</v>
      </c>
      <c r="I3709" t="s">
        <v>15</v>
      </c>
      <c r="J3709" s="10">
        <v>1.7798451340000001</v>
      </c>
    </row>
    <row r="3710" spans="1:10" x14ac:dyDescent="0.35">
      <c r="A3710" t="s">
        <v>22</v>
      </c>
      <c r="B3710" t="s">
        <v>23</v>
      </c>
      <c r="C3710" t="s">
        <v>117</v>
      </c>
      <c r="D3710" t="s">
        <v>118</v>
      </c>
      <c r="E3710">
        <v>2020</v>
      </c>
      <c r="F3710">
        <v>2020</v>
      </c>
      <c r="G3710" t="s">
        <v>14</v>
      </c>
      <c r="H3710" t="s">
        <v>119</v>
      </c>
      <c r="I3710" t="s">
        <v>15</v>
      </c>
      <c r="J3710" s="10">
        <v>18.873071540000002</v>
      </c>
    </row>
    <row r="3711" spans="1:10" x14ac:dyDescent="0.35">
      <c r="A3711" t="s">
        <v>22</v>
      </c>
      <c r="B3711" t="s">
        <v>23</v>
      </c>
      <c r="C3711" t="s">
        <v>117</v>
      </c>
      <c r="D3711" t="s">
        <v>118</v>
      </c>
      <c r="E3711">
        <v>2020</v>
      </c>
      <c r="F3711">
        <v>2020</v>
      </c>
      <c r="G3711" t="s">
        <v>14</v>
      </c>
      <c r="H3711" t="s">
        <v>120</v>
      </c>
      <c r="I3711" t="s">
        <v>15</v>
      </c>
      <c r="J3711" s="10">
        <v>10.55635788</v>
      </c>
    </row>
    <row r="3712" spans="1:10" x14ac:dyDescent="0.35">
      <c r="A3712" t="s">
        <v>22</v>
      </c>
      <c r="B3712" t="s">
        <v>23</v>
      </c>
      <c r="C3712" t="s">
        <v>117</v>
      </c>
      <c r="D3712" t="s">
        <v>118</v>
      </c>
      <c r="E3712">
        <v>2020</v>
      </c>
      <c r="F3712">
        <v>2020</v>
      </c>
      <c r="G3712" t="s">
        <v>14</v>
      </c>
      <c r="H3712" t="s">
        <v>121</v>
      </c>
      <c r="I3712" t="s">
        <v>15</v>
      </c>
      <c r="J3712" s="10">
        <v>32.812965640000002</v>
      </c>
    </row>
    <row r="3713" spans="1:10" x14ac:dyDescent="0.35">
      <c r="A3713" t="s">
        <v>22</v>
      </c>
      <c r="B3713" t="s">
        <v>23</v>
      </c>
      <c r="C3713" t="s">
        <v>117</v>
      </c>
      <c r="D3713" t="s">
        <v>118</v>
      </c>
      <c r="E3713">
        <v>2020</v>
      </c>
      <c r="F3713">
        <v>2020</v>
      </c>
      <c r="G3713" t="s">
        <v>14</v>
      </c>
      <c r="H3713" t="s">
        <v>122</v>
      </c>
      <c r="I3713" t="s">
        <v>15</v>
      </c>
      <c r="J3713" s="10">
        <v>21.458863439999998</v>
      </c>
    </row>
    <row r="3714" spans="1:10" x14ac:dyDescent="0.35">
      <c r="A3714" t="s">
        <v>22</v>
      </c>
      <c r="B3714" t="s">
        <v>23</v>
      </c>
      <c r="C3714" t="s">
        <v>117</v>
      </c>
      <c r="D3714" t="s">
        <v>118</v>
      </c>
      <c r="E3714">
        <v>2020</v>
      </c>
      <c r="F3714">
        <v>2020</v>
      </c>
      <c r="G3714" t="s">
        <v>14</v>
      </c>
      <c r="H3714" t="s">
        <v>123</v>
      </c>
      <c r="I3714" t="s">
        <v>15</v>
      </c>
      <c r="J3714" s="10">
        <v>14.87288816</v>
      </c>
    </row>
    <row r="3715" spans="1:10" x14ac:dyDescent="0.35">
      <c r="A3715" t="s">
        <v>22</v>
      </c>
      <c r="B3715" t="s">
        <v>23</v>
      </c>
      <c r="C3715" t="s">
        <v>117</v>
      </c>
      <c r="D3715" t="s">
        <v>118</v>
      </c>
      <c r="E3715">
        <v>2020</v>
      </c>
      <c r="F3715">
        <v>2020</v>
      </c>
      <c r="G3715" t="s">
        <v>14</v>
      </c>
      <c r="H3715" t="s">
        <v>124</v>
      </c>
      <c r="I3715" t="s">
        <v>15</v>
      </c>
      <c r="J3715" s="10">
        <v>1.4258533339999999</v>
      </c>
    </row>
    <row r="3716" spans="1:10" x14ac:dyDescent="0.35">
      <c r="A3716" t="s">
        <v>22</v>
      </c>
      <c r="B3716" t="s">
        <v>23</v>
      </c>
      <c r="C3716" t="s">
        <v>117</v>
      </c>
      <c r="D3716" t="s">
        <v>118</v>
      </c>
      <c r="E3716">
        <v>2020</v>
      </c>
      <c r="F3716">
        <v>2020</v>
      </c>
      <c r="G3716" t="s">
        <v>125</v>
      </c>
      <c r="H3716" t="s">
        <v>119</v>
      </c>
      <c r="I3716" t="s">
        <v>15</v>
      </c>
      <c r="J3716" s="10">
        <v>19.653905200000001</v>
      </c>
    </row>
    <row r="3717" spans="1:10" x14ac:dyDescent="0.35">
      <c r="A3717" t="s">
        <v>22</v>
      </c>
      <c r="B3717" t="s">
        <v>23</v>
      </c>
      <c r="C3717" t="s">
        <v>117</v>
      </c>
      <c r="D3717" t="s">
        <v>118</v>
      </c>
      <c r="E3717">
        <v>2020</v>
      </c>
      <c r="F3717">
        <v>2020</v>
      </c>
      <c r="G3717" t="s">
        <v>125</v>
      </c>
      <c r="H3717" t="s">
        <v>120</v>
      </c>
      <c r="I3717" t="s">
        <v>15</v>
      </c>
      <c r="J3717" s="10">
        <v>11.20388891</v>
      </c>
    </row>
    <row r="3718" spans="1:10" x14ac:dyDescent="0.35">
      <c r="A3718" t="s">
        <v>22</v>
      </c>
      <c r="B3718" t="s">
        <v>23</v>
      </c>
      <c r="C3718" t="s">
        <v>117</v>
      </c>
      <c r="D3718" t="s">
        <v>118</v>
      </c>
      <c r="E3718">
        <v>2020</v>
      </c>
      <c r="F3718">
        <v>2020</v>
      </c>
      <c r="G3718" t="s">
        <v>125</v>
      </c>
      <c r="H3718" t="s">
        <v>121</v>
      </c>
      <c r="I3718" t="s">
        <v>15</v>
      </c>
      <c r="J3718" s="10">
        <v>33.020886640000001</v>
      </c>
    </row>
    <row r="3719" spans="1:10" x14ac:dyDescent="0.35">
      <c r="A3719" t="s">
        <v>22</v>
      </c>
      <c r="B3719" t="s">
        <v>23</v>
      </c>
      <c r="C3719" t="s">
        <v>117</v>
      </c>
      <c r="D3719" t="s">
        <v>118</v>
      </c>
      <c r="E3719">
        <v>2020</v>
      </c>
      <c r="F3719">
        <v>2020</v>
      </c>
      <c r="G3719" t="s">
        <v>125</v>
      </c>
      <c r="H3719" t="s">
        <v>122</v>
      </c>
      <c r="I3719" t="s">
        <v>15</v>
      </c>
      <c r="J3719" s="10">
        <v>21.03549332</v>
      </c>
    </row>
    <row r="3720" spans="1:10" x14ac:dyDescent="0.35">
      <c r="A3720" t="s">
        <v>22</v>
      </c>
      <c r="B3720" t="s">
        <v>23</v>
      </c>
      <c r="C3720" t="s">
        <v>117</v>
      </c>
      <c r="D3720" t="s">
        <v>118</v>
      </c>
      <c r="E3720">
        <v>2020</v>
      </c>
      <c r="F3720">
        <v>2020</v>
      </c>
      <c r="G3720" t="s">
        <v>125</v>
      </c>
      <c r="H3720" t="s">
        <v>123</v>
      </c>
      <c r="I3720" t="s">
        <v>15</v>
      </c>
      <c r="J3720" s="10">
        <v>13.976368799999999</v>
      </c>
    </row>
    <row r="3721" spans="1:10" x14ac:dyDescent="0.35">
      <c r="A3721" t="s">
        <v>22</v>
      </c>
      <c r="B3721" t="s">
        <v>23</v>
      </c>
      <c r="C3721" t="s">
        <v>117</v>
      </c>
      <c r="D3721" t="s">
        <v>118</v>
      </c>
      <c r="E3721">
        <v>2020</v>
      </c>
      <c r="F3721">
        <v>2020</v>
      </c>
      <c r="G3721" t="s">
        <v>125</v>
      </c>
      <c r="H3721" t="s">
        <v>124</v>
      </c>
      <c r="I3721" t="s">
        <v>15</v>
      </c>
      <c r="J3721" s="10">
        <v>1.1094571339999999</v>
      </c>
    </row>
    <row r="3722" spans="1:10" x14ac:dyDescent="0.35">
      <c r="A3722" t="s">
        <v>22</v>
      </c>
      <c r="B3722" t="s">
        <v>23</v>
      </c>
      <c r="C3722" t="s">
        <v>117</v>
      </c>
      <c r="D3722" t="s">
        <v>118</v>
      </c>
      <c r="E3722">
        <v>2020</v>
      </c>
      <c r="F3722">
        <v>2020</v>
      </c>
      <c r="G3722" t="s">
        <v>126</v>
      </c>
      <c r="H3722" t="s">
        <v>119</v>
      </c>
      <c r="I3722" t="s">
        <v>15</v>
      </c>
      <c r="J3722" s="10">
        <v>18.11443551</v>
      </c>
    </row>
    <row r="3723" spans="1:10" x14ac:dyDescent="0.35">
      <c r="A3723" t="s">
        <v>22</v>
      </c>
      <c r="B3723" t="s">
        <v>23</v>
      </c>
      <c r="C3723" t="s">
        <v>117</v>
      </c>
      <c r="D3723" t="s">
        <v>118</v>
      </c>
      <c r="E3723">
        <v>2020</v>
      </c>
      <c r="F3723">
        <v>2020</v>
      </c>
      <c r="G3723" t="s">
        <v>126</v>
      </c>
      <c r="H3723" t="s">
        <v>120</v>
      </c>
      <c r="I3723" t="s">
        <v>15</v>
      </c>
      <c r="J3723" s="10">
        <v>9.9272349270000007</v>
      </c>
    </row>
    <row r="3724" spans="1:10" x14ac:dyDescent="0.35">
      <c r="A3724" t="s">
        <v>22</v>
      </c>
      <c r="B3724" t="s">
        <v>23</v>
      </c>
      <c r="C3724" t="s">
        <v>117</v>
      </c>
      <c r="D3724" t="s">
        <v>118</v>
      </c>
      <c r="E3724">
        <v>2020</v>
      </c>
      <c r="F3724">
        <v>2020</v>
      </c>
      <c r="G3724" t="s">
        <v>126</v>
      </c>
      <c r="H3724" t="s">
        <v>121</v>
      </c>
      <c r="I3724" t="s">
        <v>15</v>
      </c>
      <c r="J3724" s="10">
        <v>32.610955439999998</v>
      </c>
    </row>
    <row r="3725" spans="1:10" x14ac:dyDescent="0.35">
      <c r="A3725" t="s">
        <v>22</v>
      </c>
      <c r="B3725" t="s">
        <v>23</v>
      </c>
      <c r="C3725" t="s">
        <v>117</v>
      </c>
      <c r="D3725" t="s">
        <v>118</v>
      </c>
      <c r="E3725">
        <v>2020</v>
      </c>
      <c r="F3725">
        <v>2020</v>
      </c>
      <c r="G3725" t="s">
        <v>126</v>
      </c>
      <c r="H3725" t="s">
        <v>122</v>
      </c>
      <c r="I3725" t="s">
        <v>15</v>
      </c>
      <c r="J3725" s="10">
        <v>21.870197959999999</v>
      </c>
    </row>
    <row r="3726" spans="1:10" x14ac:dyDescent="0.35">
      <c r="A3726" t="s">
        <v>22</v>
      </c>
      <c r="B3726" t="s">
        <v>23</v>
      </c>
      <c r="C3726" t="s">
        <v>117</v>
      </c>
      <c r="D3726" t="s">
        <v>118</v>
      </c>
      <c r="E3726">
        <v>2020</v>
      </c>
      <c r="F3726">
        <v>2020</v>
      </c>
      <c r="G3726" t="s">
        <v>126</v>
      </c>
      <c r="H3726" t="s">
        <v>123</v>
      </c>
      <c r="I3726" t="s">
        <v>15</v>
      </c>
      <c r="J3726" s="10">
        <v>15.743921179999999</v>
      </c>
    </row>
    <row r="3727" spans="1:10" x14ac:dyDescent="0.35">
      <c r="A3727" t="s">
        <v>22</v>
      </c>
      <c r="B3727" t="s">
        <v>23</v>
      </c>
      <c r="C3727" t="s">
        <v>117</v>
      </c>
      <c r="D3727" t="s">
        <v>118</v>
      </c>
      <c r="E3727">
        <v>2020</v>
      </c>
      <c r="F3727">
        <v>2020</v>
      </c>
      <c r="G3727" t="s">
        <v>126</v>
      </c>
      <c r="H3727" t="s">
        <v>124</v>
      </c>
      <c r="I3727" t="s">
        <v>15</v>
      </c>
      <c r="J3727" s="10">
        <v>1.7332549939999999</v>
      </c>
    </row>
    <row r="3728" spans="1:10" x14ac:dyDescent="0.35">
      <c r="A3728" t="s">
        <v>22</v>
      </c>
      <c r="B3728" t="s">
        <v>23</v>
      </c>
      <c r="C3728" t="s">
        <v>117</v>
      </c>
      <c r="D3728" t="s">
        <v>118</v>
      </c>
      <c r="E3728">
        <v>2019</v>
      </c>
      <c r="F3728">
        <v>2019</v>
      </c>
      <c r="G3728" t="s">
        <v>14</v>
      </c>
      <c r="H3728" t="s">
        <v>119</v>
      </c>
      <c r="I3728" t="s">
        <v>15</v>
      </c>
      <c r="J3728" s="10">
        <v>19.108697899999999</v>
      </c>
    </row>
    <row r="3729" spans="1:10" x14ac:dyDescent="0.35">
      <c r="A3729" t="s">
        <v>22</v>
      </c>
      <c r="B3729" t="s">
        <v>23</v>
      </c>
      <c r="C3729" t="s">
        <v>117</v>
      </c>
      <c r="D3729" t="s">
        <v>118</v>
      </c>
      <c r="E3729">
        <v>2019</v>
      </c>
      <c r="F3729">
        <v>2019</v>
      </c>
      <c r="G3729" t="s">
        <v>14</v>
      </c>
      <c r="H3729" t="s">
        <v>120</v>
      </c>
      <c r="I3729" t="s">
        <v>15</v>
      </c>
      <c r="J3729" s="10">
        <v>10.70528822</v>
      </c>
    </row>
    <row r="3730" spans="1:10" x14ac:dyDescent="0.35">
      <c r="A3730" t="s">
        <v>22</v>
      </c>
      <c r="B3730" t="s">
        <v>23</v>
      </c>
      <c r="C3730" t="s">
        <v>117</v>
      </c>
      <c r="D3730" t="s">
        <v>118</v>
      </c>
      <c r="E3730">
        <v>2019</v>
      </c>
      <c r="F3730">
        <v>2019</v>
      </c>
      <c r="G3730" t="s">
        <v>14</v>
      </c>
      <c r="H3730" t="s">
        <v>121</v>
      </c>
      <c r="I3730" t="s">
        <v>15</v>
      </c>
      <c r="J3730" s="10">
        <v>32.944126820000001</v>
      </c>
    </row>
    <row r="3731" spans="1:10" x14ac:dyDescent="0.35">
      <c r="A3731" t="s">
        <v>22</v>
      </c>
      <c r="B3731" t="s">
        <v>23</v>
      </c>
      <c r="C3731" t="s">
        <v>117</v>
      </c>
      <c r="D3731" t="s">
        <v>118</v>
      </c>
      <c r="E3731">
        <v>2019</v>
      </c>
      <c r="F3731">
        <v>2019</v>
      </c>
      <c r="G3731" t="s">
        <v>14</v>
      </c>
      <c r="H3731" t="s">
        <v>122</v>
      </c>
      <c r="I3731" t="s">
        <v>15</v>
      </c>
      <c r="J3731" s="10">
        <v>21.166699260000001</v>
      </c>
    </row>
    <row r="3732" spans="1:10" x14ac:dyDescent="0.35">
      <c r="A3732" t="s">
        <v>22</v>
      </c>
      <c r="B3732" t="s">
        <v>23</v>
      </c>
      <c r="C3732" t="s">
        <v>117</v>
      </c>
      <c r="D3732" t="s">
        <v>118</v>
      </c>
      <c r="E3732">
        <v>2019</v>
      </c>
      <c r="F3732">
        <v>2019</v>
      </c>
      <c r="G3732" t="s">
        <v>14</v>
      </c>
      <c r="H3732" t="s">
        <v>123</v>
      </c>
      <c r="I3732" t="s">
        <v>15</v>
      </c>
      <c r="J3732" s="10">
        <v>14.69820198</v>
      </c>
    </row>
    <row r="3733" spans="1:10" x14ac:dyDescent="0.35">
      <c r="A3733" t="s">
        <v>22</v>
      </c>
      <c r="B3733" t="s">
        <v>23</v>
      </c>
      <c r="C3733" t="s">
        <v>117</v>
      </c>
      <c r="D3733" t="s">
        <v>118</v>
      </c>
      <c r="E3733">
        <v>2019</v>
      </c>
      <c r="F3733">
        <v>2019</v>
      </c>
      <c r="G3733" t="s">
        <v>14</v>
      </c>
      <c r="H3733" t="s">
        <v>124</v>
      </c>
      <c r="I3733" t="s">
        <v>15</v>
      </c>
      <c r="J3733" s="10">
        <v>1.3769858159999999</v>
      </c>
    </row>
    <row r="3734" spans="1:10" x14ac:dyDescent="0.35">
      <c r="A3734" t="s">
        <v>22</v>
      </c>
      <c r="B3734" t="s">
        <v>23</v>
      </c>
      <c r="C3734" t="s">
        <v>117</v>
      </c>
      <c r="D3734" t="s">
        <v>118</v>
      </c>
      <c r="E3734">
        <v>2019</v>
      </c>
      <c r="F3734">
        <v>2019</v>
      </c>
      <c r="G3734" t="s">
        <v>125</v>
      </c>
      <c r="H3734" t="s">
        <v>119</v>
      </c>
      <c r="I3734" t="s">
        <v>15</v>
      </c>
      <c r="J3734" s="10">
        <v>19.877168810000001</v>
      </c>
    </row>
    <row r="3735" spans="1:10" x14ac:dyDescent="0.35">
      <c r="A3735" t="s">
        <v>22</v>
      </c>
      <c r="B3735" t="s">
        <v>23</v>
      </c>
      <c r="C3735" t="s">
        <v>117</v>
      </c>
      <c r="D3735" t="s">
        <v>118</v>
      </c>
      <c r="E3735">
        <v>2019</v>
      </c>
      <c r="F3735">
        <v>2019</v>
      </c>
      <c r="G3735" t="s">
        <v>125</v>
      </c>
      <c r="H3735" t="s">
        <v>120</v>
      </c>
      <c r="I3735" t="s">
        <v>15</v>
      </c>
      <c r="J3735" s="10">
        <v>11.44011396</v>
      </c>
    </row>
    <row r="3736" spans="1:10" x14ac:dyDescent="0.35">
      <c r="A3736" t="s">
        <v>22</v>
      </c>
      <c r="B3736" t="s">
        <v>23</v>
      </c>
      <c r="C3736" t="s">
        <v>117</v>
      </c>
      <c r="D3736" t="s">
        <v>118</v>
      </c>
      <c r="E3736">
        <v>2019</v>
      </c>
      <c r="F3736">
        <v>2019</v>
      </c>
      <c r="G3736" t="s">
        <v>125</v>
      </c>
      <c r="H3736" t="s">
        <v>121</v>
      </c>
      <c r="I3736" t="s">
        <v>15</v>
      </c>
      <c r="J3736" s="10">
        <v>33.00095743</v>
      </c>
    </row>
    <row r="3737" spans="1:10" x14ac:dyDescent="0.35">
      <c r="A3737" t="s">
        <v>22</v>
      </c>
      <c r="B3737" t="s">
        <v>23</v>
      </c>
      <c r="C3737" t="s">
        <v>117</v>
      </c>
      <c r="D3737" t="s">
        <v>118</v>
      </c>
      <c r="E3737">
        <v>2019</v>
      </c>
      <c r="F3737">
        <v>2019</v>
      </c>
      <c r="G3737" t="s">
        <v>125</v>
      </c>
      <c r="H3737" t="s">
        <v>122</v>
      </c>
      <c r="I3737" t="s">
        <v>15</v>
      </c>
      <c r="J3737" s="10">
        <v>20.806575909999999</v>
      </c>
    </row>
    <row r="3738" spans="1:10" x14ac:dyDescent="0.35">
      <c r="A3738" t="s">
        <v>22</v>
      </c>
      <c r="B3738" t="s">
        <v>23</v>
      </c>
      <c r="C3738" t="s">
        <v>117</v>
      </c>
      <c r="D3738" t="s">
        <v>118</v>
      </c>
      <c r="E3738">
        <v>2019</v>
      </c>
      <c r="F3738">
        <v>2019</v>
      </c>
      <c r="G3738" t="s">
        <v>125</v>
      </c>
      <c r="H3738" t="s">
        <v>123</v>
      </c>
      <c r="I3738" t="s">
        <v>15</v>
      </c>
      <c r="J3738" s="10">
        <v>13.800994790000001</v>
      </c>
    </row>
    <row r="3739" spans="1:10" x14ac:dyDescent="0.35">
      <c r="A3739" t="s">
        <v>22</v>
      </c>
      <c r="B3739" t="s">
        <v>23</v>
      </c>
      <c r="C3739" t="s">
        <v>117</v>
      </c>
      <c r="D3739" t="s">
        <v>118</v>
      </c>
      <c r="E3739">
        <v>2019</v>
      </c>
      <c r="F3739">
        <v>2019</v>
      </c>
      <c r="G3739" t="s">
        <v>125</v>
      </c>
      <c r="H3739" t="s">
        <v>124</v>
      </c>
      <c r="I3739" t="s">
        <v>15</v>
      </c>
      <c r="J3739" s="10">
        <v>1.074189104</v>
      </c>
    </row>
    <row r="3740" spans="1:10" x14ac:dyDescent="0.35">
      <c r="A3740" t="s">
        <v>22</v>
      </c>
      <c r="B3740" t="s">
        <v>23</v>
      </c>
      <c r="C3740" t="s">
        <v>117</v>
      </c>
      <c r="D3740" t="s">
        <v>118</v>
      </c>
      <c r="E3740">
        <v>2019</v>
      </c>
      <c r="F3740">
        <v>2019</v>
      </c>
      <c r="G3740" t="s">
        <v>126</v>
      </c>
      <c r="H3740" t="s">
        <v>119</v>
      </c>
      <c r="I3740" t="s">
        <v>15</v>
      </c>
      <c r="J3740" s="10">
        <v>18.362581049999999</v>
      </c>
    </row>
    <row r="3741" spans="1:10" x14ac:dyDescent="0.35">
      <c r="A3741" t="s">
        <v>22</v>
      </c>
      <c r="B3741" t="s">
        <v>23</v>
      </c>
      <c r="C3741" t="s">
        <v>117</v>
      </c>
      <c r="D3741" t="s">
        <v>118</v>
      </c>
      <c r="E3741">
        <v>2019</v>
      </c>
      <c r="F3741">
        <v>2019</v>
      </c>
      <c r="G3741" t="s">
        <v>126</v>
      </c>
      <c r="H3741" t="s">
        <v>120</v>
      </c>
      <c r="I3741" t="s">
        <v>15</v>
      </c>
      <c r="J3741" s="10">
        <v>9.9918378449999992</v>
      </c>
    </row>
    <row r="3742" spans="1:10" x14ac:dyDescent="0.35">
      <c r="A3742" t="s">
        <v>22</v>
      </c>
      <c r="B3742" t="s">
        <v>23</v>
      </c>
      <c r="C3742" t="s">
        <v>117</v>
      </c>
      <c r="D3742" t="s">
        <v>118</v>
      </c>
      <c r="E3742">
        <v>2019</v>
      </c>
      <c r="F3742">
        <v>2019</v>
      </c>
      <c r="G3742" t="s">
        <v>126</v>
      </c>
      <c r="H3742" t="s">
        <v>121</v>
      </c>
      <c r="I3742" t="s">
        <v>15</v>
      </c>
      <c r="J3742" s="10">
        <v>32.888949349999997</v>
      </c>
    </row>
    <row r="3743" spans="1:10" x14ac:dyDescent="0.35">
      <c r="A3743" t="s">
        <v>22</v>
      </c>
      <c r="B3743" t="s">
        <v>23</v>
      </c>
      <c r="C3743" t="s">
        <v>117</v>
      </c>
      <c r="D3743" t="s">
        <v>118</v>
      </c>
      <c r="E3743">
        <v>2019</v>
      </c>
      <c r="F3743">
        <v>2019</v>
      </c>
      <c r="G3743" t="s">
        <v>126</v>
      </c>
      <c r="H3743" t="s">
        <v>122</v>
      </c>
      <c r="I3743" t="s">
        <v>15</v>
      </c>
      <c r="J3743" s="10">
        <v>21.516346980000002</v>
      </c>
    </row>
    <row r="3744" spans="1:10" x14ac:dyDescent="0.35">
      <c r="A3744" t="s">
        <v>22</v>
      </c>
      <c r="B3744" t="s">
        <v>23</v>
      </c>
      <c r="C3744" t="s">
        <v>117</v>
      </c>
      <c r="D3744" t="s">
        <v>118</v>
      </c>
      <c r="E3744">
        <v>2019</v>
      </c>
      <c r="F3744">
        <v>2019</v>
      </c>
      <c r="G3744" t="s">
        <v>126</v>
      </c>
      <c r="H3744" t="s">
        <v>123</v>
      </c>
      <c r="I3744" t="s">
        <v>15</v>
      </c>
      <c r="J3744" s="10">
        <v>15.5693103</v>
      </c>
    </row>
    <row r="3745" spans="1:10" x14ac:dyDescent="0.35">
      <c r="A3745" t="s">
        <v>22</v>
      </c>
      <c r="B3745" t="s">
        <v>23</v>
      </c>
      <c r="C3745" t="s">
        <v>117</v>
      </c>
      <c r="D3745" t="s">
        <v>118</v>
      </c>
      <c r="E3745">
        <v>2019</v>
      </c>
      <c r="F3745">
        <v>2019</v>
      </c>
      <c r="G3745" t="s">
        <v>126</v>
      </c>
      <c r="H3745" t="s">
        <v>124</v>
      </c>
      <c r="I3745" t="s">
        <v>15</v>
      </c>
      <c r="J3745" s="10">
        <v>1.6709744710000001</v>
      </c>
    </row>
    <row r="3746" spans="1:10" x14ac:dyDescent="0.35">
      <c r="A3746" t="s">
        <v>22</v>
      </c>
      <c r="B3746" t="s">
        <v>23</v>
      </c>
      <c r="C3746" t="s">
        <v>117</v>
      </c>
      <c r="D3746" t="s">
        <v>118</v>
      </c>
      <c r="E3746">
        <v>2018</v>
      </c>
      <c r="F3746">
        <v>2018</v>
      </c>
      <c r="G3746" t="s">
        <v>14</v>
      </c>
      <c r="H3746" t="s">
        <v>119</v>
      </c>
      <c r="I3746" t="s">
        <v>15</v>
      </c>
      <c r="J3746" s="10">
        <v>19.234015979999999</v>
      </c>
    </row>
    <row r="3747" spans="1:10" x14ac:dyDescent="0.35">
      <c r="A3747" t="s">
        <v>22</v>
      </c>
      <c r="B3747" t="s">
        <v>23</v>
      </c>
      <c r="C3747" t="s">
        <v>117</v>
      </c>
      <c r="D3747" t="s">
        <v>118</v>
      </c>
      <c r="E3747">
        <v>2018</v>
      </c>
      <c r="F3747">
        <v>2018</v>
      </c>
      <c r="G3747" t="s">
        <v>14</v>
      </c>
      <c r="H3747" t="s">
        <v>120</v>
      </c>
      <c r="I3747" t="s">
        <v>15</v>
      </c>
      <c r="J3747" s="10">
        <v>11.00292563</v>
      </c>
    </row>
    <row r="3748" spans="1:10" x14ac:dyDescent="0.35">
      <c r="A3748" t="s">
        <v>22</v>
      </c>
      <c r="B3748" t="s">
        <v>23</v>
      </c>
      <c r="C3748" t="s">
        <v>117</v>
      </c>
      <c r="D3748" t="s">
        <v>118</v>
      </c>
      <c r="E3748">
        <v>2018</v>
      </c>
      <c r="F3748">
        <v>2018</v>
      </c>
      <c r="G3748" t="s">
        <v>14</v>
      </c>
      <c r="H3748" t="s">
        <v>121</v>
      </c>
      <c r="I3748" t="s">
        <v>15</v>
      </c>
      <c r="J3748" s="10">
        <v>33.178764299999997</v>
      </c>
    </row>
    <row r="3749" spans="1:10" x14ac:dyDescent="0.35">
      <c r="A3749" t="s">
        <v>22</v>
      </c>
      <c r="B3749" t="s">
        <v>23</v>
      </c>
      <c r="C3749" t="s">
        <v>117</v>
      </c>
      <c r="D3749" t="s">
        <v>118</v>
      </c>
      <c r="E3749">
        <v>2018</v>
      </c>
      <c r="F3749">
        <v>2018</v>
      </c>
      <c r="G3749" t="s">
        <v>14</v>
      </c>
      <c r="H3749" t="s">
        <v>122</v>
      </c>
      <c r="I3749" t="s">
        <v>15</v>
      </c>
      <c r="J3749" s="10">
        <v>20.926951679999998</v>
      </c>
    </row>
    <row r="3750" spans="1:10" x14ac:dyDescent="0.35">
      <c r="A3750" t="s">
        <v>22</v>
      </c>
      <c r="B3750" t="s">
        <v>23</v>
      </c>
      <c r="C3750" t="s">
        <v>117</v>
      </c>
      <c r="D3750" t="s">
        <v>118</v>
      </c>
      <c r="E3750">
        <v>2018</v>
      </c>
      <c r="F3750">
        <v>2018</v>
      </c>
      <c r="G3750" t="s">
        <v>14</v>
      </c>
      <c r="H3750" t="s">
        <v>123</v>
      </c>
      <c r="I3750" t="s">
        <v>15</v>
      </c>
      <c r="J3750" s="10">
        <v>14.335603689999999</v>
      </c>
    </row>
    <row r="3751" spans="1:10" x14ac:dyDescent="0.35">
      <c r="A3751" t="s">
        <v>22</v>
      </c>
      <c r="B3751" t="s">
        <v>23</v>
      </c>
      <c r="C3751" t="s">
        <v>117</v>
      </c>
      <c r="D3751" t="s">
        <v>118</v>
      </c>
      <c r="E3751">
        <v>2018</v>
      </c>
      <c r="F3751">
        <v>2018</v>
      </c>
      <c r="G3751" t="s">
        <v>14</v>
      </c>
      <c r="H3751" t="s">
        <v>124</v>
      </c>
      <c r="I3751" t="s">
        <v>15</v>
      </c>
      <c r="J3751" s="10">
        <v>1.3217387279999999</v>
      </c>
    </row>
    <row r="3752" spans="1:10" x14ac:dyDescent="0.35">
      <c r="A3752" t="s">
        <v>22</v>
      </c>
      <c r="B3752" t="s">
        <v>23</v>
      </c>
      <c r="C3752" t="s">
        <v>117</v>
      </c>
      <c r="D3752" t="s">
        <v>118</v>
      </c>
      <c r="E3752">
        <v>2018</v>
      </c>
      <c r="F3752">
        <v>2018</v>
      </c>
      <c r="G3752" t="s">
        <v>125</v>
      </c>
      <c r="H3752" t="s">
        <v>119</v>
      </c>
      <c r="I3752" t="s">
        <v>15</v>
      </c>
      <c r="J3752" s="10">
        <v>20.02827521</v>
      </c>
    </row>
    <row r="3753" spans="1:10" x14ac:dyDescent="0.35">
      <c r="A3753" t="s">
        <v>22</v>
      </c>
      <c r="B3753" t="s">
        <v>23</v>
      </c>
      <c r="C3753" t="s">
        <v>117</v>
      </c>
      <c r="D3753" t="s">
        <v>118</v>
      </c>
      <c r="E3753">
        <v>2018</v>
      </c>
      <c r="F3753">
        <v>2018</v>
      </c>
      <c r="G3753" t="s">
        <v>125</v>
      </c>
      <c r="H3753" t="s">
        <v>120</v>
      </c>
      <c r="I3753" t="s">
        <v>15</v>
      </c>
      <c r="J3753" s="10">
        <v>11.68708765</v>
      </c>
    </row>
    <row r="3754" spans="1:10" x14ac:dyDescent="0.35">
      <c r="A3754" t="s">
        <v>22</v>
      </c>
      <c r="B3754" t="s">
        <v>23</v>
      </c>
      <c r="C3754" t="s">
        <v>117</v>
      </c>
      <c r="D3754" t="s">
        <v>118</v>
      </c>
      <c r="E3754">
        <v>2018</v>
      </c>
      <c r="F3754">
        <v>2018</v>
      </c>
      <c r="G3754" t="s">
        <v>125</v>
      </c>
      <c r="H3754" t="s">
        <v>121</v>
      </c>
      <c r="I3754" t="s">
        <v>15</v>
      </c>
      <c r="J3754" s="10">
        <v>33.112629589999997</v>
      </c>
    </row>
    <row r="3755" spans="1:10" x14ac:dyDescent="0.35">
      <c r="A3755" t="s">
        <v>22</v>
      </c>
      <c r="B3755" t="s">
        <v>23</v>
      </c>
      <c r="C3755" t="s">
        <v>117</v>
      </c>
      <c r="D3755" t="s">
        <v>118</v>
      </c>
      <c r="E3755">
        <v>2018</v>
      </c>
      <c r="F3755">
        <v>2018</v>
      </c>
      <c r="G3755" t="s">
        <v>125</v>
      </c>
      <c r="H3755" t="s">
        <v>122</v>
      </c>
      <c r="I3755" t="s">
        <v>15</v>
      </c>
      <c r="J3755" s="10">
        <v>20.678605090000001</v>
      </c>
    </row>
    <row r="3756" spans="1:10" x14ac:dyDescent="0.35">
      <c r="A3756" t="s">
        <v>22</v>
      </c>
      <c r="B3756" t="s">
        <v>23</v>
      </c>
      <c r="C3756" t="s">
        <v>117</v>
      </c>
      <c r="D3756" t="s">
        <v>118</v>
      </c>
      <c r="E3756">
        <v>2018</v>
      </c>
      <c r="F3756">
        <v>2018</v>
      </c>
      <c r="G3756" t="s">
        <v>125</v>
      </c>
      <c r="H3756" t="s">
        <v>123</v>
      </c>
      <c r="I3756" t="s">
        <v>15</v>
      </c>
      <c r="J3756" s="10">
        <v>13.46842601</v>
      </c>
    </row>
    <row r="3757" spans="1:10" x14ac:dyDescent="0.35">
      <c r="A3757" t="s">
        <v>22</v>
      </c>
      <c r="B3757" t="s">
        <v>23</v>
      </c>
      <c r="C3757" t="s">
        <v>117</v>
      </c>
      <c r="D3757" t="s">
        <v>118</v>
      </c>
      <c r="E3757">
        <v>2018</v>
      </c>
      <c r="F3757">
        <v>2018</v>
      </c>
      <c r="G3757" t="s">
        <v>125</v>
      </c>
      <c r="H3757" t="s">
        <v>124</v>
      </c>
      <c r="I3757" t="s">
        <v>15</v>
      </c>
      <c r="J3757" s="10">
        <v>1.0249764370000001</v>
      </c>
    </row>
    <row r="3758" spans="1:10" x14ac:dyDescent="0.35">
      <c r="A3758" t="s">
        <v>22</v>
      </c>
      <c r="B3758" t="s">
        <v>23</v>
      </c>
      <c r="C3758" t="s">
        <v>117</v>
      </c>
      <c r="D3758" t="s">
        <v>118</v>
      </c>
      <c r="E3758">
        <v>2018</v>
      </c>
      <c r="F3758">
        <v>2018</v>
      </c>
      <c r="G3758" t="s">
        <v>126</v>
      </c>
      <c r="H3758" t="s">
        <v>119</v>
      </c>
      <c r="I3758" t="s">
        <v>15</v>
      </c>
      <c r="J3758" s="10">
        <v>18.468560530000001</v>
      </c>
    </row>
    <row r="3759" spans="1:10" x14ac:dyDescent="0.35">
      <c r="A3759" t="s">
        <v>22</v>
      </c>
      <c r="B3759" t="s">
        <v>23</v>
      </c>
      <c r="C3759" t="s">
        <v>117</v>
      </c>
      <c r="D3759" t="s">
        <v>118</v>
      </c>
      <c r="E3759">
        <v>2018</v>
      </c>
      <c r="F3759">
        <v>2018</v>
      </c>
      <c r="G3759" t="s">
        <v>126</v>
      </c>
      <c r="H3759" t="s">
        <v>120</v>
      </c>
      <c r="I3759" t="s">
        <v>15</v>
      </c>
      <c r="J3759" s="10">
        <v>10.343574719999999</v>
      </c>
    </row>
    <row r="3760" spans="1:10" x14ac:dyDescent="0.35">
      <c r="A3760" t="s">
        <v>22</v>
      </c>
      <c r="B3760" t="s">
        <v>23</v>
      </c>
      <c r="C3760" t="s">
        <v>117</v>
      </c>
      <c r="D3760" t="s">
        <v>118</v>
      </c>
      <c r="E3760">
        <v>2018</v>
      </c>
      <c r="F3760">
        <v>2018</v>
      </c>
      <c r="G3760" t="s">
        <v>126</v>
      </c>
      <c r="H3760" t="s">
        <v>121</v>
      </c>
      <c r="I3760" t="s">
        <v>15</v>
      </c>
      <c r="J3760" s="10">
        <v>33.242500620000001</v>
      </c>
    </row>
    <row r="3761" spans="1:10" x14ac:dyDescent="0.35">
      <c r="A3761" t="s">
        <v>22</v>
      </c>
      <c r="B3761" t="s">
        <v>23</v>
      </c>
      <c r="C3761" t="s">
        <v>117</v>
      </c>
      <c r="D3761" t="s">
        <v>118</v>
      </c>
      <c r="E3761">
        <v>2018</v>
      </c>
      <c r="F3761">
        <v>2018</v>
      </c>
      <c r="G3761" t="s">
        <v>126</v>
      </c>
      <c r="H3761" t="s">
        <v>122</v>
      </c>
      <c r="I3761" t="s">
        <v>15</v>
      </c>
      <c r="J3761" s="10">
        <v>21.16629198</v>
      </c>
    </row>
    <row r="3762" spans="1:10" x14ac:dyDescent="0.35">
      <c r="A3762" t="s">
        <v>22</v>
      </c>
      <c r="B3762" t="s">
        <v>23</v>
      </c>
      <c r="C3762" t="s">
        <v>117</v>
      </c>
      <c r="D3762" t="s">
        <v>118</v>
      </c>
      <c r="E3762">
        <v>2018</v>
      </c>
      <c r="F3762">
        <v>2018</v>
      </c>
      <c r="G3762" t="s">
        <v>126</v>
      </c>
      <c r="H3762" t="s">
        <v>123</v>
      </c>
      <c r="I3762" t="s">
        <v>15</v>
      </c>
      <c r="J3762" s="10">
        <v>15.171333199999999</v>
      </c>
    </row>
    <row r="3763" spans="1:10" x14ac:dyDescent="0.35">
      <c r="A3763" t="s">
        <v>22</v>
      </c>
      <c r="B3763" t="s">
        <v>23</v>
      </c>
      <c r="C3763" t="s">
        <v>117</v>
      </c>
      <c r="D3763" t="s">
        <v>118</v>
      </c>
      <c r="E3763">
        <v>2018</v>
      </c>
      <c r="F3763">
        <v>2018</v>
      </c>
      <c r="G3763" t="s">
        <v>126</v>
      </c>
      <c r="H3763" t="s">
        <v>124</v>
      </c>
      <c r="I3763" t="s">
        <v>15</v>
      </c>
      <c r="J3763" s="10">
        <v>1.6077389470000001</v>
      </c>
    </row>
    <row r="3764" spans="1:10" x14ac:dyDescent="0.35">
      <c r="A3764" t="s">
        <v>22</v>
      </c>
      <c r="B3764" t="s">
        <v>23</v>
      </c>
      <c r="C3764" t="s">
        <v>117</v>
      </c>
      <c r="D3764" t="s">
        <v>118</v>
      </c>
      <c r="E3764">
        <v>2017</v>
      </c>
      <c r="F3764">
        <v>2017</v>
      </c>
      <c r="G3764" t="s">
        <v>14</v>
      </c>
      <c r="H3764" t="s">
        <v>119</v>
      </c>
      <c r="I3764" t="s">
        <v>15</v>
      </c>
      <c r="J3764" s="10">
        <v>19.418240820000001</v>
      </c>
    </row>
    <row r="3765" spans="1:10" x14ac:dyDescent="0.35">
      <c r="A3765" t="s">
        <v>22</v>
      </c>
      <c r="B3765" t="s">
        <v>23</v>
      </c>
      <c r="C3765" t="s">
        <v>117</v>
      </c>
      <c r="D3765" t="s">
        <v>118</v>
      </c>
      <c r="E3765">
        <v>2017</v>
      </c>
      <c r="F3765">
        <v>2017</v>
      </c>
      <c r="G3765" t="s">
        <v>14</v>
      </c>
      <c r="H3765" t="s">
        <v>120</v>
      </c>
      <c r="I3765" t="s">
        <v>15</v>
      </c>
      <c r="J3765" s="10">
        <v>11.17278943</v>
      </c>
    </row>
    <row r="3766" spans="1:10" x14ac:dyDescent="0.35">
      <c r="A3766" t="s">
        <v>22</v>
      </c>
      <c r="B3766" t="s">
        <v>23</v>
      </c>
      <c r="C3766" t="s">
        <v>117</v>
      </c>
      <c r="D3766" t="s">
        <v>118</v>
      </c>
      <c r="E3766">
        <v>2017</v>
      </c>
      <c r="F3766">
        <v>2017</v>
      </c>
      <c r="G3766" t="s">
        <v>14</v>
      </c>
      <c r="H3766" t="s">
        <v>121</v>
      </c>
      <c r="I3766" t="s">
        <v>15</v>
      </c>
      <c r="J3766" s="10">
        <v>33.686406300000002</v>
      </c>
    </row>
    <row r="3767" spans="1:10" x14ac:dyDescent="0.35">
      <c r="A3767" t="s">
        <v>22</v>
      </c>
      <c r="B3767" t="s">
        <v>23</v>
      </c>
      <c r="C3767" t="s">
        <v>117</v>
      </c>
      <c r="D3767" t="s">
        <v>118</v>
      </c>
      <c r="E3767">
        <v>2017</v>
      </c>
      <c r="F3767">
        <v>2017</v>
      </c>
      <c r="G3767" t="s">
        <v>14</v>
      </c>
      <c r="H3767" t="s">
        <v>122</v>
      </c>
      <c r="I3767" t="s">
        <v>15</v>
      </c>
      <c r="J3767" s="10">
        <v>20.502955149999998</v>
      </c>
    </row>
    <row r="3768" spans="1:10" x14ac:dyDescent="0.35">
      <c r="A3768" t="s">
        <v>22</v>
      </c>
      <c r="B3768" t="s">
        <v>23</v>
      </c>
      <c r="C3768" t="s">
        <v>117</v>
      </c>
      <c r="D3768" t="s">
        <v>118</v>
      </c>
      <c r="E3768">
        <v>2017</v>
      </c>
      <c r="F3768">
        <v>2017</v>
      </c>
      <c r="G3768" t="s">
        <v>14</v>
      </c>
      <c r="H3768" t="s">
        <v>123</v>
      </c>
      <c r="I3768" t="s">
        <v>15</v>
      </c>
      <c r="J3768" s="10">
        <v>13.951790470000001</v>
      </c>
    </row>
    <row r="3769" spans="1:10" x14ac:dyDescent="0.35">
      <c r="A3769" t="s">
        <v>22</v>
      </c>
      <c r="B3769" t="s">
        <v>23</v>
      </c>
      <c r="C3769" t="s">
        <v>117</v>
      </c>
      <c r="D3769" t="s">
        <v>118</v>
      </c>
      <c r="E3769">
        <v>2017</v>
      </c>
      <c r="F3769">
        <v>2017</v>
      </c>
      <c r="G3769" t="s">
        <v>14</v>
      </c>
      <c r="H3769" t="s">
        <v>124</v>
      </c>
      <c r="I3769" t="s">
        <v>15</v>
      </c>
      <c r="J3769" s="10">
        <v>1.267817824</v>
      </c>
    </row>
    <row r="3770" spans="1:10" x14ac:dyDescent="0.35">
      <c r="A3770" t="s">
        <v>22</v>
      </c>
      <c r="B3770" t="s">
        <v>23</v>
      </c>
      <c r="C3770" t="s">
        <v>117</v>
      </c>
      <c r="D3770" t="s">
        <v>118</v>
      </c>
      <c r="E3770">
        <v>2017</v>
      </c>
      <c r="F3770">
        <v>2017</v>
      </c>
      <c r="G3770" t="s">
        <v>125</v>
      </c>
      <c r="H3770" t="s">
        <v>119</v>
      </c>
      <c r="I3770" t="s">
        <v>15</v>
      </c>
      <c r="J3770" s="10">
        <v>20.024587449999999</v>
      </c>
    </row>
    <row r="3771" spans="1:10" x14ac:dyDescent="0.35">
      <c r="A3771" t="s">
        <v>22</v>
      </c>
      <c r="B3771" t="s">
        <v>23</v>
      </c>
      <c r="C3771" t="s">
        <v>117</v>
      </c>
      <c r="D3771" t="s">
        <v>118</v>
      </c>
      <c r="E3771">
        <v>2017</v>
      </c>
      <c r="F3771">
        <v>2017</v>
      </c>
      <c r="G3771" t="s">
        <v>125</v>
      </c>
      <c r="H3771" t="s">
        <v>120</v>
      </c>
      <c r="I3771" t="s">
        <v>15</v>
      </c>
      <c r="J3771" s="10">
        <v>11.96983309</v>
      </c>
    </row>
    <row r="3772" spans="1:10" x14ac:dyDescent="0.35">
      <c r="A3772" t="s">
        <v>22</v>
      </c>
      <c r="B3772" t="s">
        <v>23</v>
      </c>
      <c r="C3772" t="s">
        <v>117</v>
      </c>
      <c r="D3772" t="s">
        <v>118</v>
      </c>
      <c r="E3772">
        <v>2017</v>
      </c>
      <c r="F3772">
        <v>2017</v>
      </c>
      <c r="G3772" t="s">
        <v>125</v>
      </c>
      <c r="H3772" t="s">
        <v>121</v>
      </c>
      <c r="I3772" t="s">
        <v>15</v>
      </c>
      <c r="J3772" s="10">
        <v>33.61861081</v>
      </c>
    </row>
    <row r="3773" spans="1:10" x14ac:dyDescent="0.35">
      <c r="A3773" t="s">
        <v>22</v>
      </c>
      <c r="B3773" t="s">
        <v>23</v>
      </c>
      <c r="C3773" t="s">
        <v>117</v>
      </c>
      <c r="D3773" t="s">
        <v>118</v>
      </c>
      <c r="E3773">
        <v>2017</v>
      </c>
      <c r="F3773">
        <v>2017</v>
      </c>
      <c r="G3773" t="s">
        <v>125</v>
      </c>
      <c r="H3773" t="s">
        <v>122</v>
      </c>
      <c r="I3773" t="s">
        <v>15</v>
      </c>
      <c r="J3773" s="10">
        <v>20.216085870000001</v>
      </c>
    </row>
    <row r="3774" spans="1:10" x14ac:dyDescent="0.35">
      <c r="A3774" t="s">
        <v>22</v>
      </c>
      <c r="B3774" t="s">
        <v>23</v>
      </c>
      <c r="C3774" t="s">
        <v>117</v>
      </c>
      <c r="D3774" t="s">
        <v>118</v>
      </c>
      <c r="E3774">
        <v>2017</v>
      </c>
      <c r="F3774">
        <v>2017</v>
      </c>
      <c r="G3774" t="s">
        <v>125</v>
      </c>
      <c r="H3774" t="s">
        <v>123</v>
      </c>
      <c r="I3774" t="s">
        <v>15</v>
      </c>
      <c r="J3774" s="10">
        <v>13.225211590000001</v>
      </c>
    </row>
    <row r="3775" spans="1:10" x14ac:dyDescent="0.35">
      <c r="A3775" t="s">
        <v>22</v>
      </c>
      <c r="B3775" t="s">
        <v>23</v>
      </c>
      <c r="C3775" t="s">
        <v>117</v>
      </c>
      <c r="D3775" t="s">
        <v>118</v>
      </c>
      <c r="E3775">
        <v>2017</v>
      </c>
      <c r="F3775">
        <v>2017</v>
      </c>
      <c r="G3775" t="s">
        <v>125</v>
      </c>
      <c r="H3775" t="s">
        <v>124</v>
      </c>
      <c r="I3775" t="s">
        <v>15</v>
      </c>
      <c r="J3775" s="10">
        <v>0.94567118999999999</v>
      </c>
    </row>
    <row r="3776" spans="1:10" x14ac:dyDescent="0.35">
      <c r="A3776" t="s">
        <v>22</v>
      </c>
      <c r="B3776" t="s">
        <v>23</v>
      </c>
      <c r="C3776" t="s">
        <v>117</v>
      </c>
      <c r="D3776" t="s">
        <v>118</v>
      </c>
      <c r="E3776">
        <v>2017</v>
      </c>
      <c r="F3776">
        <v>2017</v>
      </c>
      <c r="G3776" t="s">
        <v>126</v>
      </c>
      <c r="H3776" t="s">
        <v>119</v>
      </c>
      <c r="I3776" t="s">
        <v>15</v>
      </c>
      <c r="J3776" s="10">
        <v>18.835242770000001</v>
      </c>
    </row>
    <row r="3777" spans="1:10" x14ac:dyDescent="0.35">
      <c r="A3777" t="s">
        <v>22</v>
      </c>
      <c r="B3777" t="s">
        <v>23</v>
      </c>
      <c r="C3777" t="s">
        <v>117</v>
      </c>
      <c r="D3777" t="s">
        <v>118</v>
      </c>
      <c r="E3777">
        <v>2017</v>
      </c>
      <c r="F3777">
        <v>2017</v>
      </c>
      <c r="G3777" t="s">
        <v>126</v>
      </c>
      <c r="H3777" t="s">
        <v>120</v>
      </c>
      <c r="I3777" t="s">
        <v>15</v>
      </c>
      <c r="J3777" s="10">
        <v>10.40643753</v>
      </c>
    </row>
    <row r="3778" spans="1:10" x14ac:dyDescent="0.35">
      <c r="A3778" t="s">
        <v>22</v>
      </c>
      <c r="B3778" t="s">
        <v>23</v>
      </c>
      <c r="C3778" t="s">
        <v>117</v>
      </c>
      <c r="D3778" t="s">
        <v>118</v>
      </c>
      <c r="E3778">
        <v>2017</v>
      </c>
      <c r="F3778">
        <v>2017</v>
      </c>
      <c r="G3778" t="s">
        <v>126</v>
      </c>
      <c r="H3778" t="s">
        <v>121</v>
      </c>
      <c r="I3778" t="s">
        <v>15</v>
      </c>
      <c r="J3778" s="10">
        <v>33.7515912</v>
      </c>
    </row>
    <row r="3779" spans="1:10" x14ac:dyDescent="0.35">
      <c r="A3779" t="s">
        <v>22</v>
      </c>
      <c r="B3779" t="s">
        <v>23</v>
      </c>
      <c r="C3779" t="s">
        <v>117</v>
      </c>
      <c r="D3779" t="s">
        <v>118</v>
      </c>
      <c r="E3779">
        <v>2017</v>
      </c>
      <c r="F3779">
        <v>2017</v>
      </c>
      <c r="G3779" t="s">
        <v>126</v>
      </c>
      <c r="H3779" t="s">
        <v>122</v>
      </c>
      <c r="I3779" t="s">
        <v>15</v>
      </c>
      <c r="J3779" s="10">
        <v>20.778777959999999</v>
      </c>
    </row>
    <row r="3780" spans="1:10" x14ac:dyDescent="0.35">
      <c r="A3780" t="s">
        <v>22</v>
      </c>
      <c r="B3780" t="s">
        <v>23</v>
      </c>
      <c r="C3780" t="s">
        <v>117</v>
      </c>
      <c r="D3780" t="s">
        <v>118</v>
      </c>
      <c r="E3780">
        <v>2017</v>
      </c>
      <c r="F3780">
        <v>2017</v>
      </c>
      <c r="G3780" t="s">
        <v>126</v>
      </c>
      <c r="H3780" t="s">
        <v>123</v>
      </c>
      <c r="I3780" t="s">
        <v>15</v>
      </c>
      <c r="J3780" s="10">
        <v>14.650390979999999</v>
      </c>
    </row>
    <row r="3781" spans="1:10" x14ac:dyDescent="0.35">
      <c r="A3781" t="s">
        <v>22</v>
      </c>
      <c r="B3781" t="s">
        <v>23</v>
      </c>
      <c r="C3781" t="s">
        <v>117</v>
      </c>
      <c r="D3781" t="s">
        <v>118</v>
      </c>
      <c r="E3781">
        <v>2017</v>
      </c>
      <c r="F3781">
        <v>2017</v>
      </c>
      <c r="G3781" t="s">
        <v>126</v>
      </c>
      <c r="H3781" t="s">
        <v>124</v>
      </c>
      <c r="I3781" t="s">
        <v>15</v>
      </c>
      <c r="J3781" s="10">
        <v>1.577559556</v>
      </c>
    </row>
    <row r="3782" spans="1:10" x14ac:dyDescent="0.35">
      <c r="A3782" t="s">
        <v>22</v>
      </c>
      <c r="B3782" t="s">
        <v>23</v>
      </c>
      <c r="C3782" t="s">
        <v>117</v>
      </c>
      <c r="D3782" t="s">
        <v>118</v>
      </c>
      <c r="E3782">
        <v>2016</v>
      </c>
      <c r="F3782">
        <v>2016</v>
      </c>
      <c r="G3782" t="s">
        <v>14</v>
      </c>
      <c r="H3782" t="s">
        <v>119</v>
      </c>
      <c r="I3782" t="s">
        <v>15</v>
      </c>
      <c r="J3782" s="10">
        <v>19.63247943</v>
      </c>
    </row>
    <row r="3783" spans="1:10" x14ac:dyDescent="0.35">
      <c r="A3783" t="s">
        <v>22</v>
      </c>
      <c r="B3783" t="s">
        <v>23</v>
      </c>
      <c r="C3783" t="s">
        <v>117</v>
      </c>
      <c r="D3783" t="s">
        <v>118</v>
      </c>
      <c r="E3783">
        <v>2016</v>
      </c>
      <c r="F3783">
        <v>2016</v>
      </c>
      <c r="G3783" t="s">
        <v>14</v>
      </c>
      <c r="H3783" t="s">
        <v>120</v>
      </c>
      <c r="I3783" t="s">
        <v>15</v>
      </c>
      <c r="J3783" s="10">
        <v>11.306894789999999</v>
      </c>
    </row>
    <row r="3784" spans="1:10" x14ac:dyDescent="0.35">
      <c r="A3784" t="s">
        <v>22</v>
      </c>
      <c r="B3784" t="s">
        <v>23</v>
      </c>
      <c r="C3784" t="s">
        <v>117</v>
      </c>
      <c r="D3784" t="s">
        <v>118</v>
      </c>
      <c r="E3784">
        <v>2016</v>
      </c>
      <c r="F3784">
        <v>2016</v>
      </c>
      <c r="G3784" t="s">
        <v>14</v>
      </c>
      <c r="H3784" t="s">
        <v>121</v>
      </c>
      <c r="I3784" t="s">
        <v>15</v>
      </c>
      <c r="J3784" s="10">
        <v>33.97531266</v>
      </c>
    </row>
    <row r="3785" spans="1:10" x14ac:dyDescent="0.35">
      <c r="A3785" t="s">
        <v>22</v>
      </c>
      <c r="B3785" t="s">
        <v>23</v>
      </c>
      <c r="C3785" t="s">
        <v>117</v>
      </c>
      <c r="D3785" t="s">
        <v>118</v>
      </c>
      <c r="E3785">
        <v>2016</v>
      </c>
      <c r="F3785">
        <v>2016</v>
      </c>
      <c r="G3785" t="s">
        <v>14</v>
      </c>
      <c r="H3785" t="s">
        <v>122</v>
      </c>
      <c r="I3785" t="s">
        <v>15</v>
      </c>
      <c r="J3785" s="10">
        <v>20.24617602</v>
      </c>
    </row>
    <row r="3786" spans="1:10" x14ac:dyDescent="0.35">
      <c r="A3786" t="s">
        <v>22</v>
      </c>
      <c r="B3786" t="s">
        <v>23</v>
      </c>
      <c r="C3786" t="s">
        <v>117</v>
      </c>
      <c r="D3786" t="s">
        <v>118</v>
      </c>
      <c r="E3786">
        <v>2016</v>
      </c>
      <c r="F3786">
        <v>2016</v>
      </c>
      <c r="G3786" t="s">
        <v>14</v>
      </c>
      <c r="H3786" t="s">
        <v>123</v>
      </c>
      <c r="I3786" t="s">
        <v>15</v>
      </c>
      <c r="J3786" s="10">
        <v>13.67915756</v>
      </c>
    </row>
    <row r="3787" spans="1:10" x14ac:dyDescent="0.35">
      <c r="A3787" t="s">
        <v>22</v>
      </c>
      <c r="B3787" t="s">
        <v>23</v>
      </c>
      <c r="C3787" t="s">
        <v>117</v>
      </c>
      <c r="D3787" t="s">
        <v>118</v>
      </c>
      <c r="E3787">
        <v>2016</v>
      </c>
      <c r="F3787">
        <v>2016</v>
      </c>
      <c r="G3787" t="s">
        <v>14</v>
      </c>
      <c r="H3787" t="s">
        <v>124</v>
      </c>
      <c r="I3787" t="s">
        <v>15</v>
      </c>
      <c r="J3787" s="10">
        <v>1.1599795429999999</v>
      </c>
    </row>
    <row r="3788" spans="1:10" x14ac:dyDescent="0.35">
      <c r="A3788" t="s">
        <v>22</v>
      </c>
      <c r="B3788" t="s">
        <v>23</v>
      </c>
      <c r="C3788" t="s">
        <v>117</v>
      </c>
      <c r="D3788" t="s">
        <v>118</v>
      </c>
      <c r="E3788">
        <v>2016</v>
      </c>
      <c r="F3788">
        <v>2016</v>
      </c>
      <c r="G3788" t="s">
        <v>125</v>
      </c>
      <c r="H3788" t="s">
        <v>119</v>
      </c>
      <c r="I3788" t="s">
        <v>15</v>
      </c>
      <c r="J3788" s="10">
        <v>20.337818630000001</v>
      </c>
    </row>
    <row r="3789" spans="1:10" x14ac:dyDescent="0.35">
      <c r="A3789" t="s">
        <v>22</v>
      </c>
      <c r="B3789" t="s">
        <v>23</v>
      </c>
      <c r="C3789" t="s">
        <v>117</v>
      </c>
      <c r="D3789" t="s">
        <v>118</v>
      </c>
      <c r="E3789">
        <v>2016</v>
      </c>
      <c r="F3789">
        <v>2016</v>
      </c>
      <c r="G3789" t="s">
        <v>125</v>
      </c>
      <c r="H3789" t="s">
        <v>120</v>
      </c>
      <c r="I3789" t="s">
        <v>15</v>
      </c>
      <c r="J3789" s="10">
        <v>12.04396854</v>
      </c>
    </row>
    <row r="3790" spans="1:10" x14ac:dyDescent="0.35">
      <c r="A3790" t="s">
        <v>22</v>
      </c>
      <c r="B3790" t="s">
        <v>23</v>
      </c>
      <c r="C3790" t="s">
        <v>117</v>
      </c>
      <c r="D3790" t="s">
        <v>118</v>
      </c>
      <c r="E3790">
        <v>2016</v>
      </c>
      <c r="F3790">
        <v>2016</v>
      </c>
      <c r="G3790" t="s">
        <v>125</v>
      </c>
      <c r="H3790" t="s">
        <v>121</v>
      </c>
      <c r="I3790" t="s">
        <v>15</v>
      </c>
      <c r="J3790" s="10">
        <v>33.786600970000002</v>
      </c>
    </row>
    <row r="3791" spans="1:10" x14ac:dyDescent="0.35">
      <c r="A3791" t="s">
        <v>22</v>
      </c>
      <c r="B3791" t="s">
        <v>23</v>
      </c>
      <c r="C3791" t="s">
        <v>117</v>
      </c>
      <c r="D3791" t="s">
        <v>118</v>
      </c>
      <c r="E3791">
        <v>2016</v>
      </c>
      <c r="F3791">
        <v>2016</v>
      </c>
      <c r="G3791" t="s">
        <v>125</v>
      </c>
      <c r="H3791" t="s">
        <v>122</v>
      </c>
      <c r="I3791" t="s">
        <v>15</v>
      </c>
      <c r="J3791" s="10">
        <v>19.944565529999998</v>
      </c>
    </row>
    <row r="3792" spans="1:10" x14ac:dyDescent="0.35">
      <c r="A3792" t="s">
        <v>22</v>
      </c>
      <c r="B3792" t="s">
        <v>23</v>
      </c>
      <c r="C3792" t="s">
        <v>117</v>
      </c>
      <c r="D3792" t="s">
        <v>118</v>
      </c>
      <c r="E3792">
        <v>2016</v>
      </c>
      <c r="F3792">
        <v>2016</v>
      </c>
      <c r="G3792" t="s">
        <v>125</v>
      </c>
      <c r="H3792" t="s">
        <v>123</v>
      </c>
      <c r="I3792" t="s">
        <v>15</v>
      </c>
      <c r="J3792" s="10">
        <v>13.01525633</v>
      </c>
    </row>
    <row r="3793" spans="1:10" x14ac:dyDescent="0.35">
      <c r="A3793" t="s">
        <v>22</v>
      </c>
      <c r="B3793" t="s">
        <v>23</v>
      </c>
      <c r="C3793" t="s">
        <v>117</v>
      </c>
      <c r="D3793" t="s">
        <v>118</v>
      </c>
      <c r="E3793">
        <v>2016</v>
      </c>
      <c r="F3793">
        <v>2016</v>
      </c>
      <c r="G3793" t="s">
        <v>125</v>
      </c>
      <c r="H3793" t="s">
        <v>124</v>
      </c>
      <c r="I3793" t="s">
        <v>15</v>
      </c>
      <c r="J3793" s="10">
        <v>0.87179001199999995</v>
      </c>
    </row>
    <row r="3794" spans="1:10" x14ac:dyDescent="0.35">
      <c r="A3794" t="s">
        <v>22</v>
      </c>
      <c r="B3794" t="s">
        <v>23</v>
      </c>
      <c r="C3794" t="s">
        <v>117</v>
      </c>
      <c r="D3794" t="s">
        <v>118</v>
      </c>
      <c r="E3794">
        <v>2016</v>
      </c>
      <c r="F3794">
        <v>2016</v>
      </c>
      <c r="G3794" t="s">
        <v>126</v>
      </c>
      <c r="H3794" t="s">
        <v>119</v>
      </c>
      <c r="I3794" t="s">
        <v>15</v>
      </c>
      <c r="J3794" s="10">
        <v>18.95308507</v>
      </c>
    </row>
    <row r="3795" spans="1:10" x14ac:dyDescent="0.35">
      <c r="A3795" t="s">
        <v>22</v>
      </c>
      <c r="B3795" t="s">
        <v>23</v>
      </c>
      <c r="C3795" t="s">
        <v>117</v>
      </c>
      <c r="D3795" t="s">
        <v>118</v>
      </c>
      <c r="E3795">
        <v>2016</v>
      </c>
      <c r="F3795">
        <v>2016</v>
      </c>
      <c r="G3795" t="s">
        <v>126</v>
      </c>
      <c r="H3795" t="s">
        <v>120</v>
      </c>
      <c r="I3795" t="s">
        <v>15</v>
      </c>
      <c r="J3795" s="10">
        <v>10.59693319</v>
      </c>
    </row>
    <row r="3796" spans="1:10" x14ac:dyDescent="0.35">
      <c r="A3796" t="s">
        <v>22</v>
      </c>
      <c r="B3796" t="s">
        <v>23</v>
      </c>
      <c r="C3796" t="s">
        <v>117</v>
      </c>
      <c r="D3796" t="s">
        <v>118</v>
      </c>
      <c r="E3796">
        <v>2016</v>
      </c>
      <c r="F3796">
        <v>2016</v>
      </c>
      <c r="G3796" t="s">
        <v>126</v>
      </c>
      <c r="H3796" t="s">
        <v>121</v>
      </c>
      <c r="I3796" t="s">
        <v>15</v>
      </c>
      <c r="J3796" s="10">
        <v>34.157082879999997</v>
      </c>
    </row>
    <row r="3797" spans="1:10" x14ac:dyDescent="0.35">
      <c r="A3797" t="s">
        <v>22</v>
      </c>
      <c r="B3797" t="s">
        <v>23</v>
      </c>
      <c r="C3797" t="s">
        <v>117</v>
      </c>
      <c r="D3797" t="s">
        <v>118</v>
      </c>
      <c r="E3797">
        <v>2016</v>
      </c>
      <c r="F3797">
        <v>2016</v>
      </c>
      <c r="G3797" t="s">
        <v>126</v>
      </c>
      <c r="H3797" t="s">
        <v>122</v>
      </c>
      <c r="I3797" t="s">
        <v>15</v>
      </c>
      <c r="J3797" s="10">
        <v>20.536692219999999</v>
      </c>
    </row>
    <row r="3798" spans="1:10" x14ac:dyDescent="0.35">
      <c r="A3798" t="s">
        <v>22</v>
      </c>
      <c r="B3798" t="s">
        <v>23</v>
      </c>
      <c r="C3798" t="s">
        <v>117</v>
      </c>
      <c r="D3798" t="s">
        <v>118</v>
      </c>
      <c r="E3798">
        <v>2016</v>
      </c>
      <c r="F3798">
        <v>2016</v>
      </c>
      <c r="G3798" t="s">
        <v>126</v>
      </c>
      <c r="H3798" t="s">
        <v>123</v>
      </c>
      <c r="I3798" t="s">
        <v>15</v>
      </c>
      <c r="J3798" s="10">
        <v>14.31863819</v>
      </c>
    </row>
    <row r="3799" spans="1:10" x14ac:dyDescent="0.35">
      <c r="A3799" t="s">
        <v>22</v>
      </c>
      <c r="B3799" t="s">
        <v>23</v>
      </c>
      <c r="C3799" t="s">
        <v>117</v>
      </c>
      <c r="D3799" t="s">
        <v>118</v>
      </c>
      <c r="E3799">
        <v>2016</v>
      </c>
      <c r="F3799">
        <v>2016</v>
      </c>
      <c r="G3799" t="s">
        <v>126</v>
      </c>
      <c r="H3799" t="s">
        <v>124</v>
      </c>
      <c r="I3799" t="s">
        <v>15</v>
      </c>
      <c r="J3799" s="10">
        <v>1.4375684559999999</v>
      </c>
    </row>
    <row r="3800" spans="1:10" x14ac:dyDescent="0.35">
      <c r="A3800" t="s">
        <v>22</v>
      </c>
      <c r="B3800" t="s">
        <v>23</v>
      </c>
      <c r="C3800" t="s">
        <v>117</v>
      </c>
      <c r="D3800" t="s">
        <v>118</v>
      </c>
      <c r="E3800">
        <v>2015</v>
      </c>
      <c r="F3800">
        <v>2015</v>
      </c>
      <c r="G3800" t="s">
        <v>14</v>
      </c>
      <c r="H3800" t="s">
        <v>119</v>
      </c>
      <c r="I3800" t="s">
        <v>15</v>
      </c>
      <c r="J3800" s="10">
        <v>19.84533072</v>
      </c>
    </row>
    <row r="3801" spans="1:10" x14ac:dyDescent="0.35">
      <c r="A3801" t="s">
        <v>22</v>
      </c>
      <c r="B3801" t="s">
        <v>23</v>
      </c>
      <c r="C3801" t="s">
        <v>117</v>
      </c>
      <c r="D3801" t="s">
        <v>118</v>
      </c>
      <c r="E3801">
        <v>2015</v>
      </c>
      <c r="F3801">
        <v>2015</v>
      </c>
      <c r="G3801" t="s">
        <v>14</v>
      </c>
      <c r="H3801" t="s">
        <v>120</v>
      </c>
      <c r="I3801" t="s">
        <v>15</v>
      </c>
      <c r="J3801" s="10">
        <v>11.3875844</v>
      </c>
    </row>
    <row r="3802" spans="1:10" x14ac:dyDescent="0.35">
      <c r="A3802" t="s">
        <v>22</v>
      </c>
      <c r="B3802" t="s">
        <v>23</v>
      </c>
      <c r="C3802" t="s">
        <v>117</v>
      </c>
      <c r="D3802" t="s">
        <v>118</v>
      </c>
      <c r="E3802">
        <v>2015</v>
      </c>
      <c r="F3802">
        <v>2015</v>
      </c>
      <c r="G3802" t="s">
        <v>14</v>
      </c>
      <c r="H3802" t="s">
        <v>121</v>
      </c>
      <c r="I3802" t="s">
        <v>15</v>
      </c>
      <c r="J3802" s="10">
        <v>34.339150949999997</v>
      </c>
    </row>
    <row r="3803" spans="1:10" x14ac:dyDescent="0.35">
      <c r="A3803" t="s">
        <v>22</v>
      </c>
      <c r="B3803" t="s">
        <v>23</v>
      </c>
      <c r="C3803" t="s">
        <v>117</v>
      </c>
      <c r="D3803" t="s">
        <v>118</v>
      </c>
      <c r="E3803">
        <v>2015</v>
      </c>
      <c r="F3803">
        <v>2015</v>
      </c>
      <c r="G3803" t="s">
        <v>14</v>
      </c>
      <c r="H3803" t="s">
        <v>122</v>
      </c>
      <c r="I3803" t="s">
        <v>15</v>
      </c>
      <c r="J3803" s="10">
        <v>20.03107404</v>
      </c>
    </row>
    <row r="3804" spans="1:10" x14ac:dyDescent="0.35">
      <c r="A3804" t="s">
        <v>22</v>
      </c>
      <c r="B3804" t="s">
        <v>23</v>
      </c>
      <c r="C3804" t="s">
        <v>117</v>
      </c>
      <c r="D3804" t="s">
        <v>118</v>
      </c>
      <c r="E3804">
        <v>2015</v>
      </c>
      <c r="F3804">
        <v>2015</v>
      </c>
      <c r="G3804" t="s">
        <v>14</v>
      </c>
      <c r="H3804" t="s">
        <v>123</v>
      </c>
      <c r="I3804" t="s">
        <v>15</v>
      </c>
      <c r="J3804" s="10">
        <v>13.29641831</v>
      </c>
    </row>
    <row r="3805" spans="1:10" x14ac:dyDescent="0.35">
      <c r="A3805" t="s">
        <v>22</v>
      </c>
      <c r="B3805" t="s">
        <v>23</v>
      </c>
      <c r="C3805" t="s">
        <v>117</v>
      </c>
      <c r="D3805" t="s">
        <v>118</v>
      </c>
      <c r="E3805">
        <v>2015</v>
      </c>
      <c r="F3805">
        <v>2015</v>
      </c>
      <c r="G3805" t="s">
        <v>14</v>
      </c>
      <c r="H3805" t="s">
        <v>124</v>
      </c>
      <c r="I3805" t="s">
        <v>15</v>
      </c>
      <c r="J3805" s="10">
        <v>1.1004415780000001</v>
      </c>
    </row>
    <row r="3806" spans="1:10" x14ac:dyDescent="0.35">
      <c r="A3806" t="s">
        <v>22</v>
      </c>
      <c r="B3806" t="s">
        <v>23</v>
      </c>
      <c r="C3806" t="s">
        <v>117</v>
      </c>
      <c r="D3806" t="s">
        <v>118</v>
      </c>
      <c r="E3806">
        <v>2015</v>
      </c>
      <c r="F3806">
        <v>2015</v>
      </c>
      <c r="G3806" t="s">
        <v>125</v>
      </c>
      <c r="H3806" t="s">
        <v>119</v>
      </c>
      <c r="I3806" t="s">
        <v>15</v>
      </c>
      <c r="J3806" s="10">
        <v>20.563863229999999</v>
      </c>
    </row>
    <row r="3807" spans="1:10" x14ac:dyDescent="0.35">
      <c r="A3807" t="s">
        <v>22</v>
      </c>
      <c r="B3807" t="s">
        <v>23</v>
      </c>
      <c r="C3807" t="s">
        <v>117</v>
      </c>
      <c r="D3807" t="s">
        <v>118</v>
      </c>
      <c r="E3807">
        <v>2015</v>
      </c>
      <c r="F3807">
        <v>2015</v>
      </c>
      <c r="G3807" t="s">
        <v>125</v>
      </c>
      <c r="H3807" t="s">
        <v>120</v>
      </c>
      <c r="I3807" t="s">
        <v>15</v>
      </c>
      <c r="J3807" s="10">
        <v>12.25116678</v>
      </c>
    </row>
    <row r="3808" spans="1:10" x14ac:dyDescent="0.35">
      <c r="A3808" t="s">
        <v>22</v>
      </c>
      <c r="B3808" t="s">
        <v>23</v>
      </c>
      <c r="C3808" t="s">
        <v>117</v>
      </c>
      <c r="D3808" t="s">
        <v>118</v>
      </c>
      <c r="E3808">
        <v>2015</v>
      </c>
      <c r="F3808">
        <v>2015</v>
      </c>
      <c r="G3808" t="s">
        <v>125</v>
      </c>
      <c r="H3808" t="s">
        <v>121</v>
      </c>
      <c r="I3808" t="s">
        <v>15</v>
      </c>
      <c r="J3808" s="10">
        <v>33.972283070000003</v>
      </c>
    </row>
    <row r="3809" spans="1:10" x14ac:dyDescent="0.35">
      <c r="A3809" t="s">
        <v>22</v>
      </c>
      <c r="B3809" t="s">
        <v>23</v>
      </c>
      <c r="C3809" t="s">
        <v>117</v>
      </c>
      <c r="D3809" t="s">
        <v>118</v>
      </c>
      <c r="E3809">
        <v>2015</v>
      </c>
      <c r="F3809">
        <v>2015</v>
      </c>
      <c r="G3809" t="s">
        <v>125</v>
      </c>
      <c r="H3809" t="s">
        <v>122</v>
      </c>
      <c r="I3809" t="s">
        <v>15</v>
      </c>
      <c r="J3809" s="10">
        <v>19.804267070000002</v>
      </c>
    </row>
    <row r="3810" spans="1:10" x14ac:dyDescent="0.35">
      <c r="A3810" t="s">
        <v>22</v>
      </c>
      <c r="B3810" t="s">
        <v>23</v>
      </c>
      <c r="C3810" t="s">
        <v>117</v>
      </c>
      <c r="D3810" t="s">
        <v>118</v>
      </c>
      <c r="E3810">
        <v>2015</v>
      </c>
      <c r="F3810">
        <v>2015</v>
      </c>
      <c r="G3810" t="s">
        <v>125</v>
      </c>
      <c r="H3810" t="s">
        <v>123</v>
      </c>
      <c r="I3810" t="s">
        <v>15</v>
      </c>
      <c r="J3810" s="10">
        <v>12.60596247</v>
      </c>
    </row>
    <row r="3811" spans="1:10" x14ac:dyDescent="0.35">
      <c r="A3811" t="s">
        <v>22</v>
      </c>
      <c r="B3811" t="s">
        <v>23</v>
      </c>
      <c r="C3811" t="s">
        <v>117</v>
      </c>
      <c r="D3811" t="s">
        <v>118</v>
      </c>
      <c r="E3811">
        <v>2015</v>
      </c>
      <c r="F3811">
        <v>2015</v>
      </c>
      <c r="G3811" t="s">
        <v>125</v>
      </c>
      <c r="H3811" t="s">
        <v>124</v>
      </c>
      <c r="I3811" t="s">
        <v>15</v>
      </c>
      <c r="J3811" s="10">
        <v>0.80245737699999997</v>
      </c>
    </row>
    <row r="3812" spans="1:10" x14ac:dyDescent="0.35">
      <c r="A3812" t="s">
        <v>22</v>
      </c>
      <c r="B3812" t="s">
        <v>23</v>
      </c>
      <c r="C3812" t="s">
        <v>117</v>
      </c>
      <c r="D3812" t="s">
        <v>118</v>
      </c>
      <c r="E3812">
        <v>2015</v>
      </c>
      <c r="F3812">
        <v>2015</v>
      </c>
      <c r="G3812" t="s">
        <v>126</v>
      </c>
      <c r="H3812" t="s">
        <v>119</v>
      </c>
      <c r="I3812" t="s">
        <v>15</v>
      </c>
      <c r="J3812" s="10">
        <v>19.153327520000001</v>
      </c>
    </row>
    <row r="3813" spans="1:10" x14ac:dyDescent="0.35">
      <c r="A3813" t="s">
        <v>22</v>
      </c>
      <c r="B3813" t="s">
        <v>23</v>
      </c>
      <c r="C3813" t="s">
        <v>117</v>
      </c>
      <c r="D3813" t="s">
        <v>118</v>
      </c>
      <c r="E3813">
        <v>2015</v>
      </c>
      <c r="F3813">
        <v>2015</v>
      </c>
      <c r="G3813" t="s">
        <v>126</v>
      </c>
      <c r="H3813" t="s">
        <v>120</v>
      </c>
      <c r="I3813" t="s">
        <v>15</v>
      </c>
      <c r="J3813" s="10">
        <v>10.5558868</v>
      </c>
    </row>
    <row r="3814" spans="1:10" x14ac:dyDescent="0.35">
      <c r="A3814" t="s">
        <v>22</v>
      </c>
      <c r="B3814" t="s">
        <v>23</v>
      </c>
      <c r="C3814" t="s">
        <v>117</v>
      </c>
      <c r="D3814" t="s">
        <v>118</v>
      </c>
      <c r="E3814">
        <v>2015</v>
      </c>
      <c r="F3814">
        <v>2015</v>
      </c>
      <c r="G3814" t="s">
        <v>126</v>
      </c>
      <c r="H3814" t="s">
        <v>121</v>
      </c>
      <c r="I3814" t="s">
        <v>15</v>
      </c>
      <c r="J3814" s="10">
        <v>34.692473509999999</v>
      </c>
    </row>
    <row r="3815" spans="1:10" x14ac:dyDescent="0.35">
      <c r="A3815" t="s">
        <v>22</v>
      </c>
      <c r="B3815" t="s">
        <v>23</v>
      </c>
      <c r="C3815" t="s">
        <v>117</v>
      </c>
      <c r="D3815" t="s">
        <v>118</v>
      </c>
      <c r="E3815">
        <v>2015</v>
      </c>
      <c r="F3815">
        <v>2015</v>
      </c>
      <c r="G3815" t="s">
        <v>126</v>
      </c>
      <c r="H3815" t="s">
        <v>122</v>
      </c>
      <c r="I3815" t="s">
        <v>15</v>
      </c>
      <c r="J3815" s="10">
        <v>20.249506950000001</v>
      </c>
    </row>
    <row r="3816" spans="1:10" x14ac:dyDescent="0.35">
      <c r="A3816" t="s">
        <v>22</v>
      </c>
      <c r="B3816" t="s">
        <v>23</v>
      </c>
      <c r="C3816" t="s">
        <v>117</v>
      </c>
      <c r="D3816" t="s">
        <v>118</v>
      </c>
      <c r="E3816">
        <v>2015</v>
      </c>
      <c r="F3816">
        <v>2015</v>
      </c>
      <c r="G3816" t="s">
        <v>126</v>
      </c>
      <c r="H3816" t="s">
        <v>123</v>
      </c>
      <c r="I3816" t="s">
        <v>15</v>
      </c>
      <c r="J3816" s="10">
        <v>13.96138146</v>
      </c>
    </row>
    <row r="3817" spans="1:10" x14ac:dyDescent="0.35">
      <c r="A3817" t="s">
        <v>22</v>
      </c>
      <c r="B3817" t="s">
        <v>23</v>
      </c>
      <c r="C3817" t="s">
        <v>117</v>
      </c>
      <c r="D3817" t="s">
        <v>118</v>
      </c>
      <c r="E3817">
        <v>2015</v>
      </c>
      <c r="F3817">
        <v>2015</v>
      </c>
      <c r="G3817" t="s">
        <v>126</v>
      </c>
      <c r="H3817" t="s">
        <v>124</v>
      </c>
      <c r="I3817" t="s">
        <v>15</v>
      </c>
      <c r="J3817" s="10">
        <v>1.3874237490000001</v>
      </c>
    </row>
    <row r="3818" spans="1:10" x14ac:dyDescent="0.35">
      <c r="A3818" t="s">
        <v>22</v>
      </c>
      <c r="B3818" t="s">
        <v>23</v>
      </c>
      <c r="C3818" t="s">
        <v>117</v>
      </c>
      <c r="D3818" t="s">
        <v>118</v>
      </c>
      <c r="E3818">
        <v>2014</v>
      </c>
      <c r="F3818">
        <v>2014</v>
      </c>
      <c r="G3818" t="s">
        <v>14</v>
      </c>
      <c r="H3818" t="s">
        <v>119</v>
      </c>
      <c r="I3818" t="s">
        <v>15</v>
      </c>
      <c r="J3818" s="10">
        <v>20.174914829999999</v>
      </c>
    </row>
    <row r="3819" spans="1:10" x14ac:dyDescent="0.35">
      <c r="A3819" t="s">
        <v>22</v>
      </c>
      <c r="B3819" t="s">
        <v>23</v>
      </c>
      <c r="C3819" t="s">
        <v>117</v>
      </c>
      <c r="D3819" t="s">
        <v>118</v>
      </c>
      <c r="E3819">
        <v>2014</v>
      </c>
      <c r="F3819">
        <v>2014</v>
      </c>
      <c r="G3819" t="s">
        <v>14</v>
      </c>
      <c r="H3819" t="s">
        <v>120</v>
      </c>
      <c r="I3819" t="s">
        <v>15</v>
      </c>
      <c r="J3819" s="10">
        <v>11.378829919999999</v>
      </c>
    </row>
    <row r="3820" spans="1:10" x14ac:dyDescent="0.35">
      <c r="A3820" t="s">
        <v>22</v>
      </c>
      <c r="B3820" t="s">
        <v>23</v>
      </c>
      <c r="C3820" t="s">
        <v>117</v>
      </c>
      <c r="D3820" t="s">
        <v>118</v>
      </c>
      <c r="E3820">
        <v>2014</v>
      </c>
      <c r="F3820">
        <v>2014</v>
      </c>
      <c r="G3820" t="s">
        <v>14</v>
      </c>
      <c r="H3820" t="s">
        <v>121</v>
      </c>
      <c r="I3820" t="s">
        <v>15</v>
      </c>
      <c r="J3820" s="10">
        <v>34.782761409999999</v>
      </c>
    </row>
    <row r="3821" spans="1:10" x14ac:dyDescent="0.35">
      <c r="A3821" t="s">
        <v>22</v>
      </c>
      <c r="B3821" t="s">
        <v>23</v>
      </c>
      <c r="C3821" t="s">
        <v>117</v>
      </c>
      <c r="D3821" t="s">
        <v>118</v>
      </c>
      <c r="E3821">
        <v>2014</v>
      </c>
      <c r="F3821">
        <v>2014</v>
      </c>
      <c r="G3821" t="s">
        <v>14</v>
      </c>
      <c r="H3821" t="s">
        <v>122</v>
      </c>
      <c r="I3821" t="s">
        <v>15</v>
      </c>
      <c r="J3821" s="10">
        <v>19.68786953</v>
      </c>
    </row>
    <row r="3822" spans="1:10" x14ac:dyDescent="0.35">
      <c r="A3822" t="s">
        <v>22</v>
      </c>
      <c r="B3822" t="s">
        <v>23</v>
      </c>
      <c r="C3822" t="s">
        <v>117</v>
      </c>
      <c r="D3822" t="s">
        <v>118</v>
      </c>
      <c r="E3822">
        <v>2014</v>
      </c>
      <c r="F3822">
        <v>2014</v>
      </c>
      <c r="G3822" t="s">
        <v>14</v>
      </c>
      <c r="H3822" t="s">
        <v>123</v>
      </c>
      <c r="I3822" t="s">
        <v>15</v>
      </c>
      <c r="J3822" s="10">
        <v>12.87508927</v>
      </c>
    </row>
    <row r="3823" spans="1:10" x14ac:dyDescent="0.35">
      <c r="A3823" t="s">
        <v>22</v>
      </c>
      <c r="B3823" t="s">
        <v>23</v>
      </c>
      <c r="C3823" t="s">
        <v>117</v>
      </c>
      <c r="D3823" t="s">
        <v>118</v>
      </c>
      <c r="E3823">
        <v>2014</v>
      </c>
      <c r="F3823">
        <v>2014</v>
      </c>
      <c r="G3823" t="s">
        <v>14</v>
      </c>
      <c r="H3823" t="s">
        <v>124</v>
      </c>
      <c r="I3823" t="s">
        <v>15</v>
      </c>
      <c r="J3823" s="10">
        <v>1.1005350469999999</v>
      </c>
    </row>
    <row r="3824" spans="1:10" x14ac:dyDescent="0.35">
      <c r="A3824" t="s">
        <v>22</v>
      </c>
      <c r="B3824" t="s">
        <v>23</v>
      </c>
      <c r="C3824" t="s">
        <v>117</v>
      </c>
      <c r="D3824" t="s">
        <v>118</v>
      </c>
      <c r="E3824">
        <v>2014</v>
      </c>
      <c r="F3824">
        <v>2014</v>
      </c>
      <c r="G3824" t="s">
        <v>125</v>
      </c>
      <c r="H3824" t="s">
        <v>119</v>
      </c>
      <c r="I3824" t="s">
        <v>15</v>
      </c>
      <c r="J3824" s="10">
        <v>20.970553819999999</v>
      </c>
    </row>
    <row r="3825" spans="1:10" x14ac:dyDescent="0.35">
      <c r="A3825" t="s">
        <v>22</v>
      </c>
      <c r="B3825" t="s">
        <v>23</v>
      </c>
      <c r="C3825" t="s">
        <v>117</v>
      </c>
      <c r="D3825" t="s">
        <v>118</v>
      </c>
      <c r="E3825">
        <v>2014</v>
      </c>
      <c r="F3825">
        <v>2014</v>
      </c>
      <c r="G3825" t="s">
        <v>125</v>
      </c>
      <c r="H3825" t="s">
        <v>120</v>
      </c>
      <c r="I3825" t="s">
        <v>15</v>
      </c>
      <c r="J3825" s="10">
        <v>12.205956110000001</v>
      </c>
    </row>
    <row r="3826" spans="1:10" x14ac:dyDescent="0.35">
      <c r="A3826" t="s">
        <v>22</v>
      </c>
      <c r="B3826" t="s">
        <v>23</v>
      </c>
      <c r="C3826" t="s">
        <v>117</v>
      </c>
      <c r="D3826" t="s">
        <v>118</v>
      </c>
      <c r="E3826">
        <v>2014</v>
      </c>
      <c r="F3826">
        <v>2014</v>
      </c>
      <c r="G3826" t="s">
        <v>125</v>
      </c>
      <c r="H3826" t="s">
        <v>121</v>
      </c>
      <c r="I3826" t="s">
        <v>15</v>
      </c>
      <c r="J3826" s="10">
        <v>34.298951590000001</v>
      </c>
    </row>
    <row r="3827" spans="1:10" x14ac:dyDescent="0.35">
      <c r="A3827" t="s">
        <v>22</v>
      </c>
      <c r="B3827" t="s">
        <v>23</v>
      </c>
      <c r="C3827" t="s">
        <v>117</v>
      </c>
      <c r="D3827" t="s">
        <v>118</v>
      </c>
      <c r="E3827">
        <v>2014</v>
      </c>
      <c r="F3827">
        <v>2014</v>
      </c>
      <c r="G3827" t="s">
        <v>125</v>
      </c>
      <c r="H3827" t="s">
        <v>122</v>
      </c>
      <c r="I3827" t="s">
        <v>15</v>
      </c>
      <c r="J3827" s="10">
        <v>19.508991470000002</v>
      </c>
    </row>
    <row r="3828" spans="1:10" x14ac:dyDescent="0.35">
      <c r="A3828" t="s">
        <v>22</v>
      </c>
      <c r="B3828" t="s">
        <v>23</v>
      </c>
      <c r="C3828" t="s">
        <v>117</v>
      </c>
      <c r="D3828" t="s">
        <v>118</v>
      </c>
      <c r="E3828">
        <v>2014</v>
      </c>
      <c r="F3828">
        <v>2014</v>
      </c>
      <c r="G3828" t="s">
        <v>125</v>
      </c>
      <c r="H3828" t="s">
        <v>123</v>
      </c>
      <c r="I3828" t="s">
        <v>15</v>
      </c>
      <c r="J3828" s="10">
        <v>12.28715401</v>
      </c>
    </row>
    <row r="3829" spans="1:10" x14ac:dyDescent="0.35">
      <c r="A3829" t="s">
        <v>22</v>
      </c>
      <c r="B3829" t="s">
        <v>23</v>
      </c>
      <c r="C3829" t="s">
        <v>117</v>
      </c>
      <c r="D3829" t="s">
        <v>118</v>
      </c>
      <c r="E3829">
        <v>2014</v>
      </c>
      <c r="F3829">
        <v>2014</v>
      </c>
      <c r="G3829" t="s">
        <v>125</v>
      </c>
      <c r="H3829" t="s">
        <v>124</v>
      </c>
      <c r="I3829" t="s">
        <v>15</v>
      </c>
      <c r="J3829" s="10">
        <v>0.72839299800000001</v>
      </c>
    </row>
    <row r="3830" spans="1:10" x14ac:dyDescent="0.35">
      <c r="A3830" t="s">
        <v>22</v>
      </c>
      <c r="B3830" t="s">
        <v>23</v>
      </c>
      <c r="C3830" t="s">
        <v>117</v>
      </c>
      <c r="D3830" t="s">
        <v>118</v>
      </c>
      <c r="E3830">
        <v>2014</v>
      </c>
      <c r="F3830">
        <v>2014</v>
      </c>
      <c r="G3830" t="s">
        <v>126</v>
      </c>
      <c r="H3830" t="s">
        <v>119</v>
      </c>
      <c r="I3830" t="s">
        <v>15</v>
      </c>
      <c r="J3830" s="10">
        <v>19.409738170000001</v>
      </c>
    </row>
    <row r="3831" spans="1:10" x14ac:dyDescent="0.35">
      <c r="A3831" t="s">
        <v>22</v>
      </c>
      <c r="B3831" t="s">
        <v>23</v>
      </c>
      <c r="C3831" t="s">
        <v>117</v>
      </c>
      <c r="D3831" t="s">
        <v>118</v>
      </c>
      <c r="E3831">
        <v>2014</v>
      </c>
      <c r="F3831">
        <v>2014</v>
      </c>
      <c r="G3831" t="s">
        <v>126</v>
      </c>
      <c r="H3831" t="s">
        <v>120</v>
      </c>
      <c r="I3831" t="s">
        <v>15</v>
      </c>
      <c r="J3831" s="10">
        <v>10.58337161</v>
      </c>
    </row>
    <row r="3832" spans="1:10" x14ac:dyDescent="0.35">
      <c r="A3832" t="s">
        <v>22</v>
      </c>
      <c r="B3832" t="s">
        <v>23</v>
      </c>
      <c r="C3832" t="s">
        <v>117</v>
      </c>
      <c r="D3832" t="s">
        <v>118</v>
      </c>
      <c r="E3832">
        <v>2014</v>
      </c>
      <c r="F3832">
        <v>2014</v>
      </c>
      <c r="G3832" t="s">
        <v>126</v>
      </c>
      <c r="H3832" t="s">
        <v>121</v>
      </c>
      <c r="I3832" t="s">
        <v>15</v>
      </c>
      <c r="J3832" s="10">
        <v>35.248047769999999</v>
      </c>
    </row>
    <row r="3833" spans="1:10" x14ac:dyDescent="0.35">
      <c r="A3833" t="s">
        <v>22</v>
      </c>
      <c r="B3833" t="s">
        <v>23</v>
      </c>
      <c r="C3833" t="s">
        <v>117</v>
      </c>
      <c r="D3833" t="s">
        <v>118</v>
      </c>
      <c r="E3833">
        <v>2014</v>
      </c>
      <c r="F3833">
        <v>2014</v>
      </c>
      <c r="G3833" t="s">
        <v>126</v>
      </c>
      <c r="H3833" t="s">
        <v>122</v>
      </c>
      <c r="I3833" t="s">
        <v>15</v>
      </c>
      <c r="J3833" s="10">
        <v>19.859898940000001</v>
      </c>
    </row>
    <row r="3834" spans="1:10" x14ac:dyDescent="0.35">
      <c r="A3834" t="s">
        <v>22</v>
      </c>
      <c r="B3834" t="s">
        <v>23</v>
      </c>
      <c r="C3834" t="s">
        <v>117</v>
      </c>
      <c r="D3834" t="s">
        <v>118</v>
      </c>
      <c r="E3834">
        <v>2014</v>
      </c>
      <c r="F3834">
        <v>2014</v>
      </c>
      <c r="G3834" t="s">
        <v>126</v>
      </c>
      <c r="H3834" t="s">
        <v>123</v>
      </c>
      <c r="I3834" t="s">
        <v>15</v>
      </c>
      <c r="J3834" s="10">
        <v>13.44051447</v>
      </c>
    </row>
    <row r="3835" spans="1:10" x14ac:dyDescent="0.35">
      <c r="A3835" t="s">
        <v>22</v>
      </c>
      <c r="B3835" t="s">
        <v>23</v>
      </c>
      <c r="C3835" t="s">
        <v>117</v>
      </c>
      <c r="D3835" t="s">
        <v>118</v>
      </c>
      <c r="E3835">
        <v>2014</v>
      </c>
      <c r="F3835">
        <v>2014</v>
      </c>
      <c r="G3835" t="s">
        <v>126</v>
      </c>
      <c r="H3835" t="s">
        <v>124</v>
      </c>
      <c r="I3835" t="s">
        <v>15</v>
      </c>
      <c r="J3835" s="10">
        <v>1.4584290310000001</v>
      </c>
    </row>
    <row r="3836" spans="1:10" x14ac:dyDescent="0.35">
      <c r="A3836" t="s">
        <v>22</v>
      </c>
      <c r="B3836" t="s">
        <v>23</v>
      </c>
      <c r="C3836" t="s">
        <v>117</v>
      </c>
      <c r="D3836" t="s">
        <v>118</v>
      </c>
      <c r="E3836">
        <v>2013</v>
      </c>
      <c r="F3836">
        <v>2013</v>
      </c>
      <c r="G3836" t="s">
        <v>14</v>
      </c>
      <c r="H3836" t="s">
        <v>119</v>
      </c>
      <c r="I3836" t="s">
        <v>15</v>
      </c>
      <c r="J3836" s="10">
        <v>20.301131300000002</v>
      </c>
    </row>
    <row r="3837" spans="1:10" x14ac:dyDescent="0.35">
      <c r="A3837" t="s">
        <v>22</v>
      </c>
      <c r="B3837" t="s">
        <v>23</v>
      </c>
      <c r="C3837" t="s">
        <v>117</v>
      </c>
      <c r="D3837" t="s">
        <v>118</v>
      </c>
      <c r="E3837">
        <v>2013</v>
      </c>
      <c r="F3837">
        <v>2013</v>
      </c>
      <c r="G3837" t="s">
        <v>14</v>
      </c>
      <c r="H3837" t="s">
        <v>120</v>
      </c>
      <c r="I3837" t="s">
        <v>15</v>
      </c>
      <c r="J3837" s="10">
        <v>11.47021546</v>
      </c>
    </row>
    <row r="3838" spans="1:10" x14ac:dyDescent="0.35">
      <c r="A3838" t="s">
        <v>22</v>
      </c>
      <c r="B3838" t="s">
        <v>23</v>
      </c>
      <c r="C3838" t="s">
        <v>117</v>
      </c>
      <c r="D3838" t="s">
        <v>118</v>
      </c>
      <c r="E3838">
        <v>2013</v>
      </c>
      <c r="F3838">
        <v>2013</v>
      </c>
      <c r="G3838" t="s">
        <v>14</v>
      </c>
      <c r="H3838" t="s">
        <v>121</v>
      </c>
      <c r="I3838" t="s">
        <v>15</v>
      </c>
      <c r="J3838" s="10">
        <v>35.422241</v>
      </c>
    </row>
    <row r="3839" spans="1:10" x14ac:dyDescent="0.35">
      <c r="A3839" t="s">
        <v>22</v>
      </c>
      <c r="B3839" t="s">
        <v>23</v>
      </c>
      <c r="C3839" t="s">
        <v>117</v>
      </c>
      <c r="D3839" t="s">
        <v>118</v>
      </c>
      <c r="E3839">
        <v>2013</v>
      </c>
      <c r="F3839">
        <v>2013</v>
      </c>
      <c r="G3839" t="s">
        <v>14</v>
      </c>
      <c r="H3839" t="s">
        <v>122</v>
      </c>
      <c r="I3839" t="s">
        <v>15</v>
      </c>
      <c r="J3839" s="10">
        <v>19.410411679999999</v>
      </c>
    </row>
    <row r="3840" spans="1:10" x14ac:dyDescent="0.35">
      <c r="A3840" t="s">
        <v>22</v>
      </c>
      <c r="B3840" t="s">
        <v>23</v>
      </c>
      <c r="C3840" t="s">
        <v>117</v>
      </c>
      <c r="D3840" t="s">
        <v>118</v>
      </c>
      <c r="E3840">
        <v>2013</v>
      </c>
      <c r="F3840">
        <v>2013</v>
      </c>
      <c r="G3840" t="s">
        <v>14</v>
      </c>
      <c r="H3840" t="s">
        <v>123</v>
      </c>
      <c r="I3840" t="s">
        <v>15</v>
      </c>
      <c r="J3840" s="10">
        <v>12.371496970000001</v>
      </c>
    </row>
    <row r="3841" spans="1:10" x14ac:dyDescent="0.35">
      <c r="A3841" t="s">
        <v>22</v>
      </c>
      <c r="B3841" t="s">
        <v>23</v>
      </c>
      <c r="C3841" t="s">
        <v>117</v>
      </c>
      <c r="D3841" t="s">
        <v>118</v>
      </c>
      <c r="E3841">
        <v>2013</v>
      </c>
      <c r="F3841">
        <v>2013</v>
      </c>
      <c r="G3841" t="s">
        <v>14</v>
      </c>
      <c r="H3841" t="s">
        <v>124</v>
      </c>
      <c r="I3841" t="s">
        <v>15</v>
      </c>
      <c r="J3841" s="10">
        <v>1.024503591</v>
      </c>
    </row>
    <row r="3842" spans="1:10" x14ac:dyDescent="0.35">
      <c r="A3842" t="s">
        <v>22</v>
      </c>
      <c r="B3842" t="s">
        <v>23</v>
      </c>
      <c r="C3842" t="s">
        <v>117</v>
      </c>
      <c r="D3842" t="s">
        <v>118</v>
      </c>
      <c r="E3842">
        <v>2013</v>
      </c>
      <c r="F3842">
        <v>2013</v>
      </c>
      <c r="G3842" t="s">
        <v>125</v>
      </c>
      <c r="H3842" t="s">
        <v>119</v>
      </c>
      <c r="I3842" t="s">
        <v>15</v>
      </c>
      <c r="J3842" s="10">
        <v>20.994951069999999</v>
      </c>
    </row>
    <row r="3843" spans="1:10" x14ac:dyDescent="0.35">
      <c r="A3843" t="s">
        <v>22</v>
      </c>
      <c r="B3843" t="s">
        <v>23</v>
      </c>
      <c r="C3843" t="s">
        <v>117</v>
      </c>
      <c r="D3843" t="s">
        <v>118</v>
      </c>
      <c r="E3843">
        <v>2013</v>
      </c>
      <c r="F3843">
        <v>2013</v>
      </c>
      <c r="G3843" t="s">
        <v>125</v>
      </c>
      <c r="H3843" t="s">
        <v>120</v>
      </c>
      <c r="I3843" t="s">
        <v>15</v>
      </c>
      <c r="J3843" s="10">
        <v>12.227513099999999</v>
      </c>
    </row>
    <row r="3844" spans="1:10" x14ac:dyDescent="0.35">
      <c r="A3844" t="s">
        <v>22</v>
      </c>
      <c r="B3844" t="s">
        <v>23</v>
      </c>
      <c r="C3844" t="s">
        <v>117</v>
      </c>
      <c r="D3844" t="s">
        <v>118</v>
      </c>
      <c r="E3844">
        <v>2013</v>
      </c>
      <c r="F3844">
        <v>2013</v>
      </c>
      <c r="G3844" t="s">
        <v>125</v>
      </c>
      <c r="H3844" t="s">
        <v>121</v>
      </c>
      <c r="I3844" t="s">
        <v>15</v>
      </c>
      <c r="J3844" s="10">
        <v>35.029073250000003</v>
      </c>
    </row>
    <row r="3845" spans="1:10" x14ac:dyDescent="0.35">
      <c r="A3845" t="s">
        <v>22</v>
      </c>
      <c r="B3845" t="s">
        <v>23</v>
      </c>
      <c r="C3845" t="s">
        <v>117</v>
      </c>
      <c r="D3845" t="s">
        <v>118</v>
      </c>
      <c r="E3845">
        <v>2013</v>
      </c>
      <c r="F3845">
        <v>2013</v>
      </c>
      <c r="G3845" t="s">
        <v>125</v>
      </c>
      <c r="H3845" t="s">
        <v>122</v>
      </c>
      <c r="I3845" t="s">
        <v>15</v>
      </c>
      <c r="J3845" s="10">
        <v>19.298413530000001</v>
      </c>
    </row>
    <row r="3846" spans="1:10" x14ac:dyDescent="0.35">
      <c r="A3846" t="s">
        <v>22</v>
      </c>
      <c r="B3846" t="s">
        <v>23</v>
      </c>
      <c r="C3846" t="s">
        <v>117</v>
      </c>
      <c r="D3846" t="s">
        <v>118</v>
      </c>
      <c r="E3846">
        <v>2013</v>
      </c>
      <c r="F3846">
        <v>2013</v>
      </c>
      <c r="G3846" t="s">
        <v>125</v>
      </c>
      <c r="H3846" t="s">
        <v>123</v>
      </c>
      <c r="I3846" t="s">
        <v>15</v>
      </c>
      <c r="J3846" s="10">
        <v>11.77765548</v>
      </c>
    </row>
    <row r="3847" spans="1:10" x14ac:dyDescent="0.35">
      <c r="A3847" t="s">
        <v>22</v>
      </c>
      <c r="B3847" t="s">
        <v>23</v>
      </c>
      <c r="C3847" t="s">
        <v>117</v>
      </c>
      <c r="D3847" t="s">
        <v>118</v>
      </c>
      <c r="E3847">
        <v>2013</v>
      </c>
      <c r="F3847">
        <v>2013</v>
      </c>
      <c r="G3847" t="s">
        <v>125</v>
      </c>
      <c r="H3847" t="s">
        <v>124</v>
      </c>
      <c r="I3847" t="s">
        <v>15</v>
      </c>
      <c r="J3847" s="10">
        <v>0.67239357799999999</v>
      </c>
    </row>
    <row r="3848" spans="1:10" x14ac:dyDescent="0.35">
      <c r="A3848" t="s">
        <v>22</v>
      </c>
      <c r="B3848" t="s">
        <v>23</v>
      </c>
      <c r="C3848" t="s">
        <v>117</v>
      </c>
      <c r="D3848" t="s">
        <v>118</v>
      </c>
      <c r="E3848">
        <v>2013</v>
      </c>
      <c r="F3848">
        <v>2013</v>
      </c>
      <c r="G3848" t="s">
        <v>126</v>
      </c>
      <c r="H3848" t="s">
        <v>119</v>
      </c>
      <c r="I3848" t="s">
        <v>15</v>
      </c>
      <c r="J3848" s="10">
        <v>19.63335713</v>
      </c>
    </row>
    <row r="3849" spans="1:10" x14ac:dyDescent="0.35">
      <c r="A3849" t="s">
        <v>22</v>
      </c>
      <c r="B3849" t="s">
        <v>23</v>
      </c>
      <c r="C3849" t="s">
        <v>117</v>
      </c>
      <c r="D3849" t="s">
        <v>118</v>
      </c>
      <c r="E3849">
        <v>2013</v>
      </c>
      <c r="F3849">
        <v>2013</v>
      </c>
      <c r="G3849" t="s">
        <v>126</v>
      </c>
      <c r="H3849" t="s">
        <v>120</v>
      </c>
      <c r="I3849" t="s">
        <v>15</v>
      </c>
      <c r="J3849" s="10">
        <v>10.741346350000001</v>
      </c>
    </row>
    <row r="3850" spans="1:10" x14ac:dyDescent="0.35">
      <c r="A3850" t="s">
        <v>22</v>
      </c>
      <c r="B3850" t="s">
        <v>23</v>
      </c>
      <c r="C3850" t="s">
        <v>117</v>
      </c>
      <c r="D3850" t="s">
        <v>118</v>
      </c>
      <c r="E3850">
        <v>2013</v>
      </c>
      <c r="F3850">
        <v>2013</v>
      </c>
      <c r="G3850" t="s">
        <v>126</v>
      </c>
      <c r="H3850" t="s">
        <v>121</v>
      </c>
      <c r="I3850" t="s">
        <v>15</v>
      </c>
      <c r="J3850" s="10">
        <v>35.800649460000002</v>
      </c>
    </row>
    <row r="3851" spans="1:10" x14ac:dyDescent="0.35">
      <c r="A3851" t="s">
        <v>22</v>
      </c>
      <c r="B3851" t="s">
        <v>23</v>
      </c>
      <c r="C3851" t="s">
        <v>117</v>
      </c>
      <c r="D3851" t="s">
        <v>118</v>
      </c>
      <c r="E3851">
        <v>2013</v>
      </c>
      <c r="F3851">
        <v>2013</v>
      </c>
      <c r="G3851" t="s">
        <v>126</v>
      </c>
      <c r="H3851" t="s">
        <v>122</v>
      </c>
      <c r="I3851" t="s">
        <v>15</v>
      </c>
      <c r="J3851" s="10">
        <v>19.518205479999999</v>
      </c>
    </row>
    <row r="3852" spans="1:10" x14ac:dyDescent="0.35">
      <c r="A3852" t="s">
        <v>22</v>
      </c>
      <c r="B3852" t="s">
        <v>23</v>
      </c>
      <c r="C3852" t="s">
        <v>117</v>
      </c>
      <c r="D3852" t="s">
        <v>118</v>
      </c>
      <c r="E3852">
        <v>2013</v>
      </c>
      <c r="F3852">
        <v>2013</v>
      </c>
      <c r="G3852" t="s">
        <v>126</v>
      </c>
      <c r="H3852" t="s">
        <v>123</v>
      </c>
      <c r="I3852" t="s">
        <v>15</v>
      </c>
      <c r="J3852" s="10">
        <v>12.94304599</v>
      </c>
    </row>
    <row r="3853" spans="1:10" x14ac:dyDescent="0.35">
      <c r="A3853" t="s">
        <v>22</v>
      </c>
      <c r="B3853" t="s">
        <v>23</v>
      </c>
      <c r="C3853" t="s">
        <v>117</v>
      </c>
      <c r="D3853" t="s">
        <v>118</v>
      </c>
      <c r="E3853">
        <v>2013</v>
      </c>
      <c r="F3853">
        <v>2013</v>
      </c>
      <c r="G3853" t="s">
        <v>126</v>
      </c>
      <c r="H3853" t="s">
        <v>124</v>
      </c>
      <c r="I3853" t="s">
        <v>15</v>
      </c>
      <c r="J3853" s="10">
        <v>1.363395592</v>
      </c>
    </row>
    <row r="3854" spans="1:10" x14ac:dyDescent="0.35">
      <c r="A3854" t="s">
        <v>22</v>
      </c>
      <c r="B3854" t="s">
        <v>23</v>
      </c>
      <c r="C3854" t="s">
        <v>117</v>
      </c>
      <c r="D3854" t="s">
        <v>118</v>
      </c>
      <c r="E3854">
        <v>2012</v>
      </c>
      <c r="F3854">
        <v>2012</v>
      </c>
      <c r="G3854" t="s">
        <v>14</v>
      </c>
      <c r="H3854" t="s">
        <v>119</v>
      </c>
      <c r="I3854" t="s">
        <v>15</v>
      </c>
      <c r="J3854" s="10">
        <v>20.599588270000002</v>
      </c>
    </row>
    <row r="3855" spans="1:10" x14ac:dyDescent="0.35">
      <c r="A3855" t="s">
        <v>22</v>
      </c>
      <c r="B3855" t="s">
        <v>23</v>
      </c>
      <c r="C3855" t="s">
        <v>117</v>
      </c>
      <c r="D3855" t="s">
        <v>118</v>
      </c>
      <c r="E3855">
        <v>2012</v>
      </c>
      <c r="F3855">
        <v>2012</v>
      </c>
      <c r="G3855" t="s">
        <v>14</v>
      </c>
      <c r="H3855" t="s">
        <v>120</v>
      </c>
      <c r="I3855" t="s">
        <v>15</v>
      </c>
      <c r="J3855" s="10">
        <v>11.496982170000001</v>
      </c>
    </row>
    <row r="3856" spans="1:10" x14ac:dyDescent="0.35">
      <c r="A3856" t="s">
        <v>22</v>
      </c>
      <c r="B3856" t="s">
        <v>23</v>
      </c>
      <c r="C3856" t="s">
        <v>117</v>
      </c>
      <c r="D3856" t="s">
        <v>118</v>
      </c>
      <c r="E3856">
        <v>2012</v>
      </c>
      <c r="F3856">
        <v>2012</v>
      </c>
      <c r="G3856" t="s">
        <v>14</v>
      </c>
      <c r="H3856" t="s">
        <v>121</v>
      </c>
      <c r="I3856" t="s">
        <v>15</v>
      </c>
      <c r="J3856" s="10">
        <v>36.14724185</v>
      </c>
    </row>
    <row r="3857" spans="1:10" x14ac:dyDescent="0.35">
      <c r="A3857" t="s">
        <v>22</v>
      </c>
      <c r="B3857" t="s">
        <v>23</v>
      </c>
      <c r="C3857" t="s">
        <v>117</v>
      </c>
      <c r="D3857" t="s">
        <v>118</v>
      </c>
      <c r="E3857">
        <v>2012</v>
      </c>
      <c r="F3857">
        <v>2012</v>
      </c>
      <c r="G3857" t="s">
        <v>14</v>
      </c>
      <c r="H3857" t="s">
        <v>122</v>
      </c>
      <c r="I3857" t="s">
        <v>15</v>
      </c>
      <c r="J3857" s="10">
        <v>19.130444950000001</v>
      </c>
    </row>
    <row r="3858" spans="1:10" x14ac:dyDescent="0.35">
      <c r="A3858" t="s">
        <v>22</v>
      </c>
      <c r="B3858" t="s">
        <v>23</v>
      </c>
      <c r="C3858" t="s">
        <v>117</v>
      </c>
      <c r="D3858" t="s">
        <v>118</v>
      </c>
      <c r="E3858">
        <v>2012</v>
      </c>
      <c r="F3858">
        <v>2012</v>
      </c>
      <c r="G3858" t="s">
        <v>14</v>
      </c>
      <c r="H3858" t="s">
        <v>123</v>
      </c>
      <c r="I3858" t="s">
        <v>15</v>
      </c>
      <c r="J3858" s="10">
        <v>11.632667379999999</v>
      </c>
    </row>
    <row r="3859" spans="1:10" x14ac:dyDescent="0.35">
      <c r="A3859" t="s">
        <v>22</v>
      </c>
      <c r="B3859" t="s">
        <v>23</v>
      </c>
      <c r="C3859" t="s">
        <v>117</v>
      </c>
      <c r="D3859" t="s">
        <v>118</v>
      </c>
      <c r="E3859">
        <v>2012</v>
      </c>
      <c r="F3859">
        <v>2012</v>
      </c>
      <c r="G3859" t="s">
        <v>14</v>
      </c>
      <c r="H3859" t="s">
        <v>124</v>
      </c>
      <c r="I3859" t="s">
        <v>15</v>
      </c>
      <c r="J3859" s="10">
        <v>0.99307537499999998</v>
      </c>
    </row>
    <row r="3860" spans="1:10" x14ac:dyDescent="0.35">
      <c r="A3860" t="s">
        <v>22</v>
      </c>
      <c r="B3860" t="s">
        <v>23</v>
      </c>
      <c r="C3860" t="s">
        <v>117</v>
      </c>
      <c r="D3860" t="s">
        <v>118</v>
      </c>
      <c r="E3860">
        <v>2012</v>
      </c>
      <c r="F3860">
        <v>2012</v>
      </c>
      <c r="G3860" t="s">
        <v>125</v>
      </c>
      <c r="H3860" t="s">
        <v>119</v>
      </c>
      <c r="I3860" t="s">
        <v>15</v>
      </c>
      <c r="J3860" s="10">
        <v>21.30063509</v>
      </c>
    </row>
    <row r="3861" spans="1:10" x14ac:dyDescent="0.35">
      <c r="A3861" t="s">
        <v>22</v>
      </c>
      <c r="B3861" t="s">
        <v>23</v>
      </c>
      <c r="C3861" t="s">
        <v>117</v>
      </c>
      <c r="D3861" t="s">
        <v>118</v>
      </c>
      <c r="E3861">
        <v>2012</v>
      </c>
      <c r="F3861">
        <v>2012</v>
      </c>
      <c r="G3861" t="s">
        <v>125</v>
      </c>
      <c r="H3861" t="s">
        <v>120</v>
      </c>
      <c r="I3861" t="s">
        <v>15</v>
      </c>
      <c r="J3861" s="10">
        <v>12.266596890000001</v>
      </c>
    </row>
    <row r="3862" spans="1:10" x14ac:dyDescent="0.35">
      <c r="A3862" t="s">
        <v>22</v>
      </c>
      <c r="B3862" t="s">
        <v>23</v>
      </c>
      <c r="C3862" t="s">
        <v>117</v>
      </c>
      <c r="D3862" t="s">
        <v>118</v>
      </c>
      <c r="E3862">
        <v>2012</v>
      </c>
      <c r="F3862">
        <v>2012</v>
      </c>
      <c r="G3862" t="s">
        <v>125</v>
      </c>
      <c r="H3862" t="s">
        <v>121</v>
      </c>
      <c r="I3862" t="s">
        <v>15</v>
      </c>
      <c r="J3862" s="10">
        <v>35.807901809999997</v>
      </c>
    </row>
    <row r="3863" spans="1:10" x14ac:dyDescent="0.35">
      <c r="A3863" t="s">
        <v>22</v>
      </c>
      <c r="B3863" t="s">
        <v>23</v>
      </c>
      <c r="C3863" t="s">
        <v>117</v>
      </c>
      <c r="D3863" t="s">
        <v>118</v>
      </c>
      <c r="E3863">
        <v>2012</v>
      </c>
      <c r="F3863">
        <v>2012</v>
      </c>
      <c r="G3863" t="s">
        <v>125</v>
      </c>
      <c r="H3863" t="s">
        <v>122</v>
      </c>
      <c r="I3863" t="s">
        <v>15</v>
      </c>
      <c r="J3863" s="10">
        <v>18.998120879999998</v>
      </c>
    </row>
    <row r="3864" spans="1:10" x14ac:dyDescent="0.35">
      <c r="A3864" t="s">
        <v>22</v>
      </c>
      <c r="B3864" t="s">
        <v>23</v>
      </c>
      <c r="C3864" t="s">
        <v>117</v>
      </c>
      <c r="D3864" t="s">
        <v>118</v>
      </c>
      <c r="E3864">
        <v>2012</v>
      </c>
      <c r="F3864">
        <v>2012</v>
      </c>
      <c r="G3864" t="s">
        <v>125</v>
      </c>
      <c r="H3864" t="s">
        <v>123</v>
      </c>
      <c r="I3864" t="s">
        <v>15</v>
      </c>
      <c r="J3864" s="10">
        <v>11.00116553</v>
      </c>
    </row>
    <row r="3865" spans="1:10" x14ac:dyDescent="0.35">
      <c r="A3865" t="s">
        <v>22</v>
      </c>
      <c r="B3865" t="s">
        <v>23</v>
      </c>
      <c r="C3865" t="s">
        <v>117</v>
      </c>
      <c r="D3865" t="s">
        <v>118</v>
      </c>
      <c r="E3865">
        <v>2012</v>
      </c>
      <c r="F3865">
        <v>2012</v>
      </c>
      <c r="G3865" t="s">
        <v>125</v>
      </c>
      <c r="H3865" t="s">
        <v>124</v>
      </c>
      <c r="I3865" t="s">
        <v>15</v>
      </c>
      <c r="J3865" s="10">
        <v>0.62557979100000005</v>
      </c>
    </row>
    <row r="3866" spans="1:10" x14ac:dyDescent="0.35">
      <c r="A3866" t="s">
        <v>22</v>
      </c>
      <c r="B3866" t="s">
        <v>23</v>
      </c>
      <c r="C3866" t="s">
        <v>117</v>
      </c>
      <c r="D3866" t="s">
        <v>118</v>
      </c>
      <c r="E3866">
        <v>2012</v>
      </c>
      <c r="F3866">
        <v>2012</v>
      </c>
      <c r="G3866" t="s">
        <v>126</v>
      </c>
      <c r="H3866" t="s">
        <v>119</v>
      </c>
      <c r="I3866" t="s">
        <v>15</v>
      </c>
      <c r="J3866" s="10">
        <v>19.92129065</v>
      </c>
    </row>
    <row r="3867" spans="1:10" x14ac:dyDescent="0.35">
      <c r="A3867" t="s">
        <v>22</v>
      </c>
      <c r="B3867" t="s">
        <v>23</v>
      </c>
      <c r="C3867" t="s">
        <v>117</v>
      </c>
      <c r="D3867" t="s">
        <v>118</v>
      </c>
      <c r="E3867">
        <v>2012</v>
      </c>
      <c r="F3867">
        <v>2012</v>
      </c>
      <c r="G3867" t="s">
        <v>126</v>
      </c>
      <c r="H3867" t="s">
        <v>120</v>
      </c>
      <c r="I3867" t="s">
        <v>15</v>
      </c>
      <c r="J3867" s="10">
        <v>10.75234172</v>
      </c>
    </row>
    <row r="3868" spans="1:10" x14ac:dyDescent="0.35">
      <c r="A3868" t="s">
        <v>22</v>
      </c>
      <c r="B3868" t="s">
        <v>23</v>
      </c>
      <c r="C3868" t="s">
        <v>117</v>
      </c>
      <c r="D3868" t="s">
        <v>118</v>
      </c>
      <c r="E3868">
        <v>2012</v>
      </c>
      <c r="F3868">
        <v>2012</v>
      </c>
      <c r="G3868" t="s">
        <v>126</v>
      </c>
      <c r="H3868" t="s">
        <v>121</v>
      </c>
      <c r="I3868" t="s">
        <v>15</v>
      </c>
      <c r="J3868" s="10">
        <v>36.475570179999998</v>
      </c>
    </row>
    <row r="3869" spans="1:10" x14ac:dyDescent="0.35">
      <c r="A3869" t="s">
        <v>22</v>
      </c>
      <c r="B3869" t="s">
        <v>23</v>
      </c>
      <c r="C3869" t="s">
        <v>117</v>
      </c>
      <c r="D3869" t="s">
        <v>118</v>
      </c>
      <c r="E3869">
        <v>2012</v>
      </c>
      <c r="F3869">
        <v>2012</v>
      </c>
      <c r="G3869" t="s">
        <v>126</v>
      </c>
      <c r="H3869" t="s">
        <v>122</v>
      </c>
      <c r="I3869" t="s">
        <v>15</v>
      </c>
      <c r="J3869" s="10">
        <v>19.258475059999999</v>
      </c>
    </row>
    <row r="3870" spans="1:10" x14ac:dyDescent="0.35">
      <c r="A3870" t="s">
        <v>22</v>
      </c>
      <c r="B3870" t="s">
        <v>23</v>
      </c>
      <c r="C3870" t="s">
        <v>117</v>
      </c>
      <c r="D3870" t="s">
        <v>118</v>
      </c>
      <c r="E3870">
        <v>2012</v>
      </c>
      <c r="F3870">
        <v>2012</v>
      </c>
      <c r="G3870" t="s">
        <v>126</v>
      </c>
      <c r="H3870" t="s">
        <v>123</v>
      </c>
      <c r="I3870" t="s">
        <v>15</v>
      </c>
      <c r="J3870" s="10">
        <v>12.24367679</v>
      </c>
    </row>
    <row r="3871" spans="1:10" x14ac:dyDescent="0.35">
      <c r="A3871" t="s">
        <v>22</v>
      </c>
      <c r="B3871" t="s">
        <v>23</v>
      </c>
      <c r="C3871" t="s">
        <v>117</v>
      </c>
      <c r="D3871" t="s">
        <v>118</v>
      </c>
      <c r="E3871">
        <v>2012</v>
      </c>
      <c r="F3871">
        <v>2012</v>
      </c>
      <c r="G3871" t="s">
        <v>126</v>
      </c>
      <c r="H3871" t="s">
        <v>124</v>
      </c>
      <c r="I3871" t="s">
        <v>15</v>
      </c>
      <c r="J3871" s="10">
        <v>1.3486456010000001</v>
      </c>
    </row>
    <row r="3872" spans="1:10" x14ac:dyDescent="0.35">
      <c r="A3872" t="s">
        <v>22</v>
      </c>
      <c r="B3872" t="s">
        <v>23</v>
      </c>
      <c r="C3872" t="s">
        <v>117</v>
      </c>
      <c r="D3872" t="s">
        <v>118</v>
      </c>
      <c r="E3872">
        <v>2011</v>
      </c>
      <c r="F3872">
        <v>2011</v>
      </c>
      <c r="G3872" t="s">
        <v>14</v>
      </c>
      <c r="H3872" t="s">
        <v>119</v>
      </c>
      <c r="I3872" t="s">
        <v>15</v>
      </c>
      <c r="J3872" s="10">
        <v>20.831378990000001</v>
      </c>
    </row>
    <row r="3873" spans="1:10" x14ac:dyDescent="0.35">
      <c r="A3873" t="s">
        <v>22</v>
      </c>
      <c r="B3873" t="s">
        <v>23</v>
      </c>
      <c r="C3873" t="s">
        <v>117</v>
      </c>
      <c r="D3873" t="s">
        <v>118</v>
      </c>
      <c r="E3873">
        <v>2011</v>
      </c>
      <c r="F3873">
        <v>2011</v>
      </c>
      <c r="G3873" t="s">
        <v>14</v>
      </c>
      <c r="H3873" t="s">
        <v>120</v>
      </c>
      <c r="I3873" t="s">
        <v>15</v>
      </c>
      <c r="J3873" s="10">
        <v>11.443480299999999</v>
      </c>
    </row>
    <row r="3874" spans="1:10" x14ac:dyDescent="0.35">
      <c r="A3874" t="s">
        <v>22</v>
      </c>
      <c r="B3874" t="s">
        <v>23</v>
      </c>
      <c r="C3874" t="s">
        <v>117</v>
      </c>
      <c r="D3874" t="s">
        <v>118</v>
      </c>
      <c r="E3874">
        <v>2011</v>
      </c>
      <c r="F3874">
        <v>2011</v>
      </c>
      <c r="G3874" t="s">
        <v>14</v>
      </c>
      <c r="H3874" t="s">
        <v>121</v>
      </c>
      <c r="I3874" t="s">
        <v>15</v>
      </c>
      <c r="J3874" s="10">
        <v>36.737804879999999</v>
      </c>
    </row>
    <row r="3875" spans="1:10" x14ac:dyDescent="0.35">
      <c r="A3875" t="s">
        <v>22</v>
      </c>
      <c r="B3875" t="s">
        <v>23</v>
      </c>
      <c r="C3875" t="s">
        <v>117</v>
      </c>
      <c r="D3875" t="s">
        <v>118</v>
      </c>
      <c r="E3875">
        <v>2011</v>
      </c>
      <c r="F3875">
        <v>2011</v>
      </c>
      <c r="G3875" t="s">
        <v>14</v>
      </c>
      <c r="H3875" t="s">
        <v>122</v>
      </c>
      <c r="I3875" t="s">
        <v>15</v>
      </c>
      <c r="J3875" s="10">
        <v>18.934099440000001</v>
      </c>
    </row>
    <row r="3876" spans="1:10" x14ac:dyDescent="0.35">
      <c r="A3876" t="s">
        <v>22</v>
      </c>
      <c r="B3876" t="s">
        <v>23</v>
      </c>
      <c r="C3876" t="s">
        <v>117</v>
      </c>
      <c r="D3876" t="s">
        <v>118</v>
      </c>
      <c r="E3876">
        <v>2011</v>
      </c>
      <c r="F3876">
        <v>2011</v>
      </c>
      <c r="G3876" t="s">
        <v>14</v>
      </c>
      <c r="H3876" t="s">
        <v>123</v>
      </c>
      <c r="I3876" t="s">
        <v>15</v>
      </c>
      <c r="J3876" s="10">
        <v>11.078799249999999</v>
      </c>
    </row>
    <row r="3877" spans="1:10" x14ac:dyDescent="0.35">
      <c r="A3877" t="s">
        <v>22</v>
      </c>
      <c r="B3877" t="s">
        <v>23</v>
      </c>
      <c r="C3877" t="s">
        <v>117</v>
      </c>
      <c r="D3877" t="s">
        <v>118</v>
      </c>
      <c r="E3877">
        <v>2011</v>
      </c>
      <c r="F3877">
        <v>2011</v>
      </c>
      <c r="G3877" t="s">
        <v>14</v>
      </c>
      <c r="H3877" t="s">
        <v>124</v>
      </c>
      <c r="I3877" t="s">
        <v>15</v>
      </c>
      <c r="J3877" s="10">
        <v>0.97443714800000003</v>
      </c>
    </row>
    <row r="3878" spans="1:10" x14ac:dyDescent="0.35">
      <c r="A3878" t="s">
        <v>22</v>
      </c>
      <c r="B3878" t="s">
        <v>23</v>
      </c>
      <c r="C3878" t="s">
        <v>117</v>
      </c>
      <c r="D3878" t="s">
        <v>118</v>
      </c>
      <c r="E3878">
        <v>2011</v>
      </c>
      <c r="F3878">
        <v>2011</v>
      </c>
      <c r="G3878" t="s">
        <v>125</v>
      </c>
      <c r="H3878" t="s">
        <v>119</v>
      </c>
      <c r="I3878" t="s">
        <v>15</v>
      </c>
      <c r="J3878" s="10">
        <v>21.529650400000001</v>
      </c>
    </row>
    <row r="3879" spans="1:10" x14ac:dyDescent="0.35">
      <c r="A3879" t="s">
        <v>22</v>
      </c>
      <c r="B3879" t="s">
        <v>23</v>
      </c>
      <c r="C3879" t="s">
        <v>117</v>
      </c>
      <c r="D3879" t="s">
        <v>118</v>
      </c>
      <c r="E3879">
        <v>2011</v>
      </c>
      <c r="F3879">
        <v>2011</v>
      </c>
      <c r="G3879" t="s">
        <v>125</v>
      </c>
      <c r="H3879" t="s">
        <v>120</v>
      </c>
      <c r="I3879" t="s">
        <v>15</v>
      </c>
      <c r="J3879" s="10">
        <v>12.151294589999999</v>
      </c>
    </row>
    <row r="3880" spans="1:10" x14ac:dyDescent="0.35">
      <c r="A3880" t="s">
        <v>22</v>
      </c>
      <c r="B3880" t="s">
        <v>23</v>
      </c>
      <c r="C3880" t="s">
        <v>117</v>
      </c>
      <c r="D3880" t="s">
        <v>118</v>
      </c>
      <c r="E3880">
        <v>2011</v>
      </c>
      <c r="F3880">
        <v>2011</v>
      </c>
      <c r="G3880" t="s">
        <v>125</v>
      </c>
      <c r="H3880" t="s">
        <v>121</v>
      </c>
      <c r="I3880" t="s">
        <v>15</v>
      </c>
      <c r="J3880" s="10">
        <v>36.496838089999997</v>
      </c>
    </row>
    <row r="3881" spans="1:10" x14ac:dyDescent="0.35">
      <c r="A3881" t="s">
        <v>22</v>
      </c>
      <c r="B3881" t="s">
        <v>23</v>
      </c>
      <c r="C3881" t="s">
        <v>117</v>
      </c>
      <c r="D3881" t="s">
        <v>118</v>
      </c>
      <c r="E3881">
        <v>2011</v>
      </c>
      <c r="F3881">
        <v>2011</v>
      </c>
      <c r="G3881" t="s">
        <v>125</v>
      </c>
      <c r="H3881" t="s">
        <v>122</v>
      </c>
      <c r="I3881" t="s">
        <v>15</v>
      </c>
      <c r="J3881" s="10">
        <v>18.773416059999999</v>
      </c>
    </row>
    <row r="3882" spans="1:10" x14ac:dyDescent="0.35">
      <c r="A3882" t="s">
        <v>22</v>
      </c>
      <c r="B3882" t="s">
        <v>23</v>
      </c>
      <c r="C3882" t="s">
        <v>117</v>
      </c>
      <c r="D3882" t="s">
        <v>118</v>
      </c>
      <c r="E3882">
        <v>2011</v>
      </c>
      <c r="F3882">
        <v>2011</v>
      </c>
      <c r="G3882" t="s">
        <v>125</v>
      </c>
      <c r="H3882" t="s">
        <v>123</v>
      </c>
      <c r="I3882" t="s">
        <v>15</v>
      </c>
      <c r="J3882" s="10">
        <v>10.428349839999999</v>
      </c>
    </row>
    <row r="3883" spans="1:10" x14ac:dyDescent="0.35">
      <c r="A3883" t="s">
        <v>22</v>
      </c>
      <c r="B3883" t="s">
        <v>23</v>
      </c>
      <c r="C3883" t="s">
        <v>117</v>
      </c>
      <c r="D3883" t="s">
        <v>118</v>
      </c>
      <c r="E3883">
        <v>2011</v>
      </c>
      <c r="F3883">
        <v>2011</v>
      </c>
      <c r="G3883" t="s">
        <v>125</v>
      </c>
      <c r="H3883" t="s">
        <v>124</v>
      </c>
      <c r="I3883" t="s">
        <v>15</v>
      </c>
      <c r="J3883" s="10">
        <v>0.62045101999999996</v>
      </c>
    </row>
    <row r="3884" spans="1:10" x14ac:dyDescent="0.35">
      <c r="A3884" t="s">
        <v>22</v>
      </c>
      <c r="B3884" t="s">
        <v>23</v>
      </c>
      <c r="C3884" t="s">
        <v>117</v>
      </c>
      <c r="D3884" t="s">
        <v>118</v>
      </c>
      <c r="E3884">
        <v>2011</v>
      </c>
      <c r="F3884">
        <v>2011</v>
      </c>
      <c r="G3884" t="s">
        <v>126</v>
      </c>
      <c r="H3884" t="s">
        <v>119</v>
      </c>
      <c r="I3884" t="s">
        <v>15</v>
      </c>
      <c r="J3884" s="10">
        <v>20.156772329999999</v>
      </c>
    </row>
    <row r="3885" spans="1:10" x14ac:dyDescent="0.35">
      <c r="A3885" t="s">
        <v>22</v>
      </c>
      <c r="B3885" t="s">
        <v>23</v>
      </c>
      <c r="C3885" t="s">
        <v>117</v>
      </c>
      <c r="D3885" t="s">
        <v>118</v>
      </c>
      <c r="E3885">
        <v>2011</v>
      </c>
      <c r="F3885">
        <v>2011</v>
      </c>
      <c r="G3885" t="s">
        <v>126</v>
      </c>
      <c r="H3885" t="s">
        <v>120</v>
      </c>
      <c r="I3885" t="s">
        <v>15</v>
      </c>
      <c r="J3885" s="10">
        <v>10.75965418</v>
      </c>
    </row>
    <row r="3886" spans="1:10" x14ac:dyDescent="0.35">
      <c r="A3886" t="s">
        <v>22</v>
      </c>
      <c r="B3886" t="s">
        <v>23</v>
      </c>
      <c r="C3886" t="s">
        <v>117</v>
      </c>
      <c r="D3886" t="s">
        <v>118</v>
      </c>
      <c r="E3886">
        <v>2011</v>
      </c>
      <c r="F3886">
        <v>2011</v>
      </c>
      <c r="G3886" t="s">
        <v>126</v>
      </c>
      <c r="H3886" t="s">
        <v>121</v>
      </c>
      <c r="I3886" t="s">
        <v>15</v>
      </c>
      <c r="J3886" s="10">
        <v>36.970605190000001</v>
      </c>
    </row>
    <row r="3887" spans="1:10" x14ac:dyDescent="0.35">
      <c r="A3887" t="s">
        <v>22</v>
      </c>
      <c r="B3887" t="s">
        <v>23</v>
      </c>
      <c r="C3887" t="s">
        <v>117</v>
      </c>
      <c r="D3887" t="s">
        <v>118</v>
      </c>
      <c r="E3887">
        <v>2011</v>
      </c>
      <c r="F3887">
        <v>2011</v>
      </c>
      <c r="G3887" t="s">
        <v>126</v>
      </c>
      <c r="H3887" t="s">
        <v>122</v>
      </c>
      <c r="I3887" t="s">
        <v>15</v>
      </c>
      <c r="J3887" s="10">
        <v>19.089337180000001</v>
      </c>
    </row>
    <row r="3888" spans="1:10" x14ac:dyDescent="0.35">
      <c r="A3888" t="s">
        <v>22</v>
      </c>
      <c r="B3888" t="s">
        <v>23</v>
      </c>
      <c r="C3888" t="s">
        <v>117</v>
      </c>
      <c r="D3888" t="s">
        <v>118</v>
      </c>
      <c r="E3888">
        <v>2011</v>
      </c>
      <c r="F3888">
        <v>2011</v>
      </c>
      <c r="G3888" t="s">
        <v>126</v>
      </c>
      <c r="H3888" t="s">
        <v>123</v>
      </c>
      <c r="I3888" t="s">
        <v>15</v>
      </c>
      <c r="J3888" s="10">
        <v>11.70720461</v>
      </c>
    </row>
    <row r="3889" spans="1:10" x14ac:dyDescent="0.35">
      <c r="A3889" t="s">
        <v>22</v>
      </c>
      <c r="B3889" t="s">
        <v>23</v>
      </c>
      <c r="C3889" t="s">
        <v>117</v>
      </c>
      <c r="D3889" t="s">
        <v>118</v>
      </c>
      <c r="E3889">
        <v>2011</v>
      </c>
      <c r="F3889">
        <v>2011</v>
      </c>
      <c r="G3889" t="s">
        <v>126</v>
      </c>
      <c r="H3889" t="s">
        <v>124</v>
      </c>
      <c r="I3889" t="s">
        <v>15</v>
      </c>
      <c r="J3889" s="10">
        <v>1.3164265129999999</v>
      </c>
    </row>
    <row r="3890" spans="1:10" x14ac:dyDescent="0.35">
      <c r="A3890" t="s">
        <v>10</v>
      </c>
      <c r="B3890" t="s">
        <v>24</v>
      </c>
      <c r="C3890" t="s">
        <v>117</v>
      </c>
      <c r="D3890" t="s">
        <v>118</v>
      </c>
      <c r="E3890">
        <v>2020</v>
      </c>
      <c r="F3890">
        <v>2020</v>
      </c>
      <c r="G3890" t="s">
        <v>14</v>
      </c>
      <c r="H3890" t="s">
        <v>119</v>
      </c>
      <c r="I3890" t="s">
        <v>15</v>
      </c>
      <c r="J3890" s="10">
        <v>17.181721570000001</v>
      </c>
    </row>
    <row r="3891" spans="1:10" x14ac:dyDescent="0.35">
      <c r="A3891" t="s">
        <v>10</v>
      </c>
      <c r="B3891" t="s">
        <v>24</v>
      </c>
      <c r="C3891" t="s">
        <v>117</v>
      </c>
      <c r="D3891" t="s">
        <v>118</v>
      </c>
      <c r="E3891">
        <v>2020</v>
      </c>
      <c r="F3891">
        <v>2020</v>
      </c>
      <c r="G3891" t="s">
        <v>14</v>
      </c>
      <c r="H3891" t="s">
        <v>120</v>
      </c>
      <c r="I3891" t="s">
        <v>15</v>
      </c>
      <c r="J3891" s="10">
        <v>8.8444916760000005</v>
      </c>
    </row>
    <row r="3892" spans="1:10" x14ac:dyDescent="0.35">
      <c r="A3892" t="s">
        <v>10</v>
      </c>
      <c r="B3892" t="s">
        <v>24</v>
      </c>
      <c r="C3892" t="s">
        <v>117</v>
      </c>
      <c r="D3892" t="s">
        <v>118</v>
      </c>
      <c r="E3892">
        <v>2020</v>
      </c>
      <c r="F3892">
        <v>2020</v>
      </c>
      <c r="G3892" t="s">
        <v>14</v>
      </c>
      <c r="H3892" t="s">
        <v>121</v>
      </c>
      <c r="I3892" t="s">
        <v>15</v>
      </c>
      <c r="J3892" s="10">
        <v>29.0910379</v>
      </c>
    </row>
    <row r="3893" spans="1:10" x14ac:dyDescent="0.35">
      <c r="A3893" t="s">
        <v>10</v>
      </c>
      <c r="B3893" t="s">
        <v>24</v>
      </c>
      <c r="C3893" t="s">
        <v>117</v>
      </c>
      <c r="D3893" t="s">
        <v>118</v>
      </c>
      <c r="E3893">
        <v>2020</v>
      </c>
      <c r="F3893">
        <v>2020</v>
      </c>
      <c r="G3893" t="s">
        <v>14</v>
      </c>
      <c r="H3893" t="s">
        <v>122</v>
      </c>
      <c r="I3893" t="s">
        <v>15</v>
      </c>
      <c r="J3893" s="10">
        <v>22.7120085</v>
      </c>
    </row>
    <row r="3894" spans="1:10" x14ac:dyDescent="0.35">
      <c r="A3894" t="s">
        <v>10</v>
      </c>
      <c r="B3894" t="s">
        <v>24</v>
      </c>
      <c r="C3894" t="s">
        <v>117</v>
      </c>
      <c r="D3894" t="s">
        <v>118</v>
      </c>
      <c r="E3894">
        <v>2020</v>
      </c>
      <c r="F3894">
        <v>2020</v>
      </c>
      <c r="G3894" t="s">
        <v>14</v>
      </c>
      <c r="H3894" t="s">
        <v>123</v>
      </c>
      <c r="I3894" t="s">
        <v>15</v>
      </c>
      <c r="J3894" s="10">
        <v>19.334041800000001</v>
      </c>
    </row>
    <row r="3895" spans="1:10" x14ac:dyDescent="0.35">
      <c r="A3895" t="s">
        <v>10</v>
      </c>
      <c r="B3895" t="s">
        <v>24</v>
      </c>
      <c r="C3895" t="s">
        <v>117</v>
      </c>
      <c r="D3895" t="s">
        <v>118</v>
      </c>
      <c r="E3895">
        <v>2020</v>
      </c>
      <c r="F3895">
        <v>2020</v>
      </c>
      <c r="G3895" t="s">
        <v>14</v>
      </c>
      <c r="H3895" t="s">
        <v>124</v>
      </c>
      <c r="I3895" t="s">
        <v>15</v>
      </c>
      <c r="J3895" s="10">
        <v>2.8366985480000002</v>
      </c>
    </row>
    <row r="3896" spans="1:10" x14ac:dyDescent="0.35">
      <c r="A3896" t="s">
        <v>10</v>
      </c>
      <c r="B3896" t="s">
        <v>24</v>
      </c>
      <c r="C3896" t="s">
        <v>117</v>
      </c>
      <c r="D3896" t="s">
        <v>118</v>
      </c>
      <c r="E3896">
        <v>2020</v>
      </c>
      <c r="F3896">
        <v>2020</v>
      </c>
      <c r="G3896" t="s">
        <v>125</v>
      </c>
      <c r="H3896" t="s">
        <v>119</v>
      </c>
      <c r="I3896" t="s">
        <v>15</v>
      </c>
      <c r="J3896" s="10">
        <v>17.991583559999999</v>
      </c>
    </row>
    <row r="3897" spans="1:10" x14ac:dyDescent="0.35">
      <c r="A3897" t="s">
        <v>10</v>
      </c>
      <c r="B3897" t="s">
        <v>24</v>
      </c>
      <c r="C3897" t="s">
        <v>117</v>
      </c>
      <c r="D3897" t="s">
        <v>118</v>
      </c>
      <c r="E3897">
        <v>2020</v>
      </c>
      <c r="F3897">
        <v>2020</v>
      </c>
      <c r="G3897" t="s">
        <v>125</v>
      </c>
      <c r="H3897" t="s">
        <v>120</v>
      </c>
      <c r="I3897" t="s">
        <v>15</v>
      </c>
      <c r="J3897" s="10">
        <v>9.713495129</v>
      </c>
    </row>
    <row r="3898" spans="1:10" x14ac:dyDescent="0.35">
      <c r="A3898" t="s">
        <v>10</v>
      </c>
      <c r="B3898" t="s">
        <v>24</v>
      </c>
      <c r="C3898" t="s">
        <v>117</v>
      </c>
      <c r="D3898" t="s">
        <v>118</v>
      </c>
      <c r="E3898">
        <v>2020</v>
      </c>
      <c r="F3898">
        <v>2020</v>
      </c>
      <c r="G3898" t="s">
        <v>125</v>
      </c>
      <c r="H3898" t="s">
        <v>121</v>
      </c>
      <c r="I3898" t="s">
        <v>15</v>
      </c>
      <c r="J3898" s="10">
        <v>28.74848677</v>
      </c>
    </row>
    <row r="3899" spans="1:10" x14ac:dyDescent="0.35">
      <c r="A3899" t="s">
        <v>10</v>
      </c>
      <c r="B3899" t="s">
        <v>24</v>
      </c>
      <c r="C3899" t="s">
        <v>117</v>
      </c>
      <c r="D3899" t="s">
        <v>118</v>
      </c>
      <c r="E3899">
        <v>2020</v>
      </c>
      <c r="F3899">
        <v>2020</v>
      </c>
      <c r="G3899" t="s">
        <v>125</v>
      </c>
      <c r="H3899" t="s">
        <v>122</v>
      </c>
      <c r="I3899" t="s">
        <v>15</v>
      </c>
      <c r="J3899" s="10">
        <v>22.836801749999999</v>
      </c>
    </row>
    <row r="3900" spans="1:10" x14ac:dyDescent="0.35">
      <c r="A3900" t="s">
        <v>10</v>
      </c>
      <c r="B3900" t="s">
        <v>24</v>
      </c>
      <c r="C3900" t="s">
        <v>117</v>
      </c>
      <c r="D3900" t="s">
        <v>118</v>
      </c>
      <c r="E3900">
        <v>2020</v>
      </c>
      <c r="F3900">
        <v>2020</v>
      </c>
      <c r="G3900" t="s">
        <v>125</v>
      </c>
      <c r="H3900" t="s">
        <v>123</v>
      </c>
      <c r="I3900" t="s">
        <v>15</v>
      </c>
      <c r="J3900" s="10">
        <v>18.671816450000001</v>
      </c>
    </row>
    <row r="3901" spans="1:10" x14ac:dyDescent="0.35">
      <c r="A3901" t="s">
        <v>10</v>
      </c>
      <c r="B3901" t="s">
        <v>24</v>
      </c>
      <c r="C3901" t="s">
        <v>117</v>
      </c>
      <c r="D3901" t="s">
        <v>118</v>
      </c>
      <c r="E3901">
        <v>2020</v>
      </c>
      <c r="F3901">
        <v>2020</v>
      </c>
      <c r="G3901" t="s">
        <v>125</v>
      </c>
      <c r="H3901" t="s">
        <v>124</v>
      </c>
      <c r="I3901" t="s">
        <v>15</v>
      </c>
      <c r="J3901" s="10">
        <v>2.0378163370000002</v>
      </c>
    </row>
    <row r="3902" spans="1:10" x14ac:dyDescent="0.35">
      <c r="A3902" t="s">
        <v>10</v>
      </c>
      <c r="B3902" t="s">
        <v>24</v>
      </c>
      <c r="C3902" t="s">
        <v>117</v>
      </c>
      <c r="D3902" t="s">
        <v>118</v>
      </c>
      <c r="E3902">
        <v>2020</v>
      </c>
      <c r="F3902">
        <v>2020</v>
      </c>
      <c r="G3902" t="s">
        <v>126</v>
      </c>
      <c r="H3902" t="s">
        <v>119</v>
      </c>
      <c r="I3902" t="s">
        <v>15</v>
      </c>
      <c r="J3902" s="10">
        <v>16.398651099999999</v>
      </c>
    </row>
    <row r="3903" spans="1:10" x14ac:dyDescent="0.35">
      <c r="A3903" t="s">
        <v>10</v>
      </c>
      <c r="B3903" t="s">
        <v>24</v>
      </c>
      <c r="C3903" t="s">
        <v>117</v>
      </c>
      <c r="D3903" t="s">
        <v>118</v>
      </c>
      <c r="E3903">
        <v>2020</v>
      </c>
      <c r="F3903">
        <v>2020</v>
      </c>
      <c r="G3903" t="s">
        <v>126</v>
      </c>
      <c r="H3903" t="s">
        <v>120</v>
      </c>
      <c r="I3903" t="s">
        <v>15</v>
      </c>
      <c r="J3903" s="10">
        <v>8.0042362249999996</v>
      </c>
    </row>
    <row r="3904" spans="1:10" x14ac:dyDescent="0.35">
      <c r="A3904" t="s">
        <v>10</v>
      </c>
      <c r="B3904" t="s">
        <v>24</v>
      </c>
      <c r="C3904" t="s">
        <v>117</v>
      </c>
      <c r="D3904" t="s">
        <v>118</v>
      </c>
      <c r="E3904">
        <v>2020</v>
      </c>
      <c r="F3904">
        <v>2020</v>
      </c>
      <c r="G3904" t="s">
        <v>126</v>
      </c>
      <c r="H3904" t="s">
        <v>121</v>
      </c>
      <c r="I3904" t="s">
        <v>15</v>
      </c>
      <c r="J3904" s="10">
        <v>29.422256900000001</v>
      </c>
    </row>
    <row r="3905" spans="1:10" x14ac:dyDescent="0.35">
      <c r="A3905" t="s">
        <v>10</v>
      </c>
      <c r="B3905" t="s">
        <v>24</v>
      </c>
      <c r="C3905" t="s">
        <v>117</v>
      </c>
      <c r="D3905" t="s">
        <v>118</v>
      </c>
      <c r="E3905">
        <v>2020</v>
      </c>
      <c r="F3905">
        <v>2020</v>
      </c>
      <c r="G3905" t="s">
        <v>126</v>
      </c>
      <c r="H3905" t="s">
        <v>122</v>
      </c>
      <c r="I3905" t="s">
        <v>15</v>
      </c>
      <c r="J3905" s="10">
        <v>22.591343609999999</v>
      </c>
    </row>
    <row r="3906" spans="1:10" x14ac:dyDescent="0.35">
      <c r="A3906" t="s">
        <v>10</v>
      </c>
      <c r="B3906" t="s">
        <v>24</v>
      </c>
      <c r="C3906" t="s">
        <v>117</v>
      </c>
      <c r="D3906" t="s">
        <v>118</v>
      </c>
      <c r="E3906">
        <v>2020</v>
      </c>
      <c r="F3906">
        <v>2020</v>
      </c>
      <c r="G3906" t="s">
        <v>126</v>
      </c>
      <c r="H3906" t="s">
        <v>123</v>
      </c>
      <c r="I3906" t="s">
        <v>15</v>
      </c>
      <c r="J3906" s="10">
        <v>19.97435969</v>
      </c>
    </row>
    <row r="3907" spans="1:10" x14ac:dyDescent="0.35">
      <c r="A3907" t="s">
        <v>10</v>
      </c>
      <c r="B3907" t="s">
        <v>24</v>
      </c>
      <c r="C3907" t="s">
        <v>117</v>
      </c>
      <c r="D3907" t="s">
        <v>118</v>
      </c>
      <c r="E3907">
        <v>2020</v>
      </c>
      <c r="F3907">
        <v>2020</v>
      </c>
      <c r="G3907" t="s">
        <v>126</v>
      </c>
      <c r="H3907" t="s">
        <v>124</v>
      </c>
      <c r="I3907" t="s">
        <v>15</v>
      </c>
      <c r="J3907" s="10">
        <v>3.6091524760000002</v>
      </c>
    </row>
    <row r="3908" spans="1:10" x14ac:dyDescent="0.35">
      <c r="A3908" t="s">
        <v>10</v>
      </c>
      <c r="B3908" t="s">
        <v>24</v>
      </c>
      <c r="C3908" t="s">
        <v>117</v>
      </c>
      <c r="D3908" t="s">
        <v>118</v>
      </c>
      <c r="E3908">
        <v>2019</v>
      </c>
      <c r="F3908">
        <v>2019</v>
      </c>
      <c r="G3908" t="s">
        <v>14</v>
      </c>
      <c r="H3908" t="s">
        <v>119</v>
      </c>
      <c r="I3908" t="s">
        <v>15</v>
      </c>
      <c r="J3908" s="10">
        <v>17.467427860000001</v>
      </c>
    </row>
    <row r="3909" spans="1:10" x14ac:dyDescent="0.35">
      <c r="A3909" t="s">
        <v>10</v>
      </c>
      <c r="B3909" t="s">
        <v>24</v>
      </c>
      <c r="C3909" t="s">
        <v>117</v>
      </c>
      <c r="D3909" t="s">
        <v>118</v>
      </c>
      <c r="E3909">
        <v>2019</v>
      </c>
      <c r="F3909">
        <v>2019</v>
      </c>
      <c r="G3909" t="s">
        <v>14</v>
      </c>
      <c r="H3909" t="s">
        <v>120</v>
      </c>
      <c r="I3909" t="s">
        <v>15</v>
      </c>
      <c r="J3909" s="10">
        <v>8.8163807480000003</v>
      </c>
    </row>
    <row r="3910" spans="1:10" x14ac:dyDescent="0.35">
      <c r="A3910" t="s">
        <v>10</v>
      </c>
      <c r="B3910" t="s">
        <v>24</v>
      </c>
      <c r="C3910" t="s">
        <v>117</v>
      </c>
      <c r="D3910" t="s">
        <v>118</v>
      </c>
      <c r="E3910">
        <v>2019</v>
      </c>
      <c r="F3910">
        <v>2019</v>
      </c>
      <c r="G3910" t="s">
        <v>14</v>
      </c>
      <c r="H3910" t="s">
        <v>121</v>
      </c>
      <c r="I3910" t="s">
        <v>15</v>
      </c>
      <c r="J3910" s="10">
        <v>29.347426729999999</v>
      </c>
    </row>
    <row r="3911" spans="1:10" x14ac:dyDescent="0.35">
      <c r="A3911" t="s">
        <v>10</v>
      </c>
      <c r="B3911" t="s">
        <v>24</v>
      </c>
      <c r="C3911" t="s">
        <v>117</v>
      </c>
      <c r="D3911" t="s">
        <v>118</v>
      </c>
      <c r="E3911">
        <v>2019</v>
      </c>
      <c r="F3911">
        <v>2019</v>
      </c>
      <c r="G3911" t="s">
        <v>14</v>
      </c>
      <c r="H3911" t="s">
        <v>122</v>
      </c>
      <c r="I3911" t="s">
        <v>15</v>
      </c>
      <c r="J3911" s="10">
        <v>22.551790409999999</v>
      </c>
    </row>
    <row r="3912" spans="1:10" x14ac:dyDescent="0.35">
      <c r="A3912" t="s">
        <v>10</v>
      </c>
      <c r="B3912" t="s">
        <v>24</v>
      </c>
      <c r="C3912" t="s">
        <v>117</v>
      </c>
      <c r="D3912" t="s">
        <v>118</v>
      </c>
      <c r="E3912">
        <v>2019</v>
      </c>
      <c r="F3912">
        <v>2019</v>
      </c>
      <c r="G3912" t="s">
        <v>14</v>
      </c>
      <c r="H3912" t="s">
        <v>123</v>
      </c>
      <c r="I3912" t="s">
        <v>15</v>
      </c>
      <c r="J3912" s="10">
        <v>19.006302460000001</v>
      </c>
    </row>
    <row r="3913" spans="1:10" x14ac:dyDescent="0.35">
      <c r="A3913" t="s">
        <v>10</v>
      </c>
      <c r="B3913" t="s">
        <v>24</v>
      </c>
      <c r="C3913" t="s">
        <v>117</v>
      </c>
      <c r="D3913" t="s">
        <v>118</v>
      </c>
      <c r="E3913">
        <v>2019</v>
      </c>
      <c r="F3913">
        <v>2019</v>
      </c>
      <c r="G3913" t="s">
        <v>14</v>
      </c>
      <c r="H3913" t="s">
        <v>124</v>
      </c>
      <c r="I3913" t="s">
        <v>15</v>
      </c>
      <c r="J3913" s="10">
        <v>2.8106717919999999</v>
      </c>
    </row>
    <row r="3914" spans="1:10" x14ac:dyDescent="0.35">
      <c r="A3914" t="s">
        <v>10</v>
      </c>
      <c r="B3914" t="s">
        <v>24</v>
      </c>
      <c r="C3914" t="s">
        <v>117</v>
      </c>
      <c r="D3914" t="s">
        <v>118</v>
      </c>
      <c r="E3914">
        <v>2019</v>
      </c>
      <c r="F3914">
        <v>2019</v>
      </c>
      <c r="G3914" t="s">
        <v>125</v>
      </c>
      <c r="H3914" t="s">
        <v>119</v>
      </c>
      <c r="I3914" t="s">
        <v>15</v>
      </c>
      <c r="J3914" s="10">
        <v>18.295904889999999</v>
      </c>
    </row>
    <row r="3915" spans="1:10" x14ac:dyDescent="0.35">
      <c r="A3915" t="s">
        <v>10</v>
      </c>
      <c r="B3915" t="s">
        <v>24</v>
      </c>
      <c r="C3915" t="s">
        <v>117</v>
      </c>
      <c r="D3915" t="s">
        <v>118</v>
      </c>
      <c r="E3915">
        <v>2019</v>
      </c>
      <c r="F3915">
        <v>2019</v>
      </c>
      <c r="G3915" t="s">
        <v>125</v>
      </c>
      <c r="H3915" t="s">
        <v>120</v>
      </c>
      <c r="I3915" t="s">
        <v>15</v>
      </c>
      <c r="J3915" s="10">
        <v>9.649072425</v>
      </c>
    </row>
    <row r="3916" spans="1:10" x14ac:dyDescent="0.35">
      <c r="A3916" t="s">
        <v>10</v>
      </c>
      <c r="B3916" t="s">
        <v>24</v>
      </c>
      <c r="C3916" t="s">
        <v>117</v>
      </c>
      <c r="D3916" t="s">
        <v>118</v>
      </c>
      <c r="E3916">
        <v>2019</v>
      </c>
      <c r="F3916">
        <v>2019</v>
      </c>
      <c r="G3916" t="s">
        <v>125</v>
      </c>
      <c r="H3916" t="s">
        <v>121</v>
      </c>
      <c r="I3916" t="s">
        <v>15</v>
      </c>
      <c r="J3916" s="10">
        <v>29.007523979999998</v>
      </c>
    </row>
    <row r="3917" spans="1:10" x14ac:dyDescent="0.35">
      <c r="A3917" t="s">
        <v>10</v>
      </c>
      <c r="B3917" t="s">
        <v>24</v>
      </c>
      <c r="C3917" t="s">
        <v>117</v>
      </c>
      <c r="D3917" t="s">
        <v>118</v>
      </c>
      <c r="E3917">
        <v>2019</v>
      </c>
      <c r="F3917">
        <v>2019</v>
      </c>
      <c r="G3917" t="s">
        <v>125</v>
      </c>
      <c r="H3917" t="s">
        <v>122</v>
      </c>
      <c r="I3917" t="s">
        <v>15</v>
      </c>
      <c r="J3917" s="10">
        <v>22.692550690000001</v>
      </c>
    </row>
    <row r="3918" spans="1:10" x14ac:dyDescent="0.35">
      <c r="A3918" t="s">
        <v>10</v>
      </c>
      <c r="B3918" t="s">
        <v>24</v>
      </c>
      <c r="C3918" t="s">
        <v>117</v>
      </c>
      <c r="D3918" t="s">
        <v>118</v>
      </c>
      <c r="E3918">
        <v>2019</v>
      </c>
      <c r="F3918">
        <v>2019</v>
      </c>
      <c r="G3918" t="s">
        <v>125</v>
      </c>
      <c r="H3918" t="s">
        <v>123</v>
      </c>
      <c r="I3918" t="s">
        <v>15</v>
      </c>
      <c r="J3918" s="10">
        <v>18.284417900000001</v>
      </c>
    </row>
    <row r="3919" spans="1:10" x14ac:dyDescent="0.35">
      <c r="A3919" t="s">
        <v>10</v>
      </c>
      <c r="B3919" t="s">
        <v>24</v>
      </c>
      <c r="C3919" t="s">
        <v>117</v>
      </c>
      <c r="D3919" t="s">
        <v>118</v>
      </c>
      <c r="E3919">
        <v>2019</v>
      </c>
      <c r="F3919">
        <v>2019</v>
      </c>
      <c r="G3919" t="s">
        <v>125</v>
      </c>
      <c r="H3919" t="s">
        <v>124</v>
      </c>
      <c r="I3919" t="s">
        <v>15</v>
      </c>
      <c r="J3919" s="10">
        <v>2.0705301249999999</v>
      </c>
    </row>
    <row r="3920" spans="1:10" x14ac:dyDescent="0.35">
      <c r="A3920" t="s">
        <v>10</v>
      </c>
      <c r="B3920" t="s">
        <v>24</v>
      </c>
      <c r="C3920" t="s">
        <v>117</v>
      </c>
      <c r="D3920" t="s">
        <v>118</v>
      </c>
      <c r="E3920">
        <v>2019</v>
      </c>
      <c r="F3920">
        <v>2019</v>
      </c>
      <c r="G3920" t="s">
        <v>126</v>
      </c>
      <c r="H3920" t="s">
        <v>119</v>
      </c>
      <c r="I3920" t="s">
        <v>15</v>
      </c>
      <c r="J3920" s="10">
        <v>16.664811929999999</v>
      </c>
    </row>
    <row r="3921" spans="1:10" x14ac:dyDescent="0.35">
      <c r="A3921" t="s">
        <v>10</v>
      </c>
      <c r="B3921" t="s">
        <v>24</v>
      </c>
      <c r="C3921" t="s">
        <v>117</v>
      </c>
      <c r="D3921" t="s">
        <v>118</v>
      </c>
      <c r="E3921">
        <v>2019</v>
      </c>
      <c r="F3921">
        <v>2019</v>
      </c>
      <c r="G3921" t="s">
        <v>126</v>
      </c>
      <c r="H3921" t="s">
        <v>120</v>
      </c>
      <c r="I3921" t="s">
        <v>15</v>
      </c>
      <c r="J3921" s="10">
        <v>8.0096817270000003</v>
      </c>
    </row>
    <row r="3922" spans="1:10" x14ac:dyDescent="0.35">
      <c r="A3922" t="s">
        <v>10</v>
      </c>
      <c r="B3922" t="s">
        <v>24</v>
      </c>
      <c r="C3922" t="s">
        <v>117</v>
      </c>
      <c r="D3922" t="s">
        <v>118</v>
      </c>
      <c r="E3922">
        <v>2019</v>
      </c>
      <c r="F3922">
        <v>2019</v>
      </c>
      <c r="G3922" t="s">
        <v>126</v>
      </c>
      <c r="H3922" t="s">
        <v>121</v>
      </c>
      <c r="I3922" t="s">
        <v>15</v>
      </c>
      <c r="J3922" s="10">
        <v>29.676719339999998</v>
      </c>
    </row>
    <row r="3923" spans="1:10" x14ac:dyDescent="0.35">
      <c r="A3923" t="s">
        <v>10</v>
      </c>
      <c r="B3923" t="s">
        <v>24</v>
      </c>
      <c r="C3923" t="s">
        <v>117</v>
      </c>
      <c r="D3923" t="s">
        <v>118</v>
      </c>
      <c r="E3923">
        <v>2019</v>
      </c>
      <c r="F3923">
        <v>2019</v>
      </c>
      <c r="G3923" t="s">
        <v>126</v>
      </c>
      <c r="H3923" t="s">
        <v>122</v>
      </c>
      <c r="I3923" t="s">
        <v>15</v>
      </c>
      <c r="J3923" s="10">
        <v>22.415423990000001</v>
      </c>
    </row>
    <row r="3924" spans="1:10" x14ac:dyDescent="0.35">
      <c r="A3924" t="s">
        <v>10</v>
      </c>
      <c r="B3924" t="s">
        <v>24</v>
      </c>
      <c r="C3924" t="s">
        <v>117</v>
      </c>
      <c r="D3924" t="s">
        <v>118</v>
      </c>
      <c r="E3924">
        <v>2019</v>
      </c>
      <c r="F3924">
        <v>2019</v>
      </c>
      <c r="G3924" t="s">
        <v>126</v>
      </c>
      <c r="H3924" t="s">
        <v>123</v>
      </c>
      <c r="I3924" t="s">
        <v>15</v>
      </c>
      <c r="J3924" s="10">
        <v>19.70565324</v>
      </c>
    </row>
    <row r="3925" spans="1:10" x14ac:dyDescent="0.35">
      <c r="A3925" t="s">
        <v>10</v>
      </c>
      <c r="B3925" t="s">
        <v>24</v>
      </c>
      <c r="C3925" t="s">
        <v>117</v>
      </c>
      <c r="D3925" t="s">
        <v>118</v>
      </c>
      <c r="E3925">
        <v>2019</v>
      </c>
      <c r="F3925">
        <v>2019</v>
      </c>
      <c r="G3925" t="s">
        <v>126</v>
      </c>
      <c r="H3925" t="s">
        <v>124</v>
      </c>
      <c r="I3925" t="s">
        <v>15</v>
      </c>
      <c r="J3925" s="10">
        <v>3.527709771</v>
      </c>
    </row>
    <row r="3926" spans="1:10" x14ac:dyDescent="0.35">
      <c r="A3926" t="s">
        <v>10</v>
      </c>
      <c r="B3926" t="s">
        <v>24</v>
      </c>
      <c r="C3926" t="s">
        <v>117</v>
      </c>
      <c r="D3926" t="s">
        <v>118</v>
      </c>
      <c r="E3926">
        <v>2018</v>
      </c>
      <c r="F3926">
        <v>2018</v>
      </c>
      <c r="G3926" t="s">
        <v>14</v>
      </c>
      <c r="H3926" t="s">
        <v>119</v>
      </c>
      <c r="I3926" t="s">
        <v>15</v>
      </c>
      <c r="J3926" s="10">
        <v>17.638588909999999</v>
      </c>
    </row>
    <row r="3927" spans="1:10" x14ac:dyDescent="0.35">
      <c r="A3927" t="s">
        <v>10</v>
      </c>
      <c r="B3927" t="s">
        <v>24</v>
      </c>
      <c r="C3927" t="s">
        <v>117</v>
      </c>
      <c r="D3927" t="s">
        <v>118</v>
      </c>
      <c r="E3927">
        <v>2018</v>
      </c>
      <c r="F3927">
        <v>2018</v>
      </c>
      <c r="G3927" t="s">
        <v>14</v>
      </c>
      <c r="H3927" t="s">
        <v>120</v>
      </c>
      <c r="I3927" t="s">
        <v>15</v>
      </c>
      <c r="J3927" s="10">
        <v>9.0797442089999993</v>
      </c>
    </row>
    <row r="3928" spans="1:10" x14ac:dyDescent="0.35">
      <c r="A3928" t="s">
        <v>10</v>
      </c>
      <c r="B3928" t="s">
        <v>24</v>
      </c>
      <c r="C3928" t="s">
        <v>117</v>
      </c>
      <c r="D3928" t="s">
        <v>118</v>
      </c>
      <c r="E3928">
        <v>2018</v>
      </c>
      <c r="F3928">
        <v>2018</v>
      </c>
      <c r="G3928" t="s">
        <v>14</v>
      </c>
      <c r="H3928" t="s">
        <v>121</v>
      </c>
      <c r="I3928" t="s">
        <v>15</v>
      </c>
      <c r="J3928" s="10">
        <v>29.7689126</v>
      </c>
    </row>
    <row r="3929" spans="1:10" x14ac:dyDescent="0.35">
      <c r="A3929" t="s">
        <v>10</v>
      </c>
      <c r="B3929" t="s">
        <v>24</v>
      </c>
      <c r="C3929" t="s">
        <v>117</v>
      </c>
      <c r="D3929" t="s">
        <v>118</v>
      </c>
      <c r="E3929">
        <v>2018</v>
      </c>
      <c r="F3929">
        <v>2018</v>
      </c>
      <c r="G3929" t="s">
        <v>14</v>
      </c>
      <c r="H3929" t="s">
        <v>122</v>
      </c>
      <c r="I3929" t="s">
        <v>15</v>
      </c>
      <c r="J3929" s="10">
        <v>22.19398919</v>
      </c>
    </row>
    <row r="3930" spans="1:10" x14ac:dyDescent="0.35">
      <c r="A3930" t="s">
        <v>10</v>
      </c>
      <c r="B3930" t="s">
        <v>24</v>
      </c>
      <c r="C3930" t="s">
        <v>117</v>
      </c>
      <c r="D3930" t="s">
        <v>118</v>
      </c>
      <c r="E3930">
        <v>2018</v>
      </c>
      <c r="F3930">
        <v>2018</v>
      </c>
      <c r="G3930" t="s">
        <v>14</v>
      </c>
      <c r="H3930" t="s">
        <v>123</v>
      </c>
      <c r="I3930" t="s">
        <v>15</v>
      </c>
      <c r="J3930" s="10">
        <v>18.530752830000001</v>
      </c>
    </row>
    <row r="3931" spans="1:10" x14ac:dyDescent="0.35">
      <c r="A3931" t="s">
        <v>10</v>
      </c>
      <c r="B3931" t="s">
        <v>24</v>
      </c>
      <c r="C3931" t="s">
        <v>117</v>
      </c>
      <c r="D3931" t="s">
        <v>118</v>
      </c>
      <c r="E3931">
        <v>2018</v>
      </c>
      <c r="F3931">
        <v>2018</v>
      </c>
      <c r="G3931" t="s">
        <v>14</v>
      </c>
      <c r="H3931" t="s">
        <v>124</v>
      </c>
      <c r="I3931" t="s">
        <v>15</v>
      </c>
      <c r="J3931" s="10">
        <v>2.7880122530000002</v>
      </c>
    </row>
    <row r="3932" spans="1:10" x14ac:dyDescent="0.35">
      <c r="A3932" t="s">
        <v>10</v>
      </c>
      <c r="B3932" t="s">
        <v>24</v>
      </c>
      <c r="C3932" t="s">
        <v>117</v>
      </c>
      <c r="D3932" t="s">
        <v>118</v>
      </c>
      <c r="E3932">
        <v>2018</v>
      </c>
      <c r="F3932">
        <v>2018</v>
      </c>
      <c r="G3932" t="s">
        <v>125</v>
      </c>
      <c r="H3932" t="s">
        <v>119</v>
      </c>
      <c r="I3932" t="s">
        <v>15</v>
      </c>
      <c r="J3932" s="10">
        <v>18.459152020000001</v>
      </c>
    </row>
    <row r="3933" spans="1:10" x14ac:dyDescent="0.35">
      <c r="A3933" t="s">
        <v>10</v>
      </c>
      <c r="B3933" t="s">
        <v>24</v>
      </c>
      <c r="C3933" t="s">
        <v>117</v>
      </c>
      <c r="D3933" t="s">
        <v>118</v>
      </c>
      <c r="E3933">
        <v>2018</v>
      </c>
      <c r="F3933">
        <v>2018</v>
      </c>
      <c r="G3933" t="s">
        <v>125</v>
      </c>
      <c r="H3933" t="s">
        <v>120</v>
      </c>
      <c r="I3933" t="s">
        <v>15</v>
      </c>
      <c r="J3933" s="10">
        <v>9.9247385959999992</v>
      </c>
    </row>
    <row r="3934" spans="1:10" x14ac:dyDescent="0.35">
      <c r="A3934" t="s">
        <v>10</v>
      </c>
      <c r="B3934" t="s">
        <v>24</v>
      </c>
      <c r="C3934" t="s">
        <v>117</v>
      </c>
      <c r="D3934" t="s">
        <v>118</v>
      </c>
      <c r="E3934">
        <v>2018</v>
      </c>
      <c r="F3934">
        <v>2018</v>
      </c>
      <c r="G3934" t="s">
        <v>125</v>
      </c>
      <c r="H3934" t="s">
        <v>121</v>
      </c>
      <c r="I3934" t="s">
        <v>15</v>
      </c>
      <c r="J3934" s="10">
        <v>29.38067333</v>
      </c>
    </row>
    <row r="3935" spans="1:10" x14ac:dyDescent="0.35">
      <c r="A3935" t="s">
        <v>10</v>
      </c>
      <c r="B3935" t="s">
        <v>24</v>
      </c>
      <c r="C3935" t="s">
        <v>117</v>
      </c>
      <c r="D3935" t="s">
        <v>118</v>
      </c>
      <c r="E3935">
        <v>2018</v>
      </c>
      <c r="F3935">
        <v>2018</v>
      </c>
      <c r="G3935" t="s">
        <v>125</v>
      </c>
      <c r="H3935" t="s">
        <v>122</v>
      </c>
      <c r="I3935" t="s">
        <v>15</v>
      </c>
      <c r="J3935" s="10">
        <v>22.431920030000001</v>
      </c>
    </row>
    <row r="3936" spans="1:10" x14ac:dyDescent="0.35">
      <c r="A3936" t="s">
        <v>10</v>
      </c>
      <c r="B3936" t="s">
        <v>24</v>
      </c>
      <c r="C3936" t="s">
        <v>117</v>
      </c>
      <c r="D3936" t="s">
        <v>118</v>
      </c>
      <c r="E3936">
        <v>2018</v>
      </c>
      <c r="F3936">
        <v>2018</v>
      </c>
      <c r="G3936" t="s">
        <v>125</v>
      </c>
      <c r="H3936" t="s">
        <v>123</v>
      </c>
      <c r="I3936" t="s">
        <v>15</v>
      </c>
      <c r="J3936" s="10">
        <v>17.795587730000001</v>
      </c>
    </row>
    <row r="3937" spans="1:10" x14ac:dyDescent="0.35">
      <c r="A3937" t="s">
        <v>10</v>
      </c>
      <c r="B3937" t="s">
        <v>24</v>
      </c>
      <c r="C3937" t="s">
        <v>117</v>
      </c>
      <c r="D3937" t="s">
        <v>118</v>
      </c>
      <c r="E3937">
        <v>2018</v>
      </c>
      <c r="F3937">
        <v>2018</v>
      </c>
      <c r="G3937" t="s">
        <v>125</v>
      </c>
      <c r="H3937" t="s">
        <v>124</v>
      </c>
      <c r="I3937" t="s">
        <v>15</v>
      </c>
      <c r="J3937" s="10">
        <v>2.0079283010000002</v>
      </c>
    </row>
    <row r="3938" spans="1:10" x14ac:dyDescent="0.35">
      <c r="A3938" t="s">
        <v>10</v>
      </c>
      <c r="B3938" t="s">
        <v>24</v>
      </c>
      <c r="C3938" t="s">
        <v>117</v>
      </c>
      <c r="D3938" t="s">
        <v>118</v>
      </c>
      <c r="E3938">
        <v>2018</v>
      </c>
      <c r="F3938">
        <v>2018</v>
      </c>
      <c r="G3938" t="s">
        <v>126</v>
      </c>
      <c r="H3938" t="s">
        <v>119</v>
      </c>
      <c r="I3938" t="s">
        <v>15</v>
      </c>
      <c r="J3938" s="10">
        <v>16.845699060000001</v>
      </c>
    </row>
    <row r="3939" spans="1:10" x14ac:dyDescent="0.35">
      <c r="A3939" t="s">
        <v>10</v>
      </c>
      <c r="B3939" t="s">
        <v>24</v>
      </c>
      <c r="C3939" t="s">
        <v>117</v>
      </c>
      <c r="D3939" t="s">
        <v>118</v>
      </c>
      <c r="E3939">
        <v>2018</v>
      </c>
      <c r="F3939">
        <v>2018</v>
      </c>
      <c r="G3939" t="s">
        <v>126</v>
      </c>
      <c r="H3939" t="s">
        <v>120</v>
      </c>
      <c r="I3939" t="s">
        <v>15</v>
      </c>
      <c r="J3939" s="10">
        <v>8.2632470090000005</v>
      </c>
    </row>
    <row r="3940" spans="1:10" x14ac:dyDescent="0.35">
      <c r="A3940" t="s">
        <v>10</v>
      </c>
      <c r="B3940" t="s">
        <v>24</v>
      </c>
      <c r="C3940" t="s">
        <v>117</v>
      </c>
      <c r="D3940" t="s">
        <v>118</v>
      </c>
      <c r="E3940">
        <v>2018</v>
      </c>
      <c r="F3940">
        <v>2018</v>
      </c>
      <c r="G3940" t="s">
        <v>126</v>
      </c>
      <c r="H3940" t="s">
        <v>121</v>
      </c>
      <c r="I3940" t="s">
        <v>15</v>
      </c>
      <c r="J3940" s="10">
        <v>30.144058619999999</v>
      </c>
    </row>
    <row r="3941" spans="1:10" x14ac:dyDescent="0.35">
      <c r="A3941" t="s">
        <v>10</v>
      </c>
      <c r="B3941" t="s">
        <v>24</v>
      </c>
      <c r="C3941" t="s">
        <v>117</v>
      </c>
      <c r="D3941" t="s">
        <v>118</v>
      </c>
      <c r="E3941">
        <v>2018</v>
      </c>
      <c r="F3941">
        <v>2018</v>
      </c>
      <c r="G3941" t="s">
        <v>126</v>
      </c>
      <c r="H3941" t="s">
        <v>122</v>
      </c>
      <c r="I3941" t="s">
        <v>15</v>
      </c>
      <c r="J3941" s="10">
        <v>21.964082489999999</v>
      </c>
    </row>
    <row r="3942" spans="1:10" x14ac:dyDescent="0.35">
      <c r="A3942" t="s">
        <v>10</v>
      </c>
      <c r="B3942" t="s">
        <v>24</v>
      </c>
      <c r="C3942" t="s">
        <v>117</v>
      </c>
      <c r="D3942" t="s">
        <v>118</v>
      </c>
      <c r="E3942">
        <v>2018</v>
      </c>
      <c r="F3942">
        <v>2018</v>
      </c>
      <c r="G3942" t="s">
        <v>126</v>
      </c>
      <c r="H3942" t="s">
        <v>123</v>
      </c>
      <c r="I3942" t="s">
        <v>15</v>
      </c>
      <c r="J3942" s="10">
        <v>19.241124710000001</v>
      </c>
    </row>
    <row r="3943" spans="1:10" x14ac:dyDescent="0.35">
      <c r="A3943" t="s">
        <v>10</v>
      </c>
      <c r="B3943" t="s">
        <v>24</v>
      </c>
      <c r="C3943" t="s">
        <v>117</v>
      </c>
      <c r="D3943" t="s">
        <v>118</v>
      </c>
      <c r="E3943">
        <v>2018</v>
      </c>
      <c r="F3943">
        <v>2018</v>
      </c>
      <c r="G3943" t="s">
        <v>126</v>
      </c>
      <c r="H3943" t="s">
        <v>124</v>
      </c>
      <c r="I3943" t="s">
        <v>15</v>
      </c>
      <c r="J3943" s="10">
        <v>3.541788103</v>
      </c>
    </row>
    <row r="3944" spans="1:10" x14ac:dyDescent="0.35">
      <c r="A3944" t="s">
        <v>10</v>
      </c>
      <c r="B3944" t="s">
        <v>24</v>
      </c>
      <c r="C3944" t="s">
        <v>117</v>
      </c>
      <c r="D3944" t="s">
        <v>118</v>
      </c>
      <c r="E3944">
        <v>2017</v>
      </c>
      <c r="F3944">
        <v>2017</v>
      </c>
      <c r="G3944" t="s">
        <v>14</v>
      </c>
      <c r="H3944" t="s">
        <v>119</v>
      </c>
      <c r="I3944" t="s">
        <v>15</v>
      </c>
      <c r="J3944" s="10">
        <v>17.606832799999999</v>
      </c>
    </row>
    <row r="3945" spans="1:10" x14ac:dyDescent="0.35">
      <c r="A3945" t="s">
        <v>10</v>
      </c>
      <c r="B3945" t="s">
        <v>24</v>
      </c>
      <c r="C3945" t="s">
        <v>117</v>
      </c>
      <c r="D3945" t="s">
        <v>118</v>
      </c>
      <c r="E3945">
        <v>2017</v>
      </c>
      <c r="F3945">
        <v>2017</v>
      </c>
      <c r="G3945" t="s">
        <v>14</v>
      </c>
      <c r="H3945" t="s">
        <v>120</v>
      </c>
      <c r="I3945" t="s">
        <v>15</v>
      </c>
      <c r="J3945" s="10">
        <v>9.3106699119999998</v>
      </c>
    </row>
    <row r="3946" spans="1:10" x14ac:dyDescent="0.35">
      <c r="A3946" t="s">
        <v>10</v>
      </c>
      <c r="B3946" t="s">
        <v>24</v>
      </c>
      <c r="C3946" t="s">
        <v>117</v>
      </c>
      <c r="D3946" t="s">
        <v>118</v>
      </c>
      <c r="E3946">
        <v>2017</v>
      </c>
      <c r="F3946">
        <v>2017</v>
      </c>
      <c r="G3946" t="s">
        <v>14</v>
      </c>
      <c r="H3946" t="s">
        <v>121</v>
      </c>
      <c r="I3946" t="s">
        <v>15</v>
      </c>
      <c r="J3946" s="10">
        <v>30.193192530000001</v>
      </c>
    </row>
    <row r="3947" spans="1:10" x14ac:dyDescent="0.35">
      <c r="A3947" t="s">
        <v>10</v>
      </c>
      <c r="B3947" t="s">
        <v>24</v>
      </c>
      <c r="C3947" t="s">
        <v>117</v>
      </c>
      <c r="D3947" t="s">
        <v>118</v>
      </c>
      <c r="E3947">
        <v>2017</v>
      </c>
      <c r="F3947">
        <v>2017</v>
      </c>
      <c r="G3947" t="s">
        <v>14</v>
      </c>
      <c r="H3947" t="s">
        <v>122</v>
      </c>
      <c r="I3947" t="s">
        <v>15</v>
      </c>
      <c r="J3947" s="10">
        <v>21.981454639999999</v>
      </c>
    </row>
    <row r="3948" spans="1:10" x14ac:dyDescent="0.35">
      <c r="A3948" t="s">
        <v>10</v>
      </c>
      <c r="B3948" t="s">
        <v>24</v>
      </c>
      <c r="C3948" t="s">
        <v>117</v>
      </c>
      <c r="D3948" t="s">
        <v>118</v>
      </c>
      <c r="E3948">
        <v>2017</v>
      </c>
      <c r="F3948">
        <v>2017</v>
      </c>
      <c r="G3948" t="s">
        <v>14</v>
      </c>
      <c r="H3948" t="s">
        <v>123</v>
      </c>
      <c r="I3948" t="s">
        <v>15</v>
      </c>
      <c r="J3948" s="10">
        <v>18.207657350000002</v>
      </c>
    </row>
    <row r="3949" spans="1:10" x14ac:dyDescent="0.35">
      <c r="A3949" t="s">
        <v>10</v>
      </c>
      <c r="B3949" t="s">
        <v>24</v>
      </c>
      <c r="C3949" t="s">
        <v>117</v>
      </c>
      <c r="D3949" t="s">
        <v>118</v>
      </c>
      <c r="E3949">
        <v>2017</v>
      </c>
      <c r="F3949">
        <v>2017</v>
      </c>
      <c r="G3949" t="s">
        <v>14</v>
      </c>
      <c r="H3949" t="s">
        <v>124</v>
      </c>
      <c r="I3949" t="s">
        <v>15</v>
      </c>
      <c r="J3949" s="10">
        <v>2.7001927700000001</v>
      </c>
    </row>
    <row r="3950" spans="1:10" x14ac:dyDescent="0.35">
      <c r="A3950" t="s">
        <v>10</v>
      </c>
      <c r="B3950" t="s">
        <v>24</v>
      </c>
      <c r="C3950" t="s">
        <v>117</v>
      </c>
      <c r="D3950" t="s">
        <v>118</v>
      </c>
      <c r="E3950">
        <v>2017</v>
      </c>
      <c r="F3950">
        <v>2017</v>
      </c>
      <c r="G3950" t="s">
        <v>125</v>
      </c>
      <c r="H3950" t="s">
        <v>119</v>
      </c>
      <c r="I3950" t="s">
        <v>15</v>
      </c>
      <c r="J3950" s="10">
        <v>18.516609389999999</v>
      </c>
    </row>
    <row r="3951" spans="1:10" x14ac:dyDescent="0.35">
      <c r="A3951" t="s">
        <v>10</v>
      </c>
      <c r="B3951" t="s">
        <v>24</v>
      </c>
      <c r="C3951" t="s">
        <v>117</v>
      </c>
      <c r="D3951" t="s">
        <v>118</v>
      </c>
      <c r="E3951">
        <v>2017</v>
      </c>
      <c r="F3951">
        <v>2017</v>
      </c>
      <c r="G3951" t="s">
        <v>125</v>
      </c>
      <c r="H3951" t="s">
        <v>120</v>
      </c>
      <c r="I3951" t="s">
        <v>15</v>
      </c>
      <c r="J3951" s="10">
        <v>10.140320729999999</v>
      </c>
    </row>
    <row r="3952" spans="1:10" x14ac:dyDescent="0.35">
      <c r="A3952" t="s">
        <v>10</v>
      </c>
      <c r="B3952" t="s">
        <v>24</v>
      </c>
      <c r="C3952" t="s">
        <v>117</v>
      </c>
      <c r="D3952" t="s">
        <v>118</v>
      </c>
      <c r="E3952">
        <v>2017</v>
      </c>
      <c r="F3952">
        <v>2017</v>
      </c>
      <c r="G3952" t="s">
        <v>125</v>
      </c>
      <c r="H3952" t="s">
        <v>121</v>
      </c>
      <c r="I3952" t="s">
        <v>15</v>
      </c>
      <c r="J3952" s="10">
        <v>29.84536082</v>
      </c>
    </row>
    <row r="3953" spans="1:10" x14ac:dyDescent="0.35">
      <c r="A3953" t="s">
        <v>10</v>
      </c>
      <c r="B3953" t="s">
        <v>24</v>
      </c>
      <c r="C3953" t="s">
        <v>117</v>
      </c>
      <c r="D3953" t="s">
        <v>118</v>
      </c>
      <c r="E3953">
        <v>2017</v>
      </c>
      <c r="F3953">
        <v>2017</v>
      </c>
      <c r="G3953" t="s">
        <v>125</v>
      </c>
      <c r="H3953" t="s">
        <v>122</v>
      </c>
      <c r="I3953" t="s">
        <v>15</v>
      </c>
      <c r="J3953" s="10">
        <v>22.219358530000001</v>
      </c>
    </row>
    <row r="3954" spans="1:10" x14ac:dyDescent="0.35">
      <c r="A3954" t="s">
        <v>10</v>
      </c>
      <c r="B3954" t="s">
        <v>24</v>
      </c>
      <c r="C3954" t="s">
        <v>117</v>
      </c>
      <c r="D3954" t="s">
        <v>118</v>
      </c>
      <c r="E3954">
        <v>2017</v>
      </c>
      <c r="F3954">
        <v>2017</v>
      </c>
      <c r="G3954" t="s">
        <v>125</v>
      </c>
      <c r="H3954" t="s">
        <v>123</v>
      </c>
      <c r="I3954" t="s">
        <v>15</v>
      </c>
      <c r="J3954" s="10">
        <v>17.3997709</v>
      </c>
    </row>
    <row r="3955" spans="1:10" x14ac:dyDescent="0.35">
      <c r="A3955" t="s">
        <v>10</v>
      </c>
      <c r="B3955" t="s">
        <v>24</v>
      </c>
      <c r="C3955" t="s">
        <v>117</v>
      </c>
      <c r="D3955" t="s">
        <v>118</v>
      </c>
      <c r="E3955">
        <v>2017</v>
      </c>
      <c r="F3955">
        <v>2017</v>
      </c>
      <c r="G3955" t="s">
        <v>125</v>
      </c>
      <c r="H3955" t="s">
        <v>124</v>
      </c>
      <c r="I3955" t="s">
        <v>15</v>
      </c>
      <c r="J3955" s="10">
        <v>1.8785796109999999</v>
      </c>
    </row>
    <row r="3956" spans="1:10" x14ac:dyDescent="0.35">
      <c r="A3956" t="s">
        <v>10</v>
      </c>
      <c r="B3956" t="s">
        <v>24</v>
      </c>
      <c r="C3956" t="s">
        <v>117</v>
      </c>
      <c r="D3956" t="s">
        <v>118</v>
      </c>
      <c r="E3956">
        <v>2017</v>
      </c>
      <c r="F3956">
        <v>2017</v>
      </c>
      <c r="G3956" t="s">
        <v>126</v>
      </c>
      <c r="H3956" t="s">
        <v>119</v>
      </c>
      <c r="I3956" t="s">
        <v>15</v>
      </c>
      <c r="J3956" s="10">
        <v>16.727986940000001</v>
      </c>
    </row>
    <row r="3957" spans="1:10" x14ac:dyDescent="0.35">
      <c r="A3957" t="s">
        <v>10</v>
      </c>
      <c r="B3957" t="s">
        <v>24</v>
      </c>
      <c r="C3957" t="s">
        <v>117</v>
      </c>
      <c r="D3957" t="s">
        <v>118</v>
      </c>
      <c r="E3957">
        <v>2017</v>
      </c>
      <c r="F3957">
        <v>2017</v>
      </c>
      <c r="G3957" t="s">
        <v>126</v>
      </c>
      <c r="H3957" t="s">
        <v>120</v>
      </c>
      <c r="I3957" t="s">
        <v>15</v>
      </c>
      <c r="J3957" s="10">
        <v>8.5092257050000004</v>
      </c>
    </row>
    <row r="3958" spans="1:10" x14ac:dyDescent="0.35">
      <c r="A3958" t="s">
        <v>10</v>
      </c>
      <c r="B3958" t="s">
        <v>24</v>
      </c>
      <c r="C3958" t="s">
        <v>117</v>
      </c>
      <c r="D3958" t="s">
        <v>118</v>
      </c>
      <c r="E3958">
        <v>2017</v>
      </c>
      <c r="F3958">
        <v>2017</v>
      </c>
      <c r="G3958" t="s">
        <v>126</v>
      </c>
      <c r="H3958" t="s">
        <v>121</v>
      </c>
      <c r="I3958" t="s">
        <v>15</v>
      </c>
      <c r="J3958" s="10">
        <v>30.52919859</v>
      </c>
    </row>
    <row r="3959" spans="1:10" x14ac:dyDescent="0.35">
      <c r="A3959" t="s">
        <v>10</v>
      </c>
      <c r="B3959" t="s">
        <v>24</v>
      </c>
      <c r="C3959" t="s">
        <v>117</v>
      </c>
      <c r="D3959" t="s">
        <v>118</v>
      </c>
      <c r="E3959">
        <v>2017</v>
      </c>
      <c r="F3959">
        <v>2017</v>
      </c>
      <c r="G3959" t="s">
        <v>126</v>
      </c>
      <c r="H3959" t="s">
        <v>122</v>
      </c>
      <c r="I3959" t="s">
        <v>15</v>
      </c>
      <c r="J3959" s="10">
        <v>21.751639050000001</v>
      </c>
    </row>
    <row r="3960" spans="1:10" x14ac:dyDescent="0.35">
      <c r="A3960" t="s">
        <v>10</v>
      </c>
      <c r="B3960" t="s">
        <v>24</v>
      </c>
      <c r="C3960" t="s">
        <v>117</v>
      </c>
      <c r="D3960" t="s">
        <v>118</v>
      </c>
      <c r="E3960">
        <v>2017</v>
      </c>
      <c r="F3960">
        <v>2017</v>
      </c>
      <c r="G3960" t="s">
        <v>126</v>
      </c>
      <c r="H3960" t="s">
        <v>123</v>
      </c>
      <c r="I3960" t="s">
        <v>15</v>
      </c>
      <c r="J3960" s="10">
        <v>18.988077130000001</v>
      </c>
    </row>
    <row r="3961" spans="1:10" x14ac:dyDescent="0.35">
      <c r="A3961" t="s">
        <v>10</v>
      </c>
      <c r="B3961" t="s">
        <v>24</v>
      </c>
      <c r="C3961" t="s">
        <v>117</v>
      </c>
      <c r="D3961" t="s">
        <v>118</v>
      </c>
      <c r="E3961">
        <v>2017</v>
      </c>
      <c r="F3961">
        <v>2017</v>
      </c>
      <c r="G3961" t="s">
        <v>126</v>
      </c>
      <c r="H3961" t="s">
        <v>124</v>
      </c>
      <c r="I3961" t="s">
        <v>15</v>
      </c>
      <c r="J3961" s="10">
        <v>3.4938725829999999</v>
      </c>
    </row>
    <row r="3962" spans="1:10" x14ac:dyDescent="0.35">
      <c r="A3962" t="s">
        <v>10</v>
      </c>
      <c r="B3962" t="s">
        <v>24</v>
      </c>
      <c r="C3962" t="s">
        <v>117</v>
      </c>
      <c r="D3962" t="s">
        <v>118</v>
      </c>
      <c r="E3962">
        <v>2016</v>
      </c>
      <c r="F3962">
        <v>2016</v>
      </c>
      <c r="G3962" t="s">
        <v>14</v>
      </c>
      <c r="H3962" t="s">
        <v>119</v>
      </c>
      <c r="I3962" t="s">
        <v>15</v>
      </c>
      <c r="J3962" s="10">
        <v>17.563731449999999</v>
      </c>
    </row>
    <row r="3963" spans="1:10" x14ac:dyDescent="0.35">
      <c r="A3963" t="s">
        <v>10</v>
      </c>
      <c r="B3963" t="s">
        <v>24</v>
      </c>
      <c r="C3963" t="s">
        <v>117</v>
      </c>
      <c r="D3963" t="s">
        <v>118</v>
      </c>
      <c r="E3963">
        <v>2016</v>
      </c>
      <c r="F3963">
        <v>2016</v>
      </c>
      <c r="G3963" t="s">
        <v>14</v>
      </c>
      <c r="H3963" t="s">
        <v>120</v>
      </c>
      <c r="I3963" t="s">
        <v>15</v>
      </c>
      <c r="J3963" s="10">
        <v>9.5439862400000006</v>
      </c>
    </row>
    <row r="3964" spans="1:10" x14ac:dyDescent="0.35">
      <c r="A3964" t="s">
        <v>10</v>
      </c>
      <c r="B3964" t="s">
        <v>24</v>
      </c>
      <c r="C3964" t="s">
        <v>117</v>
      </c>
      <c r="D3964" t="s">
        <v>118</v>
      </c>
      <c r="E3964">
        <v>2016</v>
      </c>
      <c r="F3964">
        <v>2016</v>
      </c>
      <c r="G3964" t="s">
        <v>14</v>
      </c>
      <c r="H3964" t="s">
        <v>121</v>
      </c>
      <c r="I3964" t="s">
        <v>15</v>
      </c>
      <c r="J3964" s="10">
        <v>30.666610729999999</v>
      </c>
    </row>
    <row r="3965" spans="1:10" x14ac:dyDescent="0.35">
      <c r="A3965" t="s">
        <v>10</v>
      </c>
      <c r="B3965" t="s">
        <v>24</v>
      </c>
      <c r="C3965" t="s">
        <v>117</v>
      </c>
      <c r="D3965" t="s">
        <v>118</v>
      </c>
      <c r="E3965">
        <v>2016</v>
      </c>
      <c r="F3965">
        <v>2016</v>
      </c>
      <c r="G3965" t="s">
        <v>14</v>
      </c>
      <c r="H3965" t="s">
        <v>122</v>
      </c>
      <c r="I3965" t="s">
        <v>15</v>
      </c>
      <c r="J3965" s="10">
        <v>21.65540966</v>
      </c>
    </row>
    <row r="3966" spans="1:10" x14ac:dyDescent="0.35">
      <c r="A3966" t="s">
        <v>10</v>
      </c>
      <c r="B3966" t="s">
        <v>24</v>
      </c>
      <c r="C3966" t="s">
        <v>117</v>
      </c>
      <c r="D3966" t="s">
        <v>118</v>
      </c>
      <c r="E3966">
        <v>2016</v>
      </c>
      <c r="F3966">
        <v>2016</v>
      </c>
      <c r="G3966" t="s">
        <v>14</v>
      </c>
      <c r="H3966" t="s">
        <v>123</v>
      </c>
      <c r="I3966" t="s">
        <v>15</v>
      </c>
      <c r="J3966" s="10">
        <v>17.89794577</v>
      </c>
    </row>
    <row r="3967" spans="1:10" x14ac:dyDescent="0.35">
      <c r="A3967" t="s">
        <v>10</v>
      </c>
      <c r="B3967" t="s">
        <v>24</v>
      </c>
      <c r="C3967" t="s">
        <v>117</v>
      </c>
      <c r="D3967" t="s">
        <v>118</v>
      </c>
      <c r="E3967">
        <v>2016</v>
      </c>
      <c r="F3967">
        <v>2016</v>
      </c>
      <c r="G3967" t="s">
        <v>14</v>
      </c>
      <c r="H3967" t="s">
        <v>124</v>
      </c>
      <c r="I3967" t="s">
        <v>15</v>
      </c>
      <c r="J3967" s="10">
        <v>2.6723161470000001</v>
      </c>
    </row>
    <row r="3968" spans="1:10" x14ac:dyDescent="0.35">
      <c r="A3968" t="s">
        <v>10</v>
      </c>
      <c r="B3968" t="s">
        <v>24</v>
      </c>
      <c r="C3968" t="s">
        <v>117</v>
      </c>
      <c r="D3968" t="s">
        <v>118</v>
      </c>
      <c r="E3968">
        <v>2016</v>
      </c>
      <c r="F3968">
        <v>2016</v>
      </c>
      <c r="G3968" t="s">
        <v>125</v>
      </c>
      <c r="H3968" t="s">
        <v>119</v>
      </c>
      <c r="I3968" t="s">
        <v>15</v>
      </c>
      <c r="J3968" s="10">
        <v>18.443672800000002</v>
      </c>
    </row>
    <row r="3969" spans="1:10" x14ac:dyDescent="0.35">
      <c r="A3969" t="s">
        <v>10</v>
      </c>
      <c r="B3969" t="s">
        <v>24</v>
      </c>
      <c r="C3969" t="s">
        <v>117</v>
      </c>
      <c r="D3969" t="s">
        <v>118</v>
      </c>
      <c r="E3969">
        <v>2016</v>
      </c>
      <c r="F3969">
        <v>2016</v>
      </c>
      <c r="G3969" t="s">
        <v>125</v>
      </c>
      <c r="H3969" t="s">
        <v>120</v>
      </c>
      <c r="I3969" t="s">
        <v>15</v>
      </c>
      <c r="J3969" s="10">
        <v>10.2350999</v>
      </c>
    </row>
    <row r="3970" spans="1:10" x14ac:dyDescent="0.35">
      <c r="A3970" t="s">
        <v>10</v>
      </c>
      <c r="B3970" t="s">
        <v>24</v>
      </c>
      <c r="C3970" t="s">
        <v>117</v>
      </c>
      <c r="D3970" t="s">
        <v>118</v>
      </c>
      <c r="E3970">
        <v>2016</v>
      </c>
      <c r="F3970">
        <v>2016</v>
      </c>
      <c r="G3970" t="s">
        <v>125</v>
      </c>
      <c r="H3970" t="s">
        <v>121</v>
      </c>
      <c r="I3970" t="s">
        <v>15</v>
      </c>
      <c r="J3970" s="10">
        <v>30.443445100000002</v>
      </c>
    </row>
    <row r="3971" spans="1:10" x14ac:dyDescent="0.35">
      <c r="A3971" t="s">
        <v>10</v>
      </c>
      <c r="B3971" t="s">
        <v>24</v>
      </c>
      <c r="C3971" t="s">
        <v>117</v>
      </c>
      <c r="D3971" t="s">
        <v>118</v>
      </c>
      <c r="E3971">
        <v>2016</v>
      </c>
      <c r="F3971">
        <v>2016</v>
      </c>
      <c r="G3971" t="s">
        <v>125</v>
      </c>
      <c r="H3971" t="s">
        <v>122</v>
      </c>
      <c r="I3971" t="s">
        <v>15</v>
      </c>
      <c r="J3971" s="10">
        <v>21.941708890000001</v>
      </c>
    </row>
    <row r="3972" spans="1:10" x14ac:dyDescent="0.35">
      <c r="A3972" t="s">
        <v>10</v>
      </c>
      <c r="B3972" t="s">
        <v>24</v>
      </c>
      <c r="C3972" t="s">
        <v>117</v>
      </c>
      <c r="D3972" t="s">
        <v>118</v>
      </c>
      <c r="E3972">
        <v>2016</v>
      </c>
      <c r="F3972">
        <v>2016</v>
      </c>
      <c r="G3972" t="s">
        <v>125</v>
      </c>
      <c r="H3972" t="s">
        <v>123</v>
      </c>
      <c r="I3972" t="s">
        <v>15</v>
      </c>
      <c r="J3972" s="10">
        <v>17.091706039999998</v>
      </c>
    </row>
    <row r="3973" spans="1:10" x14ac:dyDescent="0.35">
      <c r="A3973" t="s">
        <v>10</v>
      </c>
      <c r="B3973" t="s">
        <v>24</v>
      </c>
      <c r="C3973" t="s">
        <v>117</v>
      </c>
      <c r="D3973" t="s">
        <v>118</v>
      </c>
      <c r="E3973">
        <v>2016</v>
      </c>
      <c r="F3973">
        <v>2016</v>
      </c>
      <c r="G3973" t="s">
        <v>125</v>
      </c>
      <c r="H3973" t="s">
        <v>124</v>
      </c>
      <c r="I3973" t="s">
        <v>15</v>
      </c>
      <c r="J3973" s="10">
        <v>1.8443672799999999</v>
      </c>
    </row>
    <row r="3974" spans="1:10" x14ac:dyDescent="0.35">
      <c r="A3974" t="s">
        <v>10</v>
      </c>
      <c r="B3974" t="s">
        <v>24</v>
      </c>
      <c r="C3974" t="s">
        <v>117</v>
      </c>
      <c r="D3974" t="s">
        <v>118</v>
      </c>
      <c r="E3974">
        <v>2016</v>
      </c>
      <c r="F3974">
        <v>2016</v>
      </c>
      <c r="G3974" t="s">
        <v>126</v>
      </c>
      <c r="H3974" t="s">
        <v>119</v>
      </c>
      <c r="I3974" t="s">
        <v>15</v>
      </c>
      <c r="J3974" s="10">
        <v>16.713857659999999</v>
      </c>
    </row>
    <row r="3975" spans="1:10" x14ac:dyDescent="0.35">
      <c r="A3975" t="s">
        <v>10</v>
      </c>
      <c r="B3975" t="s">
        <v>24</v>
      </c>
      <c r="C3975" t="s">
        <v>117</v>
      </c>
      <c r="D3975" t="s">
        <v>118</v>
      </c>
      <c r="E3975">
        <v>2016</v>
      </c>
      <c r="F3975">
        <v>2016</v>
      </c>
      <c r="G3975" t="s">
        <v>126</v>
      </c>
      <c r="H3975" t="s">
        <v>120</v>
      </c>
      <c r="I3975" t="s">
        <v>15</v>
      </c>
      <c r="J3975" s="10">
        <v>8.876487891</v>
      </c>
    </row>
    <row r="3976" spans="1:10" x14ac:dyDescent="0.35">
      <c r="A3976" t="s">
        <v>10</v>
      </c>
      <c r="B3976" t="s">
        <v>24</v>
      </c>
      <c r="C3976" t="s">
        <v>117</v>
      </c>
      <c r="D3976" t="s">
        <v>118</v>
      </c>
      <c r="E3976">
        <v>2016</v>
      </c>
      <c r="F3976">
        <v>2016</v>
      </c>
      <c r="G3976" t="s">
        <v>126</v>
      </c>
      <c r="H3976" t="s">
        <v>121</v>
      </c>
      <c r="I3976" t="s">
        <v>15</v>
      </c>
      <c r="J3976" s="10">
        <v>30.882150809999999</v>
      </c>
    </row>
    <row r="3977" spans="1:10" x14ac:dyDescent="0.35">
      <c r="A3977" t="s">
        <v>10</v>
      </c>
      <c r="B3977" t="s">
        <v>24</v>
      </c>
      <c r="C3977" t="s">
        <v>117</v>
      </c>
      <c r="D3977" t="s">
        <v>118</v>
      </c>
      <c r="E3977">
        <v>2016</v>
      </c>
      <c r="F3977">
        <v>2016</v>
      </c>
      <c r="G3977" t="s">
        <v>126</v>
      </c>
      <c r="H3977" t="s">
        <v>122</v>
      </c>
      <c r="I3977" t="s">
        <v>15</v>
      </c>
      <c r="J3977" s="10">
        <v>21.378893260000002</v>
      </c>
    </row>
    <row r="3978" spans="1:10" x14ac:dyDescent="0.35">
      <c r="A3978" t="s">
        <v>10</v>
      </c>
      <c r="B3978" t="s">
        <v>24</v>
      </c>
      <c r="C3978" t="s">
        <v>117</v>
      </c>
      <c r="D3978" t="s">
        <v>118</v>
      </c>
      <c r="E3978">
        <v>2016</v>
      </c>
      <c r="F3978">
        <v>2016</v>
      </c>
      <c r="G3978" t="s">
        <v>126</v>
      </c>
      <c r="H3978" t="s">
        <v>123</v>
      </c>
      <c r="I3978" t="s">
        <v>15</v>
      </c>
      <c r="J3978" s="10">
        <v>18.676636340000002</v>
      </c>
    </row>
    <row r="3979" spans="1:10" x14ac:dyDescent="0.35">
      <c r="A3979" t="s">
        <v>10</v>
      </c>
      <c r="B3979" t="s">
        <v>24</v>
      </c>
      <c r="C3979" t="s">
        <v>117</v>
      </c>
      <c r="D3979" t="s">
        <v>118</v>
      </c>
      <c r="E3979">
        <v>2016</v>
      </c>
      <c r="F3979">
        <v>2016</v>
      </c>
      <c r="G3979" t="s">
        <v>126</v>
      </c>
      <c r="H3979" t="s">
        <v>124</v>
      </c>
      <c r="I3979" t="s">
        <v>15</v>
      </c>
      <c r="J3979" s="10">
        <v>3.47197405</v>
      </c>
    </row>
    <row r="3980" spans="1:10" x14ac:dyDescent="0.35">
      <c r="A3980" t="s">
        <v>10</v>
      </c>
      <c r="B3980" t="s">
        <v>24</v>
      </c>
      <c r="C3980" t="s">
        <v>117</v>
      </c>
      <c r="D3980" t="s">
        <v>118</v>
      </c>
      <c r="E3980">
        <v>2015</v>
      </c>
      <c r="F3980">
        <v>2015</v>
      </c>
      <c r="G3980" t="s">
        <v>14</v>
      </c>
      <c r="H3980" t="s">
        <v>119</v>
      </c>
      <c r="I3980" t="s">
        <v>15</v>
      </c>
      <c r="J3980" s="10">
        <v>17.49193357</v>
      </c>
    </row>
    <row r="3981" spans="1:10" x14ac:dyDescent="0.35">
      <c r="A3981" t="s">
        <v>10</v>
      </c>
      <c r="B3981" t="s">
        <v>24</v>
      </c>
      <c r="C3981" t="s">
        <v>117</v>
      </c>
      <c r="D3981" t="s">
        <v>118</v>
      </c>
      <c r="E3981">
        <v>2015</v>
      </c>
      <c r="F3981">
        <v>2015</v>
      </c>
      <c r="G3981" t="s">
        <v>14</v>
      </c>
      <c r="H3981" t="s">
        <v>120</v>
      </c>
      <c r="I3981" t="s">
        <v>15</v>
      </c>
      <c r="J3981" s="10">
        <v>9.7439693819999995</v>
      </c>
    </row>
    <row r="3982" spans="1:10" x14ac:dyDescent="0.35">
      <c r="A3982" t="s">
        <v>10</v>
      </c>
      <c r="B3982" t="s">
        <v>24</v>
      </c>
      <c r="C3982" t="s">
        <v>117</v>
      </c>
      <c r="D3982" t="s">
        <v>118</v>
      </c>
      <c r="E3982">
        <v>2015</v>
      </c>
      <c r="F3982">
        <v>2015</v>
      </c>
      <c r="G3982" t="s">
        <v>14</v>
      </c>
      <c r="H3982" t="s">
        <v>121</v>
      </c>
      <c r="I3982" t="s">
        <v>15</v>
      </c>
      <c r="J3982" s="10">
        <v>31.057505620000001</v>
      </c>
    </row>
    <row r="3983" spans="1:10" x14ac:dyDescent="0.35">
      <c r="A3983" t="s">
        <v>10</v>
      </c>
      <c r="B3983" t="s">
        <v>24</v>
      </c>
      <c r="C3983" t="s">
        <v>117</v>
      </c>
      <c r="D3983" t="s">
        <v>118</v>
      </c>
      <c r="E3983">
        <v>2015</v>
      </c>
      <c r="F3983">
        <v>2015</v>
      </c>
      <c r="G3983" t="s">
        <v>14</v>
      </c>
      <c r="H3983" t="s">
        <v>122</v>
      </c>
      <c r="I3983" t="s">
        <v>15</v>
      </c>
      <c r="J3983" s="10">
        <v>21.499308589999998</v>
      </c>
    </row>
    <row r="3984" spans="1:10" x14ac:dyDescent="0.35">
      <c r="A3984" t="s">
        <v>10</v>
      </c>
      <c r="B3984" t="s">
        <v>24</v>
      </c>
      <c r="C3984" t="s">
        <v>117</v>
      </c>
      <c r="D3984" t="s">
        <v>118</v>
      </c>
      <c r="E3984">
        <v>2015</v>
      </c>
      <c r="F3984">
        <v>2015</v>
      </c>
      <c r="G3984" t="s">
        <v>14</v>
      </c>
      <c r="H3984" t="s">
        <v>123</v>
      </c>
      <c r="I3984" t="s">
        <v>15</v>
      </c>
      <c r="J3984" s="10">
        <v>17.600882769999998</v>
      </c>
    </row>
    <row r="3985" spans="1:10" x14ac:dyDescent="0.35">
      <c r="A3985" t="s">
        <v>10</v>
      </c>
      <c r="B3985" t="s">
        <v>24</v>
      </c>
      <c r="C3985" t="s">
        <v>117</v>
      </c>
      <c r="D3985" t="s">
        <v>118</v>
      </c>
      <c r="E3985">
        <v>2015</v>
      </c>
      <c r="F3985">
        <v>2015</v>
      </c>
      <c r="G3985" t="s">
        <v>14</v>
      </c>
      <c r="H3985" t="s">
        <v>124</v>
      </c>
      <c r="I3985" t="s">
        <v>15</v>
      </c>
      <c r="J3985" s="10">
        <v>2.606400067</v>
      </c>
    </row>
    <row r="3986" spans="1:10" x14ac:dyDescent="0.35">
      <c r="A3986" t="s">
        <v>10</v>
      </c>
      <c r="B3986" t="s">
        <v>24</v>
      </c>
      <c r="C3986" t="s">
        <v>117</v>
      </c>
      <c r="D3986" t="s">
        <v>118</v>
      </c>
      <c r="E3986">
        <v>2015</v>
      </c>
      <c r="F3986">
        <v>2015</v>
      </c>
      <c r="G3986" t="s">
        <v>125</v>
      </c>
      <c r="H3986" t="s">
        <v>119</v>
      </c>
      <c r="I3986" t="s">
        <v>15</v>
      </c>
      <c r="J3986" s="10">
        <v>18.465302869999999</v>
      </c>
    </row>
    <row r="3987" spans="1:10" x14ac:dyDescent="0.35">
      <c r="A3987" t="s">
        <v>10</v>
      </c>
      <c r="B3987" t="s">
        <v>24</v>
      </c>
      <c r="C3987" t="s">
        <v>117</v>
      </c>
      <c r="D3987" t="s">
        <v>118</v>
      </c>
      <c r="E3987">
        <v>2015</v>
      </c>
      <c r="F3987">
        <v>2015</v>
      </c>
      <c r="G3987" t="s">
        <v>125</v>
      </c>
      <c r="H3987" t="s">
        <v>120</v>
      </c>
      <c r="I3987" t="s">
        <v>15</v>
      </c>
      <c r="J3987" s="10">
        <v>10.350812299999999</v>
      </c>
    </row>
    <row r="3988" spans="1:10" x14ac:dyDescent="0.35">
      <c r="A3988" t="s">
        <v>10</v>
      </c>
      <c r="B3988" t="s">
        <v>24</v>
      </c>
      <c r="C3988" t="s">
        <v>117</v>
      </c>
      <c r="D3988" t="s">
        <v>118</v>
      </c>
      <c r="E3988">
        <v>2015</v>
      </c>
      <c r="F3988">
        <v>2015</v>
      </c>
      <c r="G3988" t="s">
        <v>125</v>
      </c>
      <c r="H3988" t="s">
        <v>121</v>
      </c>
      <c r="I3988" t="s">
        <v>15</v>
      </c>
      <c r="J3988" s="10">
        <v>30.767917600000001</v>
      </c>
    </row>
    <row r="3989" spans="1:10" x14ac:dyDescent="0.35">
      <c r="A3989" t="s">
        <v>10</v>
      </c>
      <c r="B3989" t="s">
        <v>24</v>
      </c>
      <c r="C3989" t="s">
        <v>117</v>
      </c>
      <c r="D3989" t="s">
        <v>118</v>
      </c>
      <c r="E3989">
        <v>2015</v>
      </c>
      <c r="F3989">
        <v>2015</v>
      </c>
      <c r="G3989" t="s">
        <v>125</v>
      </c>
      <c r="H3989" t="s">
        <v>122</v>
      </c>
      <c r="I3989" t="s">
        <v>15</v>
      </c>
      <c r="J3989" s="10">
        <v>21.936438389999999</v>
      </c>
    </row>
    <row r="3990" spans="1:10" x14ac:dyDescent="0.35">
      <c r="A3990" t="s">
        <v>10</v>
      </c>
      <c r="B3990" t="s">
        <v>24</v>
      </c>
      <c r="C3990" t="s">
        <v>117</v>
      </c>
      <c r="D3990" t="s">
        <v>118</v>
      </c>
      <c r="E3990">
        <v>2015</v>
      </c>
      <c r="F3990">
        <v>2015</v>
      </c>
      <c r="G3990" t="s">
        <v>125</v>
      </c>
      <c r="H3990" t="s">
        <v>123</v>
      </c>
      <c r="I3990" t="s">
        <v>15</v>
      </c>
      <c r="J3990" s="10">
        <v>16.772413010000001</v>
      </c>
    </row>
    <row r="3991" spans="1:10" x14ac:dyDescent="0.35">
      <c r="A3991" t="s">
        <v>10</v>
      </c>
      <c r="B3991" t="s">
        <v>24</v>
      </c>
      <c r="C3991" t="s">
        <v>117</v>
      </c>
      <c r="D3991" t="s">
        <v>118</v>
      </c>
      <c r="E3991">
        <v>2015</v>
      </c>
      <c r="F3991">
        <v>2015</v>
      </c>
      <c r="G3991" t="s">
        <v>125</v>
      </c>
      <c r="H3991" t="s">
        <v>124</v>
      </c>
      <c r="I3991" t="s">
        <v>15</v>
      </c>
      <c r="J3991" s="10">
        <v>1.7071158280000001</v>
      </c>
    </row>
    <row r="3992" spans="1:10" x14ac:dyDescent="0.35">
      <c r="A3992" t="s">
        <v>10</v>
      </c>
      <c r="B3992" t="s">
        <v>24</v>
      </c>
      <c r="C3992" t="s">
        <v>117</v>
      </c>
      <c r="D3992" t="s">
        <v>118</v>
      </c>
      <c r="E3992">
        <v>2015</v>
      </c>
      <c r="F3992">
        <v>2015</v>
      </c>
      <c r="G3992" t="s">
        <v>126</v>
      </c>
      <c r="H3992" t="s">
        <v>119</v>
      </c>
      <c r="I3992" t="s">
        <v>15</v>
      </c>
      <c r="J3992" s="10">
        <v>16.553256869999998</v>
      </c>
    </row>
    <row r="3993" spans="1:10" x14ac:dyDescent="0.35">
      <c r="A3993" t="s">
        <v>10</v>
      </c>
      <c r="B3993" t="s">
        <v>24</v>
      </c>
      <c r="C3993" t="s">
        <v>117</v>
      </c>
      <c r="D3993" t="s">
        <v>118</v>
      </c>
      <c r="E3993">
        <v>2015</v>
      </c>
      <c r="F3993">
        <v>2015</v>
      </c>
      <c r="G3993" t="s">
        <v>126</v>
      </c>
      <c r="H3993" t="s">
        <v>120</v>
      </c>
      <c r="I3993" t="s">
        <v>15</v>
      </c>
      <c r="J3993" s="10">
        <v>9.1587554190000002</v>
      </c>
    </row>
    <row r="3994" spans="1:10" x14ac:dyDescent="0.35">
      <c r="A3994" t="s">
        <v>10</v>
      </c>
      <c r="B3994" t="s">
        <v>24</v>
      </c>
      <c r="C3994" t="s">
        <v>117</v>
      </c>
      <c r="D3994" t="s">
        <v>118</v>
      </c>
      <c r="E3994">
        <v>2015</v>
      </c>
      <c r="F3994">
        <v>2015</v>
      </c>
      <c r="G3994" t="s">
        <v>126</v>
      </c>
      <c r="H3994" t="s">
        <v>121</v>
      </c>
      <c r="I3994" t="s">
        <v>15</v>
      </c>
      <c r="J3994" s="10">
        <v>31.336772209999999</v>
      </c>
    </row>
    <row r="3995" spans="1:10" x14ac:dyDescent="0.35">
      <c r="A3995" t="s">
        <v>10</v>
      </c>
      <c r="B3995" t="s">
        <v>24</v>
      </c>
      <c r="C3995" t="s">
        <v>117</v>
      </c>
      <c r="D3995" t="s">
        <v>118</v>
      </c>
      <c r="E3995">
        <v>2015</v>
      </c>
      <c r="F3995">
        <v>2015</v>
      </c>
      <c r="G3995" t="s">
        <v>126</v>
      </c>
      <c r="H3995" t="s">
        <v>122</v>
      </c>
      <c r="I3995" t="s">
        <v>15</v>
      </c>
      <c r="J3995" s="10">
        <v>21.077758880000001</v>
      </c>
    </row>
    <row r="3996" spans="1:10" x14ac:dyDescent="0.35">
      <c r="A3996" t="s">
        <v>10</v>
      </c>
      <c r="B3996" t="s">
        <v>24</v>
      </c>
      <c r="C3996" t="s">
        <v>117</v>
      </c>
      <c r="D3996" t="s">
        <v>118</v>
      </c>
      <c r="E3996">
        <v>2015</v>
      </c>
      <c r="F3996">
        <v>2015</v>
      </c>
      <c r="G3996" t="s">
        <v>126</v>
      </c>
      <c r="H3996" t="s">
        <v>123</v>
      </c>
      <c r="I3996" t="s">
        <v>15</v>
      </c>
      <c r="J3996" s="10">
        <v>18.3998244</v>
      </c>
    </row>
    <row r="3997" spans="1:10" x14ac:dyDescent="0.35">
      <c r="A3997" t="s">
        <v>10</v>
      </c>
      <c r="B3997" t="s">
        <v>24</v>
      </c>
      <c r="C3997" t="s">
        <v>117</v>
      </c>
      <c r="D3997" t="s">
        <v>118</v>
      </c>
      <c r="E3997">
        <v>2015</v>
      </c>
      <c r="F3997">
        <v>2015</v>
      </c>
      <c r="G3997" t="s">
        <v>126</v>
      </c>
      <c r="H3997" t="s">
        <v>124</v>
      </c>
      <c r="I3997" t="s">
        <v>15</v>
      </c>
      <c r="J3997" s="10">
        <v>3.4736322230000001</v>
      </c>
    </row>
    <row r="3998" spans="1:10" x14ac:dyDescent="0.35">
      <c r="A3998" t="s">
        <v>10</v>
      </c>
      <c r="B3998" t="s">
        <v>24</v>
      </c>
      <c r="C3998" t="s">
        <v>117</v>
      </c>
      <c r="D3998" t="s">
        <v>118</v>
      </c>
      <c r="E3998">
        <v>2014</v>
      </c>
      <c r="F3998">
        <v>2014</v>
      </c>
      <c r="G3998" t="s">
        <v>14</v>
      </c>
      <c r="H3998" t="s">
        <v>119</v>
      </c>
      <c r="I3998" t="s">
        <v>15</v>
      </c>
      <c r="J3998" s="10">
        <v>17.509776540000001</v>
      </c>
    </row>
    <row r="3999" spans="1:10" x14ac:dyDescent="0.35">
      <c r="A3999" t="s">
        <v>10</v>
      </c>
      <c r="B3999" t="s">
        <v>24</v>
      </c>
      <c r="C3999" t="s">
        <v>117</v>
      </c>
      <c r="D3999" t="s">
        <v>118</v>
      </c>
      <c r="E3999">
        <v>2014</v>
      </c>
      <c r="F3999">
        <v>2014</v>
      </c>
      <c r="G3999" t="s">
        <v>14</v>
      </c>
      <c r="H3999" t="s">
        <v>120</v>
      </c>
      <c r="I3999" t="s">
        <v>15</v>
      </c>
      <c r="J3999" s="10">
        <v>9.8268156419999997</v>
      </c>
    </row>
    <row r="4000" spans="1:10" x14ac:dyDescent="0.35">
      <c r="A4000" t="s">
        <v>10</v>
      </c>
      <c r="B4000" t="s">
        <v>24</v>
      </c>
      <c r="C4000" t="s">
        <v>117</v>
      </c>
      <c r="D4000" t="s">
        <v>118</v>
      </c>
      <c r="E4000">
        <v>2014</v>
      </c>
      <c r="F4000">
        <v>2014</v>
      </c>
      <c r="G4000" t="s">
        <v>14</v>
      </c>
      <c r="H4000" t="s">
        <v>121</v>
      </c>
      <c r="I4000" t="s">
        <v>15</v>
      </c>
      <c r="J4000" s="10">
        <v>31.353351960000001</v>
      </c>
    </row>
    <row r="4001" spans="1:10" x14ac:dyDescent="0.35">
      <c r="A4001" t="s">
        <v>10</v>
      </c>
      <c r="B4001" t="s">
        <v>24</v>
      </c>
      <c r="C4001" t="s">
        <v>117</v>
      </c>
      <c r="D4001" t="s">
        <v>118</v>
      </c>
      <c r="E4001">
        <v>2014</v>
      </c>
      <c r="F4001">
        <v>2014</v>
      </c>
      <c r="G4001" t="s">
        <v>14</v>
      </c>
      <c r="H4001" t="s">
        <v>122</v>
      </c>
      <c r="I4001" t="s">
        <v>15</v>
      </c>
      <c r="J4001" s="10">
        <v>21.272346370000001</v>
      </c>
    </row>
    <row r="4002" spans="1:10" x14ac:dyDescent="0.35">
      <c r="A4002" t="s">
        <v>10</v>
      </c>
      <c r="B4002" t="s">
        <v>24</v>
      </c>
      <c r="C4002" t="s">
        <v>117</v>
      </c>
      <c r="D4002" t="s">
        <v>118</v>
      </c>
      <c r="E4002">
        <v>2014</v>
      </c>
      <c r="F4002">
        <v>2014</v>
      </c>
      <c r="G4002" t="s">
        <v>14</v>
      </c>
      <c r="H4002" t="s">
        <v>123</v>
      </c>
      <c r="I4002" t="s">
        <v>15</v>
      </c>
      <c r="J4002" s="10">
        <v>17.41480447</v>
      </c>
    </row>
    <row r="4003" spans="1:10" x14ac:dyDescent="0.35">
      <c r="A4003" t="s">
        <v>10</v>
      </c>
      <c r="B4003" t="s">
        <v>24</v>
      </c>
      <c r="C4003" t="s">
        <v>117</v>
      </c>
      <c r="D4003" t="s">
        <v>118</v>
      </c>
      <c r="E4003">
        <v>2014</v>
      </c>
      <c r="F4003">
        <v>2014</v>
      </c>
      <c r="G4003" t="s">
        <v>14</v>
      </c>
      <c r="H4003" t="s">
        <v>124</v>
      </c>
      <c r="I4003" t="s">
        <v>15</v>
      </c>
      <c r="J4003" s="10">
        <v>2.6229050279999999</v>
      </c>
    </row>
    <row r="4004" spans="1:10" x14ac:dyDescent="0.35">
      <c r="A4004" t="s">
        <v>10</v>
      </c>
      <c r="B4004" t="s">
        <v>24</v>
      </c>
      <c r="C4004" t="s">
        <v>117</v>
      </c>
      <c r="D4004" t="s">
        <v>118</v>
      </c>
      <c r="E4004">
        <v>2014</v>
      </c>
      <c r="F4004">
        <v>2014</v>
      </c>
      <c r="G4004" t="s">
        <v>125</v>
      </c>
      <c r="H4004" t="s">
        <v>119</v>
      </c>
      <c r="I4004" t="s">
        <v>15</v>
      </c>
      <c r="J4004" s="10">
        <v>18.492176390000001</v>
      </c>
    </row>
    <row r="4005" spans="1:10" x14ac:dyDescent="0.35">
      <c r="A4005" t="s">
        <v>10</v>
      </c>
      <c r="B4005" t="s">
        <v>24</v>
      </c>
      <c r="C4005" t="s">
        <v>117</v>
      </c>
      <c r="D4005" t="s">
        <v>118</v>
      </c>
      <c r="E4005">
        <v>2014</v>
      </c>
      <c r="F4005">
        <v>2014</v>
      </c>
      <c r="G4005" t="s">
        <v>125</v>
      </c>
      <c r="H4005" t="s">
        <v>120</v>
      </c>
      <c r="I4005" t="s">
        <v>15</v>
      </c>
      <c r="J4005" s="10">
        <v>10.438122330000001</v>
      </c>
    </row>
    <row r="4006" spans="1:10" x14ac:dyDescent="0.35">
      <c r="A4006" t="s">
        <v>10</v>
      </c>
      <c r="B4006" t="s">
        <v>24</v>
      </c>
      <c r="C4006" t="s">
        <v>117</v>
      </c>
      <c r="D4006" t="s">
        <v>118</v>
      </c>
      <c r="E4006">
        <v>2014</v>
      </c>
      <c r="F4006">
        <v>2014</v>
      </c>
      <c r="G4006" t="s">
        <v>125</v>
      </c>
      <c r="H4006" t="s">
        <v>121</v>
      </c>
      <c r="I4006" t="s">
        <v>15</v>
      </c>
      <c r="J4006" s="10">
        <v>31.135135139999999</v>
      </c>
    </row>
    <row r="4007" spans="1:10" x14ac:dyDescent="0.35">
      <c r="A4007" t="s">
        <v>10</v>
      </c>
      <c r="B4007" t="s">
        <v>24</v>
      </c>
      <c r="C4007" t="s">
        <v>117</v>
      </c>
      <c r="D4007" t="s">
        <v>118</v>
      </c>
      <c r="E4007">
        <v>2014</v>
      </c>
      <c r="F4007">
        <v>2014</v>
      </c>
      <c r="G4007" t="s">
        <v>125</v>
      </c>
      <c r="H4007" t="s">
        <v>122</v>
      </c>
      <c r="I4007" t="s">
        <v>15</v>
      </c>
      <c r="J4007" s="10">
        <v>21.77240398</v>
      </c>
    </row>
    <row r="4008" spans="1:10" x14ac:dyDescent="0.35">
      <c r="A4008" t="s">
        <v>10</v>
      </c>
      <c r="B4008" t="s">
        <v>24</v>
      </c>
      <c r="C4008" t="s">
        <v>117</v>
      </c>
      <c r="D4008" t="s">
        <v>118</v>
      </c>
      <c r="E4008">
        <v>2014</v>
      </c>
      <c r="F4008">
        <v>2014</v>
      </c>
      <c r="G4008" t="s">
        <v>125</v>
      </c>
      <c r="H4008" t="s">
        <v>123</v>
      </c>
      <c r="I4008" t="s">
        <v>15</v>
      </c>
      <c r="J4008" s="10">
        <v>16.520625890000002</v>
      </c>
    </row>
    <row r="4009" spans="1:10" x14ac:dyDescent="0.35">
      <c r="A4009" t="s">
        <v>10</v>
      </c>
      <c r="B4009" t="s">
        <v>24</v>
      </c>
      <c r="C4009" t="s">
        <v>117</v>
      </c>
      <c r="D4009" t="s">
        <v>118</v>
      </c>
      <c r="E4009">
        <v>2014</v>
      </c>
      <c r="F4009">
        <v>2014</v>
      </c>
      <c r="G4009" t="s">
        <v>125</v>
      </c>
      <c r="H4009" t="s">
        <v>124</v>
      </c>
      <c r="I4009" t="s">
        <v>15</v>
      </c>
      <c r="J4009" s="10">
        <v>1.641536273</v>
      </c>
    </row>
    <row r="4010" spans="1:10" x14ac:dyDescent="0.35">
      <c r="A4010" t="s">
        <v>10</v>
      </c>
      <c r="B4010" t="s">
        <v>24</v>
      </c>
      <c r="C4010" t="s">
        <v>117</v>
      </c>
      <c r="D4010" t="s">
        <v>118</v>
      </c>
      <c r="E4010">
        <v>2014</v>
      </c>
      <c r="F4010">
        <v>2014</v>
      </c>
      <c r="G4010" t="s">
        <v>126</v>
      </c>
      <c r="H4010" t="s">
        <v>119</v>
      </c>
      <c r="I4010" t="s">
        <v>15</v>
      </c>
      <c r="J4010" s="10">
        <v>16.562414270000001</v>
      </c>
    </row>
    <row r="4011" spans="1:10" x14ac:dyDescent="0.35">
      <c r="A4011" t="s">
        <v>10</v>
      </c>
      <c r="B4011" t="s">
        <v>24</v>
      </c>
      <c r="C4011" t="s">
        <v>117</v>
      </c>
      <c r="D4011" t="s">
        <v>118</v>
      </c>
      <c r="E4011">
        <v>2014</v>
      </c>
      <c r="F4011">
        <v>2014</v>
      </c>
      <c r="G4011" t="s">
        <v>126</v>
      </c>
      <c r="H4011" t="s">
        <v>120</v>
      </c>
      <c r="I4011" t="s">
        <v>15</v>
      </c>
      <c r="J4011" s="10">
        <v>9.2373113849999999</v>
      </c>
    </row>
    <row r="4012" spans="1:10" x14ac:dyDescent="0.35">
      <c r="A4012" t="s">
        <v>10</v>
      </c>
      <c r="B4012" t="s">
        <v>24</v>
      </c>
      <c r="C4012" t="s">
        <v>117</v>
      </c>
      <c r="D4012" t="s">
        <v>118</v>
      </c>
      <c r="E4012">
        <v>2014</v>
      </c>
      <c r="F4012">
        <v>2014</v>
      </c>
      <c r="G4012" t="s">
        <v>126</v>
      </c>
      <c r="H4012" t="s">
        <v>121</v>
      </c>
      <c r="I4012" t="s">
        <v>15</v>
      </c>
      <c r="J4012" s="10">
        <v>31.563786010000001</v>
      </c>
    </row>
    <row r="4013" spans="1:10" x14ac:dyDescent="0.35">
      <c r="A4013" t="s">
        <v>10</v>
      </c>
      <c r="B4013" t="s">
        <v>24</v>
      </c>
      <c r="C4013" t="s">
        <v>117</v>
      </c>
      <c r="D4013" t="s">
        <v>118</v>
      </c>
      <c r="E4013">
        <v>2014</v>
      </c>
      <c r="F4013">
        <v>2014</v>
      </c>
      <c r="G4013" t="s">
        <v>126</v>
      </c>
      <c r="H4013" t="s">
        <v>122</v>
      </c>
      <c r="I4013" t="s">
        <v>15</v>
      </c>
      <c r="J4013" s="10">
        <v>20.79012346</v>
      </c>
    </row>
    <row r="4014" spans="1:10" x14ac:dyDescent="0.35">
      <c r="A4014" t="s">
        <v>10</v>
      </c>
      <c r="B4014" t="s">
        <v>24</v>
      </c>
      <c r="C4014" t="s">
        <v>117</v>
      </c>
      <c r="D4014" t="s">
        <v>118</v>
      </c>
      <c r="E4014">
        <v>2014</v>
      </c>
      <c r="F4014">
        <v>2014</v>
      </c>
      <c r="G4014" t="s">
        <v>126</v>
      </c>
      <c r="H4014" t="s">
        <v>123</v>
      </c>
      <c r="I4014" t="s">
        <v>15</v>
      </c>
      <c r="J4014" s="10">
        <v>18.277091909999999</v>
      </c>
    </row>
    <row r="4015" spans="1:10" x14ac:dyDescent="0.35">
      <c r="A4015" t="s">
        <v>10</v>
      </c>
      <c r="B4015" t="s">
        <v>24</v>
      </c>
      <c r="C4015" t="s">
        <v>117</v>
      </c>
      <c r="D4015" t="s">
        <v>118</v>
      </c>
      <c r="E4015">
        <v>2014</v>
      </c>
      <c r="F4015">
        <v>2014</v>
      </c>
      <c r="G4015" t="s">
        <v>126</v>
      </c>
      <c r="H4015" t="s">
        <v>124</v>
      </c>
      <c r="I4015" t="s">
        <v>15</v>
      </c>
      <c r="J4015" s="10">
        <v>3.5692729769999998</v>
      </c>
    </row>
    <row r="4016" spans="1:10" x14ac:dyDescent="0.35">
      <c r="A4016" t="s">
        <v>10</v>
      </c>
      <c r="B4016" t="s">
        <v>24</v>
      </c>
      <c r="C4016" t="s">
        <v>117</v>
      </c>
      <c r="D4016" t="s">
        <v>118</v>
      </c>
      <c r="E4016">
        <v>2013</v>
      </c>
      <c r="F4016">
        <v>2013</v>
      </c>
      <c r="G4016" t="s">
        <v>14</v>
      </c>
      <c r="H4016" t="s">
        <v>119</v>
      </c>
      <c r="I4016" t="s">
        <v>15</v>
      </c>
      <c r="J4016" s="10">
        <v>17.528250969999998</v>
      </c>
    </row>
    <row r="4017" spans="1:10" x14ac:dyDescent="0.35">
      <c r="A4017" t="s">
        <v>10</v>
      </c>
      <c r="B4017" t="s">
        <v>24</v>
      </c>
      <c r="C4017" t="s">
        <v>117</v>
      </c>
      <c r="D4017" t="s">
        <v>118</v>
      </c>
      <c r="E4017">
        <v>2013</v>
      </c>
      <c r="F4017">
        <v>2013</v>
      </c>
      <c r="G4017" t="s">
        <v>14</v>
      </c>
      <c r="H4017" t="s">
        <v>120</v>
      </c>
      <c r="I4017" t="s">
        <v>15</v>
      </c>
      <c r="J4017" s="10">
        <v>9.9763872490000001</v>
      </c>
    </row>
    <row r="4018" spans="1:10" x14ac:dyDescent="0.35">
      <c r="A4018" t="s">
        <v>10</v>
      </c>
      <c r="B4018" t="s">
        <v>24</v>
      </c>
      <c r="C4018" t="s">
        <v>117</v>
      </c>
      <c r="D4018" t="s">
        <v>118</v>
      </c>
      <c r="E4018">
        <v>2013</v>
      </c>
      <c r="F4018">
        <v>2013</v>
      </c>
      <c r="G4018" t="s">
        <v>14</v>
      </c>
      <c r="H4018" t="s">
        <v>121</v>
      </c>
      <c r="I4018" t="s">
        <v>15</v>
      </c>
      <c r="J4018" s="10">
        <v>31.617192330000002</v>
      </c>
    </row>
    <row r="4019" spans="1:10" x14ac:dyDescent="0.35">
      <c r="A4019" t="s">
        <v>10</v>
      </c>
      <c r="B4019" t="s">
        <v>24</v>
      </c>
      <c r="C4019" t="s">
        <v>117</v>
      </c>
      <c r="D4019" t="s">
        <v>118</v>
      </c>
      <c r="E4019">
        <v>2013</v>
      </c>
      <c r="F4019">
        <v>2013</v>
      </c>
      <c r="G4019" t="s">
        <v>14</v>
      </c>
      <c r="H4019" t="s">
        <v>122</v>
      </c>
      <c r="I4019" t="s">
        <v>15</v>
      </c>
      <c r="J4019" s="10">
        <v>21.117951309999999</v>
      </c>
    </row>
    <row r="4020" spans="1:10" x14ac:dyDescent="0.35">
      <c r="A4020" t="s">
        <v>10</v>
      </c>
      <c r="B4020" t="s">
        <v>24</v>
      </c>
      <c r="C4020" t="s">
        <v>117</v>
      </c>
      <c r="D4020" t="s">
        <v>118</v>
      </c>
      <c r="E4020">
        <v>2013</v>
      </c>
      <c r="F4020">
        <v>2013</v>
      </c>
      <c r="G4020" t="s">
        <v>14</v>
      </c>
      <c r="H4020" t="s">
        <v>123</v>
      </c>
      <c r="I4020" t="s">
        <v>15</v>
      </c>
      <c r="J4020" s="10">
        <v>17.14313825</v>
      </c>
    </row>
    <row r="4021" spans="1:10" x14ac:dyDescent="0.35">
      <c r="A4021" t="s">
        <v>10</v>
      </c>
      <c r="B4021" t="s">
        <v>24</v>
      </c>
      <c r="C4021" t="s">
        <v>117</v>
      </c>
      <c r="D4021" t="s">
        <v>118</v>
      </c>
      <c r="E4021">
        <v>2013</v>
      </c>
      <c r="F4021">
        <v>2013</v>
      </c>
      <c r="G4021" t="s">
        <v>14</v>
      </c>
      <c r="H4021" t="s">
        <v>124</v>
      </c>
      <c r="I4021" t="s">
        <v>15</v>
      </c>
      <c r="J4021" s="10">
        <v>2.6170798899999999</v>
      </c>
    </row>
    <row r="4022" spans="1:10" x14ac:dyDescent="0.35">
      <c r="A4022" t="s">
        <v>10</v>
      </c>
      <c r="B4022" t="s">
        <v>24</v>
      </c>
      <c r="C4022" t="s">
        <v>117</v>
      </c>
      <c r="D4022" t="s">
        <v>118</v>
      </c>
      <c r="E4022">
        <v>2013</v>
      </c>
      <c r="F4022">
        <v>2013</v>
      </c>
      <c r="G4022" t="s">
        <v>125</v>
      </c>
      <c r="H4022" t="s">
        <v>119</v>
      </c>
      <c r="I4022" t="s">
        <v>15</v>
      </c>
      <c r="J4022" s="10">
        <v>18.564129059999999</v>
      </c>
    </row>
    <row r="4023" spans="1:10" x14ac:dyDescent="0.35">
      <c r="A4023" t="s">
        <v>10</v>
      </c>
      <c r="B4023" t="s">
        <v>24</v>
      </c>
      <c r="C4023" t="s">
        <v>117</v>
      </c>
      <c r="D4023" t="s">
        <v>118</v>
      </c>
      <c r="E4023">
        <v>2013</v>
      </c>
      <c r="F4023">
        <v>2013</v>
      </c>
      <c r="G4023" t="s">
        <v>125</v>
      </c>
      <c r="H4023" t="s">
        <v>120</v>
      </c>
      <c r="I4023" t="s">
        <v>15</v>
      </c>
      <c r="J4023" s="10">
        <v>10.535078650000001</v>
      </c>
    </row>
    <row r="4024" spans="1:10" x14ac:dyDescent="0.35">
      <c r="A4024" t="s">
        <v>10</v>
      </c>
      <c r="B4024" t="s">
        <v>24</v>
      </c>
      <c r="C4024" t="s">
        <v>117</v>
      </c>
      <c r="D4024" t="s">
        <v>118</v>
      </c>
      <c r="E4024">
        <v>2013</v>
      </c>
      <c r="F4024">
        <v>2013</v>
      </c>
      <c r="G4024" t="s">
        <v>125</v>
      </c>
      <c r="H4024" t="s">
        <v>121</v>
      </c>
      <c r="I4024" t="s">
        <v>15</v>
      </c>
      <c r="J4024" s="10">
        <v>31.49041222</v>
      </c>
    </row>
    <row r="4025" spans="1:10" x14ac:dyDescent="0.35">
      <c r="A4025" t="s">
        <v>10</v>
      </c>
      <c r="B4025" t="s">
        <v>24</v>
      </c>
      <c r="C4025" t="s">
        <v>117</v>
      </c>
      <c r="D4025" t="s">
        <v>118</v>
      </c>
      <c r="E4025">
        <v>2013</v>
      </c>
      <c r="F4025">
        <v>2013</v>
      </c>
      <c r="G4025" t="s">
        <v>125</v>
      </c>
      <c r="H4025" t="s">
        <v>122</v>
      </c>
      <c r="I4025" t="s">
        <v>15</v>
      </c>
      <c r="J4025" s="10">
        <v>21.586864160000001</v>
      </c>
    </row>
    <row r="4026" spans="1:10" x14ac:dyDescent="0.35">
      <c r="A4026" t="s">
        <v>10</v>
      </c>
      <c r="B4026" t="s">
        <v>24</v>
      </c>
      <c r="C4026" t="s">
        <v>117</v>
      </c>
      <c r="D4026" t="s">
        <v>118</v>
      </c>
      <c r="E4026">
        <v>2013</v>
      </c>
      <c r="F4026">
        <v>2013</v>
      </c>
      <c r="G4026" t="s">
        <v>125</v>
      </c>
      <c r="H4026" t="s">
        <v>123</v>
      </c>
      <c r="I4026" t="s">
        <v>15</v>
      </c>
      <c r="J4026" s="10">
        <v>16.16718337</v>
      </c>
    </row>
    <row r="4027" spans="1:10" x14ac:dyDescent="0.35">
      <c r="A4027" t="s">
        <v>10</v>
      </c>
      <c r="B4027" t="s">
        <v>24</v>
      </c>
      <c r="C4027" t="s">
        <v>117</v>
      </c>
      <c r="D4027" t="s">
        <v>118</v>
      </c>
      <c r="E4027">
        <v>2013</v>
      </c>
      <c r="F4027">
        <v>2013</v>
      </c>
      <c r="G4027" t="s">
        <v>125</v>
      </c>
      <c r="H4027" t="s">
        <v>124</v>
      </c>
      <c r="I4027" t="s">
        <v>15</v>
      </c>
      <c r="J4027" s="10">
        <v>1.65633253</v>
      </c>
    </row>
    <row r="4028" spans="1:10" x14ac:dyDescent="0.35">
      <c r="A4028" t="s">
        <v>10</v>
      </c>
      <c r="B4028" t="s">
        <v>24</v>
      </c>
      <c r="C4028" t="s">
        <v>117</v>
      </c>
      <c r="D4028" t="s">
        <v>118</v>
      </c>
      <c r="E4028">
        <v>2013</v>
      </c>
      <c r="F4028">
        <v>2013</v>
      </c>
      <c r="G4028" t="s">
        <v>126</v>
      </c>
      <c r="H4028" t="s">
        <v>119</v>
      </c>
      <c r="I4028" t="s">
        <v>15</v>
      </c>
      <c r="J4028" s="10">
        <v>16.534478960000001</v>
      </c>
    </row>
    <row r="4029" spans="1:10" x14ac:dyDescent="0.35">
      <c r="A4029" t="s">
        <v>10</v>
      </c>
      <c r="B4029" t="s">
        <v>24</v>
      </c>
      <c r="C4029" t="s">
        <v>117</v>
      </c>
      <c r="D4029" t="s">
        <v>118</v>
      </c>
      <c r="E4029">
        <v>2013</v>
      </c>
      <c r="F4029">
        <v>2013</v>
      </c>
      <c r="G4029" t="s">
        <v>126</v>
      </c>
      <c r="H4029" t="s">
        <v>120</v>
      </c>
      <c r="I4029" t="s">
        <v>15</v>
      </c>
      <c r="J4029" s="10">
        <v>9.4404053759999993</v>
      </c>
    </row>
    <row r="4030" spans="1:10" x14ac:dyDescent="0.35">
      <c r="A4030" t="s">
        <v>10</v>
      </c>
      <c r="B4030" t="s">
        <v>24</v>
      </c>
      <c r="C4030" t="s">
        <v>117</v>
      </c>
      <c r="D4030" t="s">
        <v>118</v>
      </c>
      <c r="E4030">
        <v>2013</v>
      </c>
      <c r="F4030">
        <v>2013</v>
      </c>
      <c r="G4030" t="s">
        <v>126</v>
      </c>
      <c r="H4030" t="s">
        <v>121</v>
      </c>
      <c r="I4030" t="s">
        <v>15</v>
      </c>
      <c r="J4030" s="10">
        <v>31.738819119999999</v>
      </c>
    </row>
    <row r="4031" spans="1:10" x14ac:dyDescent="0.35">
      <c r="A4031" t="s">
        <v>10</v>
      </c>
      <c r="B4031" t="s">
        <v>24</v>
      </c>
      <c r="C4031" t="s">
        <v>117</v>
      </c>
      <c r="D4031" t="s">
        <v>118</v>
      </c>
      <c r="E4031">
        <v>2013</v>
      </c>
      <c r="F4031">
        <v>2013</v>
      </c>
      <c r="G4031" t="s">
        <v>126</v>
      </c>
      <c r="H4031" t="s">
        <v>122</v>
      </c>
      <c r="I4031" t="s">
        <v>15</v>
      </c>
      <c r="J4031" s="10">
        <v>20.668098700000002</v>
      </c>
    </row>
    <row r="4032" spans="1:10" x14ac:dyDescent="0.35">
      <c r="A4032" t="s">
        <v>10</v>
      </c>
      <c r="B4032" t="s">
        <v>24</v>
      </c>
      <c r="C4032" t="s">
        <v>117</v>
      </c>
      <c r="D4032" t="s">
        <v>118</v>
      </c>
      <c r="E4032">
        <v>2013</v>
      </c>
      <c r="F4032">
        <v>2013</v>
      </c>
      <c r="G4032" t="s">
        <v>126</v>
      </c>
      <c r="H4032" t="s">
        <v>123</v>
      </c>
      <c r="I4032" t="s">
        <v>15</v>
      </c>
      <c r="J4032" s="10">
        <v>18.079422780000002</v>
      </c>
    </row>
    <row r="4033" spans="1:10" x14ac:dyDescent="0.35">
      <c r="A4033" t="s">
        <v>10</v>
      </c>
      <c r="B4033" t="s">
        <v>24</v>
      </c>
      <c r="C4033" t="s">
        <v>117</v>
      </c>
      <c r="D4033" t="s">
        <v>118</v>
      </c>
      <c r="E4033">
        <v>2013</v>
      </c>
      <c r="F4033">
        <v>2013</v>
      </c>
      <c r="G4033" t="s">
        <v>126</v>
      </c>
      <c r="H4033" t="s">
        <v>124</v>
      </c>
      <c r="I4033" t="s">
        <v>15</v>
      </c>
      <c r="J4033" s="10">
        <v>3.5387750609999999</v>
      </c>
    </row>
    <row r="4034" spans="1:10" x14ac:dyDescent="0.35">
      <c r="A4034" t="s">
        <v>10</v>
      </c>
      <c r="B4034" t="s">
        <v>24</v>
      </c>
      <c r="C4034" t="s">
        <v>117</v>
      </c>
      <c r="D4034" t="s">
        <v>118</v>
      </c>
      <c r="E4034">
        <v>2012</v>
      </c>
      <c r="F4034">
        <v>2012</v>
      </c>
      <c r="G4034" t="s">
        <v>14</v>
      </c>
      <c r="H4034" t="s">
        <v>119</v>
      </c>
      <c r="I4034" t="s">
        <v>15</v>
      </c>
      <c r="J4034" s="10">
        <v>17.61719411</v>
      </c>
    </row>
    <row r="4035" spans="1:10" x14ac:dyDescent="0.35">
      <c r="A4035" t="s">
        <v>10</v>
      </c>
      <c r="B4035" t="s">
        <v>24</v>
      </c>
      <c r="C4035" t="s">
        <v>117</v>
      </c>
      <c r="D4035" t="s">
        <v>118</v>
      </c>
      <c r="E4035">
        <v>2012</v>
      </c>
      <c r="F4035">
        <v>2012</v>
      </c>
      <c r="G4035" t="s">
        <v>14</v>
      </c>
      <c r="H4035" t="s">
        <v>120</v>
      </c>
      <c r="I4035" t="s">
        <v>15</v>
      </c>
      <c r="J4035" s="10">
        <v>9.8747673040000006</v>
      </c>
    </row>
    <row r="4036" spans="1:10" x14ac:dyDescent="0.35">
      <c r="A4036" t="s">
        <v>10</v>
      </c>
      <c r="B4036" t="s">
        <v>24</v>
      </c>
      <c r="C4036" t="s">
        <v>117</v>
      </c>
      <c r="D4036" t="s">
        <v>118</v>
      </c>
      <c r="E4036">
        <v>2012</v>
      </c>
      <c r="F4036">
        <v>2012</v>
      </c>
      <c r="G4036" t="s">
        <v>14</v>
      </c>
      <c r="H4036" t="s">
        <v>121</v>
      </c>
      <c r="I4036" t="s">
        <v>15</v>
      </c>
      <c r="J4036" s="10">
        <v>32.148699720000003</v>
      </c>
    </row>
    <row r="4037" spans="1:10" x14ac:dyDescent="0.35">
      <c r="A4037" t="s">
        <v>10</v>
      </c>
      <c r="B4037" t="s">
        <v>24</v>
      </c>
      <c r="C4037" t="s">
        <v>117</v>
      </c>
      <c r="D4037" t="s">
        <v>118</v>
      </c>
      <c r="E4037">
        <v>2012</v>
      </c>
      <c r="F4037">
        <v>2012</v>
      </c>
      <c r="G4037" t="s">
        <v>14</v>
      </c>
      <c r="H4037" t="s">
        <v>122</v>
      </c>
      <c r="I4037" t="s">
        <v>15</v>
      </c>
      <c r="J4037" s="10">
        <v>21.070965189999999</v>
      </c>
    </row>
    <row r="4038" spans="1:10" x14ac:dyDescent="0.35">
      <c r="A4038" t="s">
        <v>10</v>
      </c>
      <c r="B4038" t="s">
        <v>24</v>
      </c>
      <c r="C4038" t="s">
        <v>117</v>
      </c>
      <c r="D4038" t="s">
        <v>118</v>
      </c>
      <c r="E4038">
        <v>2012</v>
      </c>
      <c r="F4038">
        <v>2012</v>
      </c>
      <c r="G4038" t="s">
        <v>14</v>
      </c>
      <c r="H4038" t="s">
        <v>123</v>
      </c>
      <c r="I4038" t="s">
        <v>15</v>
      </c>
      <c r="J4038" s="10">
        <v>16.653974160000001</v>
      </c>
    </row>
    <row r="4039" spans="1:10" x14ac:dyDescent="0.35">
      <c r="A4039" t="s">
        <v>10</v>
      </c>
      <c r="B4039" t="s">
        <v>24</v>
      </c>
      <c r="C4039" t="s">
        <v>117</v>
      </c>
      <c r="D4039" t="s">
        <v>118</v>
      </c>
      <c r="E4039">
        <v>2012</v>
      </c>
      <c r="F4039">
        <v>2012</v>
      </c>
      <c r="G4039" t="s">
        <v>14</v>
      </c>
      <c r="H4039" t="s">
        <v>124</v>
      </c>
      <c r="I4039" t="s">
        <v>15</v>
      </c>
      <c r="J4039" s="10">
        <v>2.6343995040000001</v>
      </c>
    </row>
    <row r="4040" spans="1:10" x14ac:dyDescent="0.35">
      <c r="A4040" t="s">
        <v>10</v>
      </c>
      <c r="B4040" t="s">
        <v>24</v>
      </c>
      <c r="C4040" t="s">
        <v>117</v>
      </c>
      <c r="D4040" t="s">
        <v>118</v>
      </c>
      <c r="E4040">
        <v>2012</v>
      </c>
      <c r="F4040">
        <v>2012</v>
      </c>
      <c r="G4040" t="s">
        <v>125</v>
      </c>
      <c r="H4040" t="s">
        <v>119</v>
      </c>
      <c r="I4040" t="s">
        <v>15</v>
      </c>
      <c r="J4040" s="10">
        <v>18.72193437</v>
      </c>
    </row>
    <row r="4041" spans="1:10" x14ac:dyDescent="0.35">
      <c r="A4041" t="s">
        <v>10</v>
      </c>
      <c r="B4041" t="s">
        <v>24</v>
      </c>
      <c r="C4041" t="s">
        <v>117</v>
      </c>
      <c r="D4041" t="s">
        <v>118</v>
      </c>
      <c r="E4041">
        <v>2012</v>
      </c>
      <c r="F4041">
        <v>2012</v>
      </c>
      <c r="G4041" t="s">
        <v>125</v>
      </c>
      <c r="H4041" t="s">
        <v>120</v>
      </c>
      <c r="I4041" t="s">
        <v>15</v>
      </c>
      <c r="J4041" s="10">
        <v>10.379965459999999</v>
      </c>
    </row>
    <row r="4042" spans="1:10" x14ac:dyDescent="0.35">
      <c r="A4042" t="s">
        <v>10</v>
      </c>
      <c r="B4042" t="s">
        <v>24</v>
      </c>
      <c r="C4042" t="s">
        <v>117</v>
      </c>
      <c r="D4042" t="s">
        <v>118</v>
      </c>
      <c r="E4042">
        <v>2012</v>
      </c>
      <c r="F4042">
        <v>2012</v>
      </c>
      <c r="G4042" t="s">
        <v>125</v>
      </c>
      <c r="H4042" t="s">
        <v>121</v>
      </c>
      <c r="I4042" t="s">
        <v>15</v>
      </c>
      <c r="J4042" s="10">
        <v>32.066781810000002</v>
      </c>
    </row>
    <row r="4043" spans="1:10" x14ac:dyDescent="0.35">
      <c r="A4043" t="s">
        <v>10</v>
      </c>
      <c r="B4043" t="s">
        <v>24</v>
      </c>
      <c r="C4043" t="s">
        <v>117</v>
      </c>
      <c r="D4043" t="s">
        <v>118</v>
      </c>
      <c r="E4043">
        <v>2012</v>
      </c>
      <c r="F4043">
        <v>2012</v>
      </c>
      <c r="G4043" t="s">
        <v>125</v>
      </c>
      <c r="H4043" t="s">
        <v>122</v>
      </c>
      <c r="I4043" t="s">
        <v>15</v>
      </c>
      <c r="J4043" s="10">
        <v>21.557282669999999</v>
      </c>
    </row>
    <row r="4044" spans="1:10" x14ac:dyDescent="0.35">
      <c r="A4044" t="s">
        <v>10</v>
      </c>
      <c r="B4044" t="s">
        <v>24</v>
      </c>
      <c r="C4044" t="s">
        <v>117</v>
      </c>
      <c r="D4044" t="s">
        <v>118</v>
      </c>
      <c r="E4044">
        <v>2012</v>
      </c>
      <c r="F4044">
        <v>2012</v>
      </c>
      <c r="G4044" t="s">
        <v>125</v>
      </c>
      <c r="H4044" t="s">
        <v>123</v>
      </c>
      <c r="I4044" t="s">
        <v>15</v>
      </c>
      <c r="J4044" s="10">
        <v>15.598733449999999</v>
      </c>
    </row>
    <row r="4045" spans="1:10" x14ac:dyDescent="0.35">
      <c r="A4045" t="s">
        <v>10</v>
      </c>
      <c r="B4045" t="s">
        <v>24</v>
      </c>
      <c r="C4045" t="s">
        <v>117</v>
      </c>
      <c r="D4045" t="s">
        <v>118</v>
      </c>
      <c r="E4045">
        <v>2012</v>
      </c>
      <c r="F4045">
        <v>2012</v>
      </c>
      <c r="G4045" t="s">
        <v>125</v>
      </c>
      <c r="H4045" t="s">
        <v>124</v>
      </c>
      <c r="I4045" t="s">
        <v>15</v>
      </c>
      <c r="J4045" s="10">
        <v>1.6753022449999999</v>
      </c>
    </row>
    <row r="4046" spans="1:10" x14ac:dyDescent="0.35">
      <c r="A4046" t="s">
        <v>10</v>
      </c>
      <c r="B4046" t="s">
        <v>24</v>
      </c>
      <c r="C4046" t="s">
        <v>117</v>
      </c>
      <c r="D4046" t="s">
        <v>118</v>
      </c>
      <c r="E4046">
        <v>2012</v>
      </c>
      <c r="F4046">
        <v>2012</v>
      </c>
      <c r="G4046" t="s">
        <v>126</v>
      </c>
      <c r="H4046" t="s">
        <v>119</v>
      </c>
      <c r="I4046" t="s">
        <v>15</v>
      </c>
      <c r="J4046" s="10">
        <v>16.556071670000001</v>
      </c>
    </row>
    <row r="4047" spans="1:10" x14ac:dyDescent="0.35">
      <c r="A4047" t="s">
        <v>10</v>
      </c>
      <c r="B4047" t="s">
        <v>24</v>
      </c>
      <c r="C4047" t="s">
        <v>117</v>
      </c>
      <c r="D4047" t="s">
        <v>118</v>
      </c>
      <c r="E4047">
        <v>2012</v>
      </c>
      <c r="F4047">
        <v>2012</v>
      </c>
      <c r="G4047" t="s">
        <v>126</v>
      </c>
      <c r="H4047" t="s">
        <v>120</v>
      </c>
      <c r="I4047" t="s">
        <v>15</v>
      </c>
      <c r="J4047" s="10">
        <v>9.3895155940000006</v>
      </c>
    </row>
    <row r="4048" spans="1:10" x14ac:dyDescent="0.35">
      <c r="A4048" t="s">
        <v>10</v>
      </c>
      <c r="B4048" t="s">
        <v>24</v>
      </c>
      <c r="C4048" t="s">
        <v>117</v>
      </c>
      <c r="D4048" t="s">
        <v>118</v>
      </c>
      <c r="E4048">
        <v>2012</v>
      </c>
      <c r="F4048">
        <v>2012</v>
      </c>
      <c r="G4048" t="s">
        <v>126</v>
      </c>
      <c r="H4048" t="s">
        <v>121</v>
      </c>
      <c r="I4048" t="s">
        <v>15</v>
      </c>
      <c r="J4048" s="10">
        <v>32.227383320000001</v>
      </c>
    </row>
    <row r="4049" spans="1:10" x14ac:dyDescent="0.35">
      <c r="A4049" t="s">
        <v>10</v>
      </c>
      <c r="B4049" t="s">
        <v>24</v>
      </c>
      <c r="C4049" t="s">
        <v>117</v>
      </c>
      <c r="D4049" t="s">
        <v>118</v>
      </c>
      <c r="E4049">
        <v>2012</v>
      </c>
      <c r="F4049">
        <v>2012</v>
      </c>
      <c r="G4049" t="s">
        <v>126</v>
      </c>
      <c r="H4049" t="s">
        <v>122</v>
      </c>
      <c r="I4049" t="s">
        <v>15</v>
      </c>
      <c r="J4049" s="10">
        <v>20.603848710000001</v>
      </c>
    </row>
    <row r="4050" spans="1:10" x14ac:dyDescent="0.35">
      <c r="A4050" t="s">
        <v>10</v>
      </c>
      <c r="B4050" t="s">
        <v>24</v>
      </c>
      <c r="C4050" t="s">
        <v>117</v>
      </c>
      <c r="D4050" t="s">
        <v>118</v>
      </c>
      <c r="E4050">
        <v>2012</v>
      </c>
      <c r="F4050">
        <v>2012</v>
      </c>
      <c r="G4050" t="s">
        <v>126</v>
      </c>
      <c r="H4050" t="s">
        <v>123</v>
      </c>
      <c r="I4050" t="s">
        <v>15</v>
      </c>
      <c r="J4050" s="10">
        <v>17.66755143</v>
      </c>
    </row>
    <row r="4051" spans="1:10" x14ac:dyDescent="0.35">
      <c r="A4051" t="s">
        <v>10</v>
      </c>
      <c r="B4051" t="s">
        <v>24</v>
      </c>
      <c r="C4051" t="s">
        <v>117</v>
      </c>
      <c r="D4051" t="s">
        <v>118</v>
      </c>
      <c r="E4051">
        <v>2012</v>
      </c>
      <c r="F4051">
        <v>2012</v>
      </c>
      <c r="G4051" t="s">
        <v>126</v>
      </c>
      <c r="H4051" t="s">
        <v>124</v>
      </c>
      <c r="I4051" t="s">
        <v>15</v>
      </c>
      <c r="J4051" s="10">
        <v>3.5556292859999998</v>
      </c>
    </row>
    <row r="4052" spans="1:10" x14ac:dyDescent="0.35">
      <c r="A4052" t="s">
        <v>10</v>
      </c>
      <c r="B4052" t="s">
        <v>24</v>
      </c>
      <c r="C4052" t="s">
        <v>117</v>
      </c>
      <c r="D4052" t="s">
        <v>118</v>
      </c>
      <c r="E4052">
        <v>2011</v>
      </c>
      <c r="F4052">
        <v>2011</v>
      </c>
      <c r="G4052" t="s">
        <v>14</v>
      </c>
      <c r="H4052" t="s">
        <v>119</v>
      </c>
      <c r="I4052" t="s">
        <v>15</v>
      </c>
      <c r="J4052" s="10">
        <v>17.764752300000001</v>
      </c>
    </row>
    <row r="4053" spans="1:10" x14ac:dyDescent="0.35">
      <c r="A4053" t="s">
        <v>10</v>
      </c>
      <c r="B4053" t="s">
        <v>24</v>
      </c>
      <c r="C4053" t="s">
        <v>117</v>
      </c>
      <c r="D4053" t="s">
        <v>118</v>
      </c>
      <c r="E4053">
        <v>2011</v>
      </c>
      <c r="F4053">
        <v>2011</v>
      </c>
      <c r="G4053" t="s">
        <v>14</v>
      </c>
      <c r="H4053" t="s">
        <v>120</v>
      </c>
      <c r="I4053" t="s">
        <v>15</v>
      </c>
      <c r="J4053" s="10">
        <v>9.8700896129999993</v>
      </c>
    </row>
    <row r="4054" spans="1:10" x14ac:dyDescent="0.35">
      <c r="A4054" t="s">
        <v>10</v>
      </c>
      <c r="B4054" t="s">
        <v>24</v>
      </c>
      <c r="C4054" t="s">
        <v>117</v>
      </c>
      <c r="D4054" t="s">
        <v>118</v>
      </c>
      <c r="E4054">
        <v>2011</v>
      </c>
      <c r="F4054">
        <v>2011</v>
      </c>
      <c r="G4054" t="s">
        <v>14</v>
      </c>
      <c r="H4054" t="s">
        <v>121</v>
      </c>
      <c r="I4054" t="s">
        <v>15</v>
      </c>
      <c r="J4054" s="10">
        <v>32.728399930000002</v>
      </c>
    </row>
    <row r="4055" spans="1:10" x14ac:dyDescent="0.35">
      <c r="A4055" t="s">
        <v>10</v>
      </c>
      <c r="B4055" t="s">
        <v>24</v>
      </c>
      <c r="C4055" t="s">
        <v>117</v>
      </c>
      <c r="D4055" t="s">
        <v>118</v>
      </c>
      <c r="E4055">
        <v>2011</v>
      </c>
      <c r="F4055">
        <v>2011</v>
      </c>
      <c r="G4055" t="s">
        <v>14</v>
      </c>
      <c r="H4055" t="s">
        <v>122</v>
      </c>
      <c r="I4055" t="s">
        <v>15</v>
      </c>
      <c r="J4055" s="10">
        <v>21.042101110000001</v>
      </c>
    </row>
    <row r="4056" spans="1:10" x14ac:dyDescent="0.35">
      <c r="A4056" t="s">
        <v>10</v>
      </c>
      <c r="B4056" t="s">
        <v>24</v>
      </c>
      <c r="C4056" t="s">
        <v>117</v>
      </c>
      <c r="D4056" t="s">
        <v>118</v>
      </c>
      <c r="E4056">
        <v>2011</v>
      </c>
      <c r="F4056">
        <v>2011</v>
      </c>
      <c r="G4056" t="s">
        <v>14</v>
      </c>
      <c r="H4056" t="s">
        <v>123</v>
      </c>
      <c r="I4056" t="s">
        <v>15</v>
      </c>
      <c r="J4056" s="10">
        <v>15.987995270000001</v>
      </c>
    </row>
    <row r="4057" spans="1:10" x14ac:dyDescent="0.35">
      <c r="A4057" t="s">
        <v>10</v>
      </c>
      <c r="B4057" t="s">
        <v>24</v>
      </c>
      <c r="C4057" t="s">
        <v>117</v>
      </c>
      <c r="D4057" t="s">
        <v>118</v>
      </c>
      <c r="E4057">
        <v>2011</v>
      </c>
      <c r="F4057">
        <v>2011</v>
      </c>
      <c r="G4057" t="s">
        <v>14</v>
      </c>
      <c r="H4057" t="s">
        <v>124</v>
      </c>
      <c r="I4057" t="s">
        <v>15</v>
      </c>
      <c r="J4057" s="10">
        <v>2.6066617820000002</v>
      </c>
    </row>
    <row r="4058" spans="1:10" x14ac:dyDescent="0.35">
      <c r="A4058" t="s">
        <v>10</v>
      </c>
      <c r="B4058" t="s">
        <v>24</v>
      </c>
      <c r="C4058" t="s">
        <v>117</v>
      </c>
      <c r="D4058" t="s">
        <v>118</v>
      </c>
      <c r="E4058">
        <v>2011</v>
      </c>
      <c r="F4058">
        <v>2011</v>
      </c>
      <c r="G4058" t="s">
        <v>125</v>
      </c>
      <c r="H4058" t="s">
        <v>119</v>
      </c>
      <c r="I4058" t="s">
        <v>15</v>
      </c>
      <c r="J4058" s="10">
        <v>18.849371779999998</v>
      </c>
    </row>
    <row r="4059" spans="1:10" x14ac:dyDescent="0.35">
      <c r="A4059" t="s">
        <v>10</v>
      </c>
      <c r="B4059" t="s">
        <v>24</v>
      </c>
      <c r="C4059" t="s">
        <v>117</v>
      </c>
      <c r="D4059" t="s">
        <v>118</v>
      </c>
      <c r="E4059">
        <v>2011</v>
      </c>
      <c r="F4059">
        <v>2011</v>
      </c>
      <c r="G4059" t="s">
        <v>125</v>
      </c>
      <c r="H4059" t="s">
        <v>120</v>
      </c>
      <c r="I4059" t="s">
        <v>15</v>
      </c>
      <c r="J4059" s="10">
        <v>10.30160145</v>
      </c>
    </row>
    <row r="4060" spans="1:10" x14ac:dyDescent="0.35">
      <c r="A4060" t="s">
        <v>10</v>
      </c>
      <c r="B4060" t="s">
        <v>24</v>
      </c>
      <c r="C4060" t="s">
        <v>117</v>
      </c>
      <c r="D4060" t="s">
        <v>118</v>
      </c>
      <c r="E4060">
        <v>2011</v>
      </c>
      <c r="F4060">
        <v>2011</v>
      </c>
      <c r="G4060" t="s">
        <v>125</v>
      </c>
      <c r="H4060" t="s">
        <v>121</v>
      </c>
      <c r="I4060" t="s">
        <v>15</v>
      </c>
      <c r="J4060" s="10">
        <v>32.900146630000002</v>
      </c>
    </row>
    <row r="4061" spans="1:10" x14ac:dyDescent="0.35">
      <c r="A4061" t="s">
        <v>10</v>
      </c>
      <c r="B4061" t="s">
        <v>24</v>
      </c>
      <c r="C4061" t="s">
        <v>117</v>
      </c>
      <c r="D4061" t="s">
        <v>118</v>
      </c>
      <c r="E4061">
        <v>2011</v>
      </c>
      <c r="F4061">
        <v>2011</v>
      </c>
      <c r="G4061" t="s">
        <v>125</v>
      </c>
      <c r="H4061" t="s">
        <v>122</v>
      </c>
      <c r="I4061" t="s">
        <v>15</v>
      </c>
      <c r="J4061" s="10">
        <v>21.39098933</v>
      </c>
    </row>
    <row r="4062" spans="1:10" x14ac:dyDescent="0.35">
      <c r="A4062" t="s">
        <v>10</v>
      </c>
      <c r="B4062" t="s">
        <v>24</v>
      </c>
      <c r="C4062" t="s">
        <v>117</v>
      </c>
      <c r="D4062" t="s">
        <v>118</v>
      </c>
      <c r="E4062">
        <v>2011</v>
      </c>
      <c r="F4062">
        <v>2011</v>
      </c>
      <c r="G4062" t="s">
        <v>125</v>
      </c>
      <c r="H4062" t="s">
        <v>123</v>
      </c>
      <c r="I4062" t="s">
        <v>15</v>
      </c>
      <c r="J4062" s="10">
        <v>14.88743854</v>
      </c>
    </row>
    <row r="4063" spans="1:10" x14ac:dyDescent="0.35">
      <c r="A4063" t="s">
        <v>10</v>
      </c>
      <c r="B4063" t="s">
        <v>24</v>
      </c>
      <c r="C4063" t="s">
        <v>117</v>
      </c>
      <c r="D4063" t="s">
        <v>118</v>
      </c>
      <c r="E4063">
        <v>2011</v>
      </c>
      <c r="F4063">
        <v>2011</v>
      </c>
      <c r="G4063" t="s">
        <v>125</v>
      </c>
      <c r="H4063" t="s">
        <v>124</v>
      </c>
      <c r="I4063" t="s">
        <v>15</v>
      </c>
      <c r="J4063" s="10">
        <v>1.6704522580000001</v>
      </c>
    </row>
    <row r="4064" spans="1:10" x14ac:dyDescent="0.35">
      <c r="A4064" t="s">
        <v>10</v>
      </c>
      <c r="B4064" t="s">
        <v>24</v>
      </c>
      <c r="C4064" t="s">
        <v>117</v>
      </c>
      <c r="D4064" t="s">
        <v>118</v>
      </c>
      <c r="E4064">
        <v>2011</v>
      </c>
      <c r="F4064">
        <v>2011</v>
      </c>
      <c r="G4064" t="s">
        <v>126</v>
      </c>
      <c r="H4064" t="s">
        <v>119</v>
      </c>
      <c r="I4064" t="s">
        <v>15</v>
      </c>
      <c r="J4064" s="10">
        <v>16.722389540000002</v>
      </c>
    </row>
    <row r="4065" spans="1:10" x14ac:dyDescent="0.35">
      <c r="A4065" t="s">
        <v>10</v>
      </c>
      <c r="B4065" t="s">
        <v>24</v>
      </c>
      <c r="C4065" t="s">
        <v>117</v>
      </c>
      <c r="D4065" t="s">
        <v>118</v>
      </c>
      <c r="E4065">
        <v>2011</v>
      </c>
      <c r="F4065">
        <v>2011</v>
      </c>
      <c r="G4065" t="s">
        <v>126</v>
      </c>
      <c r="H4065" t="s">
        <v>120</v>
      </c>
      <c r="I4065" t="s">
        <v>15</v>
      </c>
      <c r="J4065" s="10">
        <v>9.4553894609999993</v>
      </c>
    </row>
    <row r="4066" spans="1:10" x14ac:dyDescent="0.35">
      <c r="A4066" t="s">
        <v>10</v>
      </c>
      <c r="B4066" t="s">
        <v>24</v>
      </c>
      <c r="C4066" t="s">
        <v>117</v>
      </c>
      <c r="D4066" t="s">
        <v>118</v>
      </c>
      <c r="E4066">
        <v>2011</v>
      </c>
      <c r="F4066">
        <v>2011</v>
      </c>
      <c r="G4066" t="s">
        <v>126</v>
      </c>
      <c r="H4066" t="s">
        <v>121</v>
      </c>
      <c r="I4066" t="s">
        <v>15</v>
      </c>
      <c r="J4066" s="10">
        <v>32.563344479999998</v>
      </c>
    </row>
    <row r="4067" spans="1:10" x14ac:dyDescent="0.35">
      <c r="A4067" t="s">
        <v>10</v>
      </c>
      <c r="B4067" t="s">
        <v>24</v>
      </c>
      <c r="C4067" t="s">
        <v>117</v>
      </c>
      <c r="D4067" t="s">
        <v>118</v>
      </c>
      <c r="E4067">
        <v>2011</v>
      </c>
      <c r="F4067">
        <v>2011</v>
      </c>
      <c r="G4067" t="s">
        <v>126</v>
      </c>
      <c r="H4067" t="s">
        <v>122</v>
      </c>
      <c r="I4067" t="s">
        <v>15</v>
      </c>
      <c r="J4067" s="10">
        <v>20.706805559999999</v>
      </c>
    </row>
    <row r="4068" spans="1:10" x14ac:dyDescent="0.35">
      <c r="A4068" t="s">
        <v>10</v>
      </c>
      <c r="B4068" t="s">
        <v>24</v>
      </c>
      <c r="C4068" t="s">
        <v>117</v>
      </c>
      <c r="D4068" t="s">
        <v>118</v>
      </c>
      <c r="E4068">
        <v>2011</v>
      </c>
      <c r="F4068">
        <v>2011</v>
      </c>
      <c r="G4068" t="s">
        <v>126</v>
      </c>
      <c r="H4068" t="s">
        <v>123</v>
      </c>
      <c r="I4068" t="s">
        <v>15</v>
      </c>
      <c r="J4068" s="10">
        <v>17.045674340000001</v>
      </c>
    </row>
    <row r="4069" spans="1:10" x14ac:dyDescent="0.35">
      <c r="A4069" t="s">
        <v>10</v>
      </c>
      <c r="B4069" t="s">
        <v>24</v>
      </c>
      <c r="C4069" t="s">
        <v>117</v>
      </c>
      <c r="D4069" t="s">
        <v>118</v>
      </c>
      <c r="E4069">
        <v>2011</v>
      </c>
      <c r="F4069">
        <v>2011</v>
      </c>
      <c r="G4069" t="s">
        <v>126</v>
      </c>
      <c r="H4069" t="s">
        <v>124</v>
      </c>
      <c r="I4069" t="s">
        <v>15</v>
      </c>
      <c r="J4069" s="10">
        <v>3.5063966180000001</v>
      </c>
    </row>
    <row r="4070" spans="1:10" x14ac:dyDescent="0.35">
      <c r="A4070" t="s">
        <v>10</v>
      </c>
      <c r="B4070" t="s">
        <v>25</v>
      </c>
      <c r="C4070" t="s">
        <v>117</v>
      </c>
      <c r="D4070" t="s">
        <v>118</v>
      </c>
      <c r="E4070">
        <v>2020</v>
      </c>
      <c r="F4070">
        <v>2020</v>
      </c>
      <c r="G4070" t="s">
        <v>14</v>
      </c>
      <c r="H4070" t="s">
        <v>119</v>
      </c>
      <c r="I4070" t="s">
        <v>15</v>
      </c>
      <c r="J4070" s="10">
        <v>16.330979639999999</v>
      </c>
    </row>
    <row r="4071" spans="1:10" x14ac:dyDescent="0.35">
      <c r="A4071" t="s">
        <v>10</v>
      </c>
      <c r="B4071" t="s">
        <v>25</v>
      </c>
      <c r="C4071" t="s">
        <v>117</v>
      </c>
      <c r="D4071" t="s">
        <v>118</v>
      </c>
      <c r="E4071">
        <v>2020</v>
      </c>
      <c r="F4071">
        <v>2020</v>
      </c>
      <c r="G4071" t="s">
        <v>14</v>
      </c>
      <c r="H4071" t="s">
        <v>120</v>
      </c>
      <c r="I4071" t="s">
        <v>15</v>
      </c>
      <c r="J4071" s="10">
        <v>9.2342496740000009</v>
      </c>
    </row>
    <row r="4072" spans="1:10" x14ac:dyDescent="0.35">
      <c r="A4072" t="s">
        <v>10</v>
      </c>
      <c r="B4072" t="s">
        <v>25</v>
      </c>
      <c r="C4072" t="s">
        <v>117</v>
      </c>
      <c r="D4072" t="s">
        <v>118</v>
      </c>
      <c r="E4072">
        <v>2020</v>
      </c>
      <c r="F4072">
        <v>2020</v>
      </c>
      <c r="G4072" t="s">
        <v>14</v>
      </c>
      <c r="H4072" t="s">
        <v>121</v>
      </c>
      <c r="I4072" t="s">
        <v>15</v>
      </c>
      <c r="J4072" s="10">
        <v>27.64379242</v>
      </c>
    </row>
    <row r="4073" spans="1:10" x14ac:dyDescent="0.35">
      <c r="A4073" t="s">
        <v>10</v>
      </c>
      <c r="B4073" t="s">
        <v>25</v>
      </c>
      <c r="C4073" t="s">
        <v>117</v>
      </c>
      <c r="D4073" t="s">
        <v>118</v>
      </c>
      <c r="E4073">
        <v>2020</v>
      </c>
      <c r="F4073">
        <v>2020</v>
      </c>
      <c r="G4073" t="s">
        <v>14</v>
      </c>
      <c r="H4073" t="s">
        <v>122</v>
      </c>
      <c r="I4073" t="s">
        <v>15</v>
      </c>
      <c r="J4073" s="10">
        <v>22.295194349999999</v>
      </c>
    </row>
    <row r="4074" spans="1:10" x14ac:dyDescent="0.35">
      <c r="A4074" t="s">
        <v>10</v>
      </c>
      <c r="B4074" t="s">
        <v>25</v>
      </c>
      <c r="C4074" t="s">
        <v>117</v>
      </c>
      <c r="D4074" t="s">
        <v>118</v>
      </c>
      <c r="E4074">
        <v>2020</v>
      </c>
      <c r="F4074">
        <v>2020</v>
      </c>
      <c r="G4074" t="s">
        <v>14</v>
      </c>
      <c r="H4074" t="s">
        <v>123</v>
      </c>
      <c r="I4074" t="s">
        <v>15</v>
      </c>
      <c r="J4074" s="10">
        <v>21.471172960000001</v>
      </c>
    </row>
    <row r="4075" spans="1:10" x14ac:dyDescent="0.35">
      <c r="A4075" t="s">
        <v>10</v>
      </c>
      <c r="B4075" t="s">
        <v>25</v>
      </c>
      <c r="C4075" t="s">
        <v>117</v>
      </c>
      <c r="D4075" t="s">
        <v>118</v>
      </c>
      <c r="E4075">
        <v>2020</v>
      </c>
      <c r="F4075">
        <v>2020</v>
      </c>
      <c r="G4075" t="s">
        <v>14</v>
      </c>
      <c r="H4075" t="s">
        <v>124</v>
      </c>
      <c r="I4075" t="s">
        <v>15</v>
      </c>
      <c r="J4075" s="10">
        <v>3.024610955</v>
      </c>
    </row>
    <row r="4076" spans="1:10" x14ac:dyDescent="0.35">
      <c r="A4076" t="s">
        <v>10</v>
      </c>
      <c r="B4076" t="s">
        <v>25</v>
      </c>
      <c r="C4076" t="s">
        <v>117</v>
      </c>
      <c r="D4076" t="s">
        <v>118</v>
      </c>
      <c r="E4076">
        <v>2020</v>
      </c>
      <c r="F4076">
        <v>2020</v>
      </c>
      <c r="G4076" t="s">
        <v>125</v>
      </c>
      <c r="H4076" t="s">
        <v>119</v>
      </c>
      <c r="I4076" t="s">
        <v>15</v>
      </c>
      <c r="J4076" s="10">
        <v>17.283427889999999</v>
      </c>
    </row>
    <row r="4077" spans="1:10" x14ac:dyDescent="0.35">
      <c r="A4077" t="s">
        <v>10</v>
      </c>
      <c r="B4077" t="s">
        <v>25</v>
      </c>
      <c r="C4077" t="s">
        <v>117</v>
      </c>
      <c r="D4077" t="s">
        <v>118</v>
      </c>
      <c r="E4077">
        <v>2020</v>
      </c>
      <c r="F4077">
        <v>2020</v>
      </c>
      <c r="G4077" t="s">
        <v>125</v>
      </c>
      <c r="H4077" t="s">
        <v>120</v>
      </c>
      <c r="I4077" t="s">
        <v>15</v>
      </c>
      <c r="J4077" s="10">
        <v>9.9867332829999995</v>
      </c>
    </row>
    <row r="4078" spans="1:10" x14ac:dyDescent="0.35">
      <c r="A4078" t="s">
        <v>10</v>
      </c>
      <c r="B4078" t="s">
        <v>25</v>
      </c>
      <c r="C4078" t="s">
        <v>117</v>
      </c>
      <c r="D4078" t="s">
        <v>118</v>
      </c>
      <c r="E4078">
        <v>2020</v>
      </c>
      <c r="F4078">
        <v>2020</v>
      </c>
      <c r="G4078" t="s">
        <v>125</v>
      </c>
      <c r="H4078" t="s">
        <v>121</v>
      </c>
      <c r="I4078" t="s">
        <v>15</v>
      </c>
      <c r="J4078" s="10">
        <v>27.58630423</v>
      </c>
    </row>
    <row r="4079" spans="1:10" x14ac:dyDescent="0.35">
      <c r="A4079" t="s">
        <v>10</v>
      </c>
      <c r="B4079" t="s">
        <v>25</v>
      </c>
      <c r="C4079" t="s">
        <v>117</v>
      </c>
      <c r="D4079" t="s">
        <v>118</v>
      </c>
      <c r="E4079">
        <v>2020</v>
      </c>
      <c r="F4079">
        <v>2020</v>
      </c>
      <c r="G4079" t="s">
        <v>125</v>
      </c>
      <c r="H4079" t="s">
        <v>122</v>
      </c>
      <c r="I4079" t="s">
        <v>15</v>
      </c>
      <c r="J4079" s="10">
        <v>22.361475710000001</v>
      </c>
    </row>
    <row r="4080" spans="1:10" x14ac:dyDescent="0.35">
      <c r="A4080" t="s">
        <v>10</v>
      </c>
      <c r="B4080" t="s">
        <v>25</v>
      </c>
      <c r="C4080" t="s">
        <v>117</v>
      </c>
      <c r="D4080" t="s">
        <v>118</v>
      </c>
      <c r="E4080">
        <v>2020</v>
      </c>
      <c r="F4080">
        <v>2020</v>
      </c>
      <c r="G4080" t="s">
        <v>125</v>
      </c>
      <c r="H4080" t="s">
        <v>123</v>
      </c>
      <c r="I4080" t="s">
        <v>15</v>
      </c>
      <c r="J4080" s="10">
        <v>20.583171029999999</v>
      </c>
    </row>
    <row r="4081" spans="1:10" x14ac:dyDescent="0.35">
      <c r="A4081" t="s">
        <v>10</v>
      </c>
      <c r="B4081" t="s">
        <v>25</v>
      </c>
      <c r="C4081" t="s">
        <v>117</v>
      </c>
      <c r="D4081" t="s">
        <v>118</v>
      </c>
      <c r="E4081">
        <v>2020</v>
      </c>
      <c r="F4081">
        <v>2020</v>
      </c>
      <c r="G4081" t="s">
        <v>125</v>
      </c>
      <c r="H4081" t="s">
        <v>124</v>
      </c>
      <c r="I4081" t="s">
        <v>15</v>
      </c>
      <c r="J4081" s="10">
        <v>2.1988878540000001</v>
      </c>
    </row>
    <row r="4082" spans="1:10" x14ac:dyDescent="0.35">
      <c r="A4082" t="s">
        <v>10</v>
      </c>
      <c r="B4082" t="s">
        <v>25</v>
      </c>
      <c r="C4082" t="s">
        <v>117</v>
      </c>
      <c r="D4082" t="s">
        <v>118</v>
      </c>
      <c r="E4082">
        <v>2020</v>
      </c>
      <c r="F4082">
        <v>2020</v>
      </c>
      <c r="G4082" t="s">
        <v>126</v>
      </c>
      <c r="H4082" t="s">
        <v>119</v>
      </c>
      <c r="I4082" t="s">
        <v>15</v>
      </c>
      <c r="J4082" s="10">
        <v>15.43137464</v>
      </c>
    </row>
    <row r="4083" spans="1:10" x14ac:dyDescent="0.35">
      <c r="A4083" t="s">
        <v>10</v>
      </c>
      <c r="B4083" t="s">
        <v>25</v>
      </c>
      <c r="C4083" t="s">
        <v>117</v>
      </c>
      <c r="D4083" t="s">
        <v>118</v>
      </c>
      <c r="E4083">
        <v>2020</v>
      </c>
      <c r="F4083">
        <v>2020</v>
      </c>
      <c r="G4083" t="s">
        <v>126</v>
      </c>
      <c r="H4083" t="s">
        <v>120</v>
      </c>
      <c r="I4083" t="s">
        <v>15</v>
      </c>
      <c r="J4083" s="10">
        <v>8.5235149830000001</v>
      </c>
    </row>
    <row r="4084" spans="1:10" x14ac:dyDescent="0.35">
      <c r="A4084" t="s">
        <v>10</v>
      </c>
      <c r="B4084" t="s">
        <v>25</v>
      </c>
      <c r="C4084" t="s">
        <v>117</v>
      </c>
      <c r="D4084" t="s">
        <v>118</v>
      </c>
      <c r="E4084">
        <v>2020</v>
      </c>
      <c r="F4084">
        <v>2020</v>
      </c>
      <c r="G4084" t="s">
        <v>126</v>
      </c>
      <c r="H4084" t="s">
        <v>121</v>
      </c>
      <c r="I4084" t="s">
        <v>15</v>
      </c>
      <c r="J4084" s="10">
        <v>27.69809107</v>
      </c>
    </row>
    <row r="4085" spans="1:10" x14ac:dyDescent="0.35">
      <c r="A4085" t="s">
        <v>10</v>
      </c>
      <c r="B4085" t="s">
        <v>25</v>
      </c>
      <c r="C4085" t="s">
        <v>117</v>
      </c>
      <c r="D4085" t="s">
        <v>118</v>
      </c>
      <c r="E4085">
        <v>2020</v>
      </c>
      <c r="F4085">
        <v>2020</v>
      </c>
      <c r="G4085" t="s">
        <v>126</v>
      </c>
      <c r="H4085" t="s">
        <v>122</v>
      </c>
      <c r="I4085" t="s">
        <v>15</v>
      </c>
      <c r="J4085" s="10">
        <v>22.232590380000001</v>
      </c>
    </row>
    <row r="4086" spans="1:10" x14ac:dyDescent="0.35">
      <c r="A4086" t="s">
        <v>10</v>
      </c>
      <c r="B4086" t="s">
        <v>25</v>
      </c>
      <c r="C4086" t="s">
        <v>117</v>
      </c>
      <c r="D4086" t="s">
        <v>118</v>
      </c>
      <c r="E4086">
        <v>2020</v>
      </c>
      <c r="F4086">
        <v>2020</v>
      </c>
      <c r="G4086" t="s">
        <v>126</v>
      </c>
      <c r="H4086" t="s">
        <v>123</v>
      </c>
      <c r="I4086" t="s">
        <v>15</v>
      </c>
      <c r="J4086" s="10">
        <v>22.309907219999999</v>
      </c>
    </row>
    <row r="4087" spans="1:10" x14ac:dyDescent="0.35">
      <c r="A4087" t="s">
        <v>10</v>
      </c>
      <c r="B4087" t="s">
        <v>25</v>
      </c>
      <c r="C4087" t="s">
        <v>117</v>
      </c>
      <c r="D4087" t="s">
        <v>118</v>
      </c>
      <c r="E4087">
        <v>2020</v>
      </c>
      <c r="F4087">
        <v>2020</v>
      </c>
      <c r="G4087" t="s">
        <v>126</v>
      </c>
      <c r="H4087" t="s">
        <v>124</v>
      </c>
      <c r="I4087" t="s">
        <v>15</v>
      </c>
      <c r="J4087" s="10">
        <v>3.8045217020000002</v>
      </c>
    </row>
    <row r="4088" spans="1:10" x14ac:dyDescent="0.35">
      <c r="A4088" t="s">
        <v>10</v>
      </c>
      <c r="B4088" t="s">
        <v>25</v>
      </c>
      <c r="C4088" t="s">
        <v>117</v>
      </c>
      <c r="D4088" t="s">
        <v>118</v>
      </c>
      <c r="E4088">
        <v>2019</v>
      </c>
      <c r="F4088">
        <v>2019</v>
      </c>
      <c r="G4088" t="s">
        <v>14</v>
      </c>
      <c r="H4088" t="s">
        <v>119</v>
      </c>
      <c r="I4088" t="s">
        <v>15</v>
      </c>
      <c r="J4088" s="10">
        <v>16.484868370000001</v>
      </c>
    </row>
    <row r="4089" spans="1:10" x14ac:dyDescent="0.35">
      <c r="A4089" t="s">
        <v>10</v>
      </c>
      <c r="B4089" t="s">
        <v>25</v>
      </c>
      <c r="C4089" t="s">
        <v>117</v>
      </c>
      <c r="D4089" t="s">
        <v>118</v>
      </c>
      <c r="E4089">
        <v>2019</v>
      </c>
      <c r="F4089">
        <v>2019</v>
      </c>
      <c r="G4089" t="s">
        <v>14</v>
      </c>
      <c r="H4089" t="s">
        <v>120</v>
      </c>
      <c r="I4089" t="s">
        <v>15</v>
      </c>
      <c r="J4089" s="10">
        <v>9.2840154189999993</v>
      </c>
    </row>
    <row r="4090" spans="1:10" x14ac:dyDescent="0.35">
      <c r="A4090" t="s">
        <v>10</v>
      </c>
      <c r="B4090" t="s">
        <v>25</v>
      </c>
      <c r="C4090" t="s">
        <v>117</v>
      </c>
      <c r="D4090" t="s">
        <v>118</v>
      </c>
      <c r="E4090">
        <v>2019</v>
      </c>
      <c r="F4090">
        <v>2019</v>
      </c>
      <c r="G4090" t="s">
        <v>14</v>
      </c>
      <c r="H4090" t="s">
        <v>121</v>
      </c>
      <c r="I4090" t="s">
        <v>15</v>
      </c>
      <c r="J4090" s="10">
        <v>27.932693619999998</v>
      </c>
    </row>
    <row r="4091" spans="1:10" x14ac:dyDescent="0.35">
      <c r="A4091" t="s">
        <v>10</v>
      </c>
      <c r="B4091" t="s">
        <v>25</v>
      </c>
      <c r="C4091" t="s">
        <v>117</v>
      </c>
      <c r="D4091" t="s">
        <v>118</v>
      </c>
      <c r="E4091">
        <v>2019</v>
      </c>
      <c r="F4091">
        <v>2019</v>
      </c>
      <c r="G4091" t="s">
        <v>14</v>
      </c>
      <c r="H4091" t="s">
        <v>122</v>
      </c>
      <c r="I4091" t="s">
        <v>15</v>
      </c>
      <c r="J4091" s="10">
        <v>22.08780995</v>
      </c>
    </row>
    <row r="4092" spans="1:10" x14ac:dyDescent="0.35">
      <c r="A4092" t="s">
        <v>10</v>
      </c>
      <c r="B4092" t="s">
        <v>25</v>
      </c>
      <c r="C4092" t="s">
        <v>117</v>
      </c>
      <c r="D4092" t="s">
        <v>118</v>
      </c>
      <c r="E4092">
        <v>2019</v>
      </c>
      <c r="F4092">
        <v>2019</v>
      </c>
      <c r="G4092" t="s">
        <v>14</v>
      </c>
      <c r="H4092" t="s">
        <v>123</v>
      </c>
      <c r="I4092" t="s">
        <v>15</v>
      </c>
      <c r="J4092" s="10">
        <v>21.258098910000001</v>
      </c>
    </row>
    <row r="4093" spans="1:10" x14ac:dyDescent="0.35">
      <c r="A4093" t="s">
        <v>10</v>
      </c>
      <c r="B4093" t="s">
        <v>25</v>
      </c>
      <c r="C4093" t="s">
        <v>117</v>
      </c>
      <c r="D4093" t="s">
        <v>118</v>
      </c>
      <c r="E4093">
        <v>2019</v>
      </c>
      <c r="F4093">
        <v>2019</v>
      </c>
      <c r="G4093" t="s">
        <v>14</v>
      </c>
      <c r="H4093" t="s">
        <v>124</v>
      </c>
      <c r="I4093" t="s">
        <v>15</v>
      </c>
      <c r="J4093" s="10">
        <v>2.9525137369999999</v>
      </c>
    </row>
    <row r="4094" spans="1:10" x14ac:dyDescent="0.35">
      <c r="A4094" t="s">
        <v>10</v>
      </c>
      <c r="B4094" t="s">
        <v>25</v>
      </c>
      <c r="C4094" t="s">
        <v>117</v>
      </c>
      <c r="D4094" t="s">
        <v>118</v>
      </c>
      <c r="E4094">
        <v>2019</v>
      </c>
      <c r="F4094">
        <v>2019</v>
      </c>
      <c r="G4094" t="s">
        <v>125</v>
      </c>
      <c r="H4094" t="s">
        <v>119</v>
      </c>
      <c r="I4094" t="s">
        <v>15</v>
      </c>
      <c r="J4094" s="10">
        <v>17.366616069999999</v>
      </c>
    </row>
    <row r="4095" spans="1:10" x14ac:dyDescent="0.35">
      <c r="A4095" t="s">
        <v>10</v>
      </c>
      <c r="B4095" t="s">
        <v>25</v>
      </c>
      <c r="C4095" t="s">
        <v>117</v>
      </c>
      <c r="D4095" t="s">
        <v>118</v>
      </c>
      <c r="E4095">
        <v>2019</v>
      </c>
      <c r="F4095">
        <v>2019</v>
      </c>
      <c r="G4095" t="s">
        <v>125</v>
      </c>
      <c r="H4095" t="s">
        <v>120</v>
      </c>
      <c r="I4095" t="s">
        <v>15</v>
      </c>
      <c r="J4095" s="10">
        <v>10.09163996</v>
      </c>
    </row>
    <row r="4096" spans="1:10" x14ac:dyDescent="0.35">
      <c r="A4096" t="s">
        <v>10</v>
      </c>
      <c r="B4096" t="s">
        <v>25</v>
      </c>
      <c r="C4096" t="s">
        <v>117</v>
      </c>
      <c r="D4096" t="s">
        <v>118</v>
      </c>
      <c r="E4096">
        <v>2019</v>
      </c>
      <c r="F4096">
        <v>2019</v>
      </c>
      <c r="G4096" t="s">
        <v>125</v>
      </c>
      <c r="H4096" t="s">
        <v>121</v>
      </c>
      <c r="I4096" t="s">
        <v>15</v>
      </c>
      <c r="J4096" s="10">
        <v>28.101984600000002</v>
      </c>
    </row>
    <row r="4097" spans="1:10" x14ac:dyDescent="0.35">
      <c r="A4097" t="s">
        <v>10</v>
      </c>
      <c r="B4097" t="s">
        <v>25</v>
      </c>
      <c r="C4097" t="s">
        <v>117</v>
      </c>
      <c r="D4097" t="s">
        <v>118</v>
      </c>
      <c r="E4097">
        <v>2019</v>
      </c>
      <c r="F4097">
        <v>2019</v>
      </c>
      <c r="G4097" t="s">
        <v>125</v>
      </c>
      <c r="H4097" t="s">
        <v>122</v>
      </c>
      <c r="I4097" t="s">
        <v>15</v>
      </c>
      <c r="J4097" s="10">
        <v>21.993590820000001</v>
      </c>
    </row>
    <row r="4098" spans="1:10" x14ac:dyDescent="0.35">
      <c r="A4098" t="s">
        <v>10</v>
      </c>
      <c r="B4098" t="s">
        <v>25</v>
      </c>
      <c r="C4098" t="s">
        <v>117</v>
      </c>
      <c r="D4098" t="s">
        <v>118</v>
      </c>
      <c r="E4098">
        <v>2019</v>
      </c>
      <c r="F4098">
        <v>2019</v>
      </c>
      <c r="G4098" t="s">
        <v>125</v>
      </c>
      <c r="H4098" t="s">
        <v>123</v>
      </c>
      <c r="I4098" t="s">
        <v>15</v>
      </c>
      <c r="J4098" s="10">
        <v>20.315398890000001</v>
      </c>
    </row>
    <row r="4099" spans="1:10" x14ac:dyDescent="0.35">
      <c r="A4099" t="s">
        <v>10</v>
      </c>
      <c r="B4099" t="s">
        <v>25</v>
      </c>
      <c r="C4099" t="s">
        <v>117</v>
      </c>
      <c r="D4099" t="s">
        <v>118</v>
      </c>
      <c r="E4099">
        <v>2019</v>
      </c>
      <c r="F4099">
        <v>2019</v>
      </c>
      <c r="G4099" t="s">
        <v>125</v>
      </c>
      <c r="H4099" t="s">
        <v>124</v>
      </c>
      <c r="I4099" t="s">
        <v>15</v>
      </c>
      <c r="J4099" s="10">
        <v>2.1307696630000001</v>
      </c>
    </row>
    <row r="4100" spans="1:10" x14ac:dyDescent="0.35">
      <c r="A4100" t="s">
        <v>10</v>
      </c>
      <c r="B4100" t="s">
        <v>25</v>
      </c>
      <c r="C4100" t="s">
        <v>117</v>
      </c>
      <c r="D4100" t="s">
        <v>118</v>
      </c>
      <c r="E4100">
        <v>2019</v>
      </c>
      <c r="F4100">
        <v>2019</v>
      </c>
      <c r="G4100" t="s">
        <v>126</v>
      </c>
      <c r="H4100" t="s">
        <v>119</v>
      </c>
      <c r="I4100" t="s">
        <v>15</v>
      </c>
      <c r="J4100" s="10">
        <v>15.65027671</v>
      </c>
    </row>
    <row r="4101" spans="1:10" x14ac:dyDescent="0.35">
      <c r="A4101" t="s">
        <v>10</v>
      </c>
      <c r="B4101" t="s">
        <v>25</v>
      </c>
      <c r="C4101" t="s">
        <v>117</v>
      </c>
      <c r="D4101" t="s">
        <v>118</v>
      </c>
      <c r="E4101">
        <v>2019</v>
      </c>
      <c r="F4101">
        <v>2019</v>
      </c>
      <c r="G4101" t="s">
        <v>126</v>
      </c>
      <c r="H4101" t="s">
        <v>120</v>
      </c>
      <c r="I4101" t="s">
        <v>15</v>
      </c>
      <c r="J4101" s="10">
        <v>8.5195828010000003</v>
      </c>
    </row>
    <row r="4102" spans="1:10" x14ac:dyDescent="0.35">
      <c r="A4102" t="s">
        <v>10</v>
      </c>
      <c r="B4102" t="s">
        <v>25</v>
      </c>
      <c r="C4102" t="s">
        <v>117</v>
      </c>
      <c r="D4102" t="s">
        <v>118</v>
      </c>
      <c r="E4102">
        <v>2019</v>
      </c>
      <c r="F4102">
        <v>2019</v>
      </c>
      <c r="G4102" t="s">
        <v>126</v>
      </c>
      <c r="H4102" t="s">
        <v>121</v>
      </c>
      <c r="I4102" t="s">
        <v>15</v>
      </c>
      <c r="J4102" s="10">
        <v>27.77245636</v>
      </c>
    </row>
    <row r="4103" spans="1:10" x14ac:dyDescent="0.35">
      <c r="A4103" t="s">
        <v>10</v>
      </c>
      <c r="B4103" t="s">
        <v>25</v>
      </c>
      <c r="C4103" t="s">
        <v>117</v>
      </c>
      <c r="D4103" t="s">
        <v>118</v>
      </c>
      <c r="E4103">
        <v>2019</v>
      </c>
      <c r="F4103">
        <v>2019</v>
      </c>
      <c r="G4103" t="s">
        <v>126</v>
      </c>
      <c r="H4103" t="s">
        <v>122</v>
      </c>
      <c r="I4103" t="s">
        <v>15</v>
      </c>
      <c r="J4103" s="10">
        <v>22.17699021</v>
      </c>
    </row>
    <row r="4104" spans="1:10" x14ac:dyDescent="0.35">
      <c r="A4104" t="s">
        <v>10</v>
      </c>
      <c r="B4104" t="s">
        <v>25</v>
      </c>
      <c r="C4104" t="s">
        <v>117</v>
      </c>
      <c r="D4104" t="s">
        <v>118</v>
      </c>
      <c r="E4104">
        <v>2019</v>
      </c>
      <c r="F4104">
        <v>2019</v>
      </c>
      <c r="G4104" t="s">
        <v>126</v>
      </c>
      <c r="H4104" t="s">
        <v>123</v>
      </c>
      <c r="I4104" t="s">
        <v>15</v>
      </c>
      <c r="J4104" s="10">
        <v>22.150383139999999</v>
      </c>
    </row>
    <row r="4105" spans="1:10" x14ac:dyDescent="0.35">
      <c r="A4105" t="s">
        <v>10</v>
      </c>
      <c r="B4105" t="s">
        <v>25</v>
      </c>
      <c r="C4105" t="s">
        <v>117</v>
      </c>
      <c r="D4105" t="s">
        <v>118</v>
      </c>
      <c r="E4105">
        <v>2019</v>
      </c>
      <c r="F4105">
        <v>2019</v>
      </c>
      <c r="G4105" t="s">
        <v>126</v>
      </c>
      <c r="H4105" t="s">
        <v>124</v>
      </c>
      <c r="I4105" t="s">
        <v>15</v>
      </c>
      <c r="J4105" s="10">
        <v>3.7303107710000001</v>
      </c>
    </row>
    <row r="4106" spans="1:10" x14ac:dyDescent="0.35">
      <c r="A4106" t="s">
        <v>10</v>
      </c>
      <c r="B4106" t="s">
        <v>25</v>
      </c>
      <c r="C4106" t="s">
        <v>117</v>
      </c>
      <c r="D4106" t="s">
        <v>118</v>
      </c>
      <c r="E4106">
        <v>2018</v>
      </c>
      <c r="F4106">
        <v>2018</v>
      </c>
      <c r="G4106" t="s">
        <v>14</v>
      </c>
      <c r="H4106" t="s">
        <v>119</v>
      </c>
      <c r="I4106" t="s">
        <v>15</v>
      </c>
      <c r="J4106" s="10">
        <v>16.57433563</v>
      </c>
    </row>
    <row r="4107" spans="1:10" x14ac:dyDescent="0.35">
      <c r="A4107" t="s">
        <v>10</v>
      </c>
      <c r="B4107" t="s">
        <v>25</v>
      </c>
      <c r="C4107" t="s">
        <v>117</v>
      </c>
      <c r="D4107" t="s">
        <v>118</v>
      </c>
      <c r="E4107">
        <v>2018</v>
      </c>
      <c r="F4107">
        <v>2018</v>
      </c>
      <c r="G4107" t="s">
        <v>14</v>
      </c>
      <c r="H4107" t="s">
        <v>120</v>
      </c>
      <c r="I4107" t="s">
        <v>15</v>
      </c>
      <c r="J4107" s="10">
        <v>9.4945561250000008</v>
      </c>
    </row>
    <row r="4108" spans="1:10" x14ac:dyDescent="0.35">
      <c r="A4108" t="s">
        <v>10</v>
      </c>
      <c r="B4108" t="s">
        <v>25</v>
      </c>
      <c r="C4108" t="s">
        <v>117</v>
      </c>
      <c r="D4108" t="s">
        <v>118</v>
      </c>
      <c r="E4108">
        <v>2018</v>
      </c>
      <c r="F4108">
        <v>2018</v>
      </c>
      <c r="G4108" t="s">
        <v>14</v>
      </c>
      <c r="H4108" t="s">
        <v>121</v>
      </c>
      <c r="I4108" t="s">
        <v>15</v>
      </c>
      <c r="J4108" s="10">
        <v>28.22724406</v>
      </c>
    </row>
    <row r="4109" spans="1:10" x14ac:dyDescent="0.35">
      <c r="A4109" t="s">
        <v>10</v>
      </c>
      <c r="B4109" t="s">
        <v>25</v>
      </c>
      <c r="C4109" t="s">
        <v>117</v>
      </c>
      <c r="D4109" t="s">
        <v>118</v>
      </c>
      <c r="E4109">
        <v>2018</v>
      </c>
      <c r="F4109">
        <v>2018</v>
      </c>
      <c r="G4109" t="s">
        <v>14</v>
      </c>
      <c r="H4109" t="s">
        <v>122</v>
      </c>
      <c r="I4109" t="s">
        <v>15</v>
      </c>
      <c r="J4109" s="10">
        <v>21.853659870000001</v>
      </c>
    </row>
    <row r="4110" spans="1:10" x14ac:dyDescent="0.35">
      <c r="A4110" t="s">
        <v>10</v>
      </c>
      <c r="B4110" t="s">
        <v>25</v>
      </c>
      <c r="C4110" t="s">
        <v>117</v>
      </c>
      <c r="D4110" t="s">
        <v>118</v>
      </c>
      <c r="E4110">
        <v>2018</v>
      </c>
      <c r="F4110">
        <v>2018</v>
      </c>
      <c r="G4110" t="s">
        <v>14</v>
      </c>
      <c r="H4110" t="s">
        <v>123</v>
      </c>
      <c r="I4110" t="s">
        <v>15</v>
      </c>
      <c r="J4110" s="10">
        <v>20.951375370000001</v>
      </c>
    </row>
    <row r="4111" spans="1:10" x14ac:dyDescent="0.35">
      <c r="A4111" t="s">
        <v>10</v>
      </c>
      <c r="B4111" t="s">
        <v>25</v>
      </c>
      <c r="C4111" t="s">
        <v>117</v>
      </c>
      <c r="D4111" t="s">
        <v>118</v>
      </c>
      <c r="E4111">
        <v>2018</v>
      </c>
      <c r="F4111">
        <v>2018</v>
      </c>
      <c r="G4111" t="s">
        <v>14</v>
      </c>
      <c r="H4111" t="s">
        <v>124</v>
      </c>
      <c r="I4111" t="s">
        <v>15</v>
      </c>
      <c r="J4111" s="10">
        <v>2.89882895</v>
      </c>
    </row>
    <row r="4112" spans="1:10" x14ac:dyDescent="0.35">
      <c r="A4112" t="s">
        <v>10</v>
      </c>
      <c r="B4112" t="s">
        <v>25</v>
      </c>
      <c r="C4112" t="s">
        <v>117</v>
      </c>
      <c r="D4112" t="s">
        <v>118</v>
      </c>
      <c r="E4112">
        <v>2018</v>
      </c>
      <c r="F4112">
        <v>2018</v>
      </c>
      <c r="G4112" t="s">
        <v>125</v>
      </c>
      <c r="H4112" t="s">
        <v>119</v>
      </c>
      <c r="I4112" t="s">
        <v>15</v>
      </c>
      <c r="J4112" s="10">
        <v>17.373994069999998</v>
      </c>
    </row>
    <row r="4113" spans="1:10" x14ac:dyDescent="0.35">
      <c r="A4113" t="s">
        <v>10</v>
      </c>
      <c r="B4113" t="s">
        <v>25</v>
      </c>
      <c r="C4113" t="s">
        <v>117</v>
      </c>
      <c r="D4113" t="s">
        <v>118</v>
      </c>
      <c r="E4113">
        <v>2018</v>
      </c>
      <c r="F4113">
        <v>2018</v>
      </c>
      <c r="G4113" t="s">
        <v>125</v>
      </c>
      <c r="H4113" t="s">
        <v>120</v>
      </c>
      <c r="I4113" t="s">
        <v>15</v>
      </c>
      <c r="J4113" s="10">
        <v>10.29789637</v>
      </c>
    </row>
    <row r="4114" spans="1:10" x14ac:dyDescent="0.35">
      <c r="A4114" t="s">
        <v>10</v>
      </c>
      <c r="B4114" t="s">
        <v>25</v>
      </c>
      <c r="C4114" t="s">
        <v>117</v>
      </c>
      <c r="D4114" t="s">
        <v>118</v>
      </c>
      <c r="E4114">
        <v>2018</v>
      </c>
      <c r="F4114">
        <v>2018</v>
      </c>
      <c r="G4114" t="s">
        <v>125</v>
      </c>
      <c r="H4114" t="s">
        <v>121</v>
      </c>
      <c r="I4114" t="s">
        <v>15</v>
      </c>
      <c r="J4114" s="10">
        <v>28.360864039999999</v>
      </c>
    </row>
    <row r="4115" spans="1:10" x14ac:dyDescent="0.35">
      <c r="A4115" t="s">
        <v>10</v>
      </c>
      <c r="B4115" t="s">
        <v>25</v>
      </c>
      <c r="C4115" t="s">
        <v>117</v>
      </c>
      <c r="D4115" t="s">
        <v>118</v>
      </c>
      <c r="E4115">
        <v>2018</v>
      </c>
      <c r="F4115">
        <v>2018</v>
      </c>
      <c r="G4115" t="s">
        <v>125</v>
      </c>
      <c r="H4115" t="s">
        <v>122</v>
      </c>
      <c r="I4115" t="s">
        <v>15</v>
      </c>
      <c r="J4115" s="10">
        <v>21.728081320000001</v>
      </c>
    </row>
    <row r="4116" spans="1:10" x14ac:dyDescent="0.35">
      <c r="A4116" t="s">
        <v>10</v>
      </c>
      <c r="B4116" t="s">
        <v>25</v>
      </c>
      <c r="C4116" t="s">
        <v>117</v>
      </c>
      <c r="D4116" t="s">
        <v>118</v>
      </c>
      <c r="E4116">
        <v>2018</v>
      </c>
      <c r="F4116">
        <v>2018</v>
      </c>
      <c r="G4116" t="s">
        <v>125</v>
      </c>
      <c r="H4116" t="s">
        <v>123</v>
      </c>
      <c r="I4116" t="s">
        <v>15</v>
      </c>
      <c r="J4116" s="10">
        <v>20.135535789999999</v>
      </c>
    </row>
    <row r="4117" spans="1:10" x14ac:dyDescent="0.35">
      <c r="A4117" t="s">
        <v>10</v>
      </c>
      <c r="B4117" t="s">
        <v>25</v>
      </c>
      <c r="C4117" t="s">
        <v>117</v>
      </c>
      <c r="D4117" t="s">
        <v>118</v>
      </c>
      <c r="E4117">
        <v>2018</v>
      </c>
      <c r="F4117">
        <v>2018</v>
      </c>
      <c r="G4117" t="s">
        <v>125</v>
      </c>
      <c r="H4117" t="s">
        <v>124</v>
      </c>
      <c r="I4117" t="s">
        <v>15</v>
      </c>
      <c r="J4117" s="10">
        <v>2.1036284059999999</v>
      </c>
    </row>
    <row r="4118" spans="1:10" x14ac:dyDescent="0.35">
      <c r="A4118" t="s">
        <v>10</v>
      </c>
      <c r="B4118" t="s">
        <v>25</v>
      </c>
      <c r="C4118" t="s">
        <v>117</v>
      </c>
      <c r="D4118" t="s">
        <v>118</v>
      </c>
      <c r="E4118">
        <v>2018</v>
      </c>
      <c r="F4118">
        <v>2018</v>
      </c>
      <c r="G4118" t="s">
        <v>126</v>
      </c>
      <c r="H4118" t="s">
        <v>119</v>
      </c>
      <c r="I4118" t="s">
        <v>15</v>
      </c>
      <c r="J4118" s="10">
        <v>15.819359650000001</v>
      </c>
    </row>
    <row r="4119" spans="1:10" x14ac:dyDescent="0.35">
      <c r="A4119" t="s">
        <v>10</v>
      </c>
      <c r="B4119" t="s">
        <v>25</v>
      </c>
      <c r="C4119" t="s">
        <v>117</v>
      </c>
      <c r="D4119" t="s">
        <v>118</v>
      </c>
      <c r="E4119">
        <v>2018</v>
      </c>
      <c r="F4119">
        <v>2018</v>
      </c>
      <c r="G4119" t="s">
        <v>126</v>
      </c>
      <c r="H4119" t="s">
        <v>120</v>
      </c>
      <c r="I4119" t="s">
        <v>15</v>
      </c>
      <c r="J4119" s="10">
        <v>8.7361040760000002</v>
      </c>
    </row>
    <row r="4120" spans="1:10" x14ac:dyDescent="0.35">
      <c r="A4120" t="s">
        <v>10</v>
      </c>
      <c r="B4120" t="s">
        <v>25</v>
      </c>
      <c r="C4120" t="s">
        <v>117</v>
      </c>
      <c r="D4120" t="s">
        <v>118</v>
      </c>
      <c r="E4120">
        <v>2018</v>
      </c>
      <c r="F4120">
        <v>2018</v>
      </c>
      <c r="G4120" t="s">
        <v>126</v>
      </c>
      <c r="H4120" t="s">
        <v>121</v>
      </c>
      <c r="I4120" t="s">
        <v>15</v>
      </c>
      <c r="J4120" s="10">
        <v>28.10109035</v>
      </c>
    </row>
    <row r="4121" spans="1:10" x14ac:dyDescent="0.35">
      <c r="A4121" t="s">
        <v>10</v>
      </c>
      <c r="B4121" t="s">
        <v>25</v>
      </c>
      <c r="C4121" t="s">
        <v>117</v>
      </c>
      <c r="D4121" t="s">
        <v>118</v>
      </c>
      <c r="E4121">
        <v>2018</v>
      </c>
      <c r="F4121">
        <v>2018</v>
      </c>
      <c r="G4121" t="s">
        <v>126</v>
      </c>
      <c r="H4121" t="s">
        <v>122</v>
      </c>
      <c r="I4121" t="s">
        <v>15</v>
      </c>
      <c r="J4121" s="10">
        <v>21.972221480000002</v>
      </c>
    </row>
    <row r="4122" spans="1:10" x14ac:dyDescent="0.35">
      <c r="A4122" t="s">
        <v>10</v>
      </c>
      <c r="B4122" t="s">
        <v>25</v>
      </c>
      <c r="C4122" t="s">
        <v>117</v>
      </c>
      <c r="D4122" t="s">
        <v>118</v>
      </c>
      <c r="E4122">
        <v>2018</v>
      </c>
      <c r="F4122">
        <v>2018</v>
      </c>
      <c r="G4122" t="s">
        <v>126</v>
      </c>
      <c r="H4122" t="s">
        <v>123</v>
      </c>
      <c r="I4122" t="s">
        <v>15</v>
      </c>
      <c r="J4122" s="10">
        <v>21.721628320000001</v>
      </c>
    </row>
    <row r="4123" spans="1:10" x14ac:dyDescent="0.35">
      <c r="A4123" t="s">
        <v>10</v>
      </c>
      <c r="B4123" t="s">
        <v>25</v>
      </c>
      <c r="C4123" t="s">
        <v>117</v>
      </c>
      <c r="D4123" t="s">
        <v>118</v>
      </c>
      <c r="E4123">
        <v>2018</v>
      </c>
      <c r="F4123">
        <v>2018</v>
      </c>
      <c r="G4123" t="s">
        <v>126</v>
      </c>
      <c r="H4123" t="s">
        <v>124</v>
      </c>
      <c r="I4123" t="s">
        <v>15</v>
      </c>
      <c r="J4123" s="10">
        <v>3.6495961179999998</v>
      </c>
    </row>
    <row r="4124" spans="1:10" x14ac:dyDescent="0.35">
      <c r="A4124" t="s">
        <v>10</v>
      </c>
      <c r="B4124" t="s">
        <v>25</v>
      </c>
      <c r="C4124" t="s">
        <v>117</v>
      </c>
      <c r="D4124" t="s">
        <v>118</v>
      </c>
      <c r="E4124">
        <v>2017</v>
      </c>
      <c r="F4124">
        <v>2017</v>
      </c>
      <c r="G4124" t="s">
        <v>14</v>
      </c>
      <c r="H4124" t="s">
        <v>119</v>
      </c>
      <c r="I4124" t="s">
        <v>15</v>
      </c>
      <c r="J4124" s="10">
        <v>16.62054036</v>
      </c>
    </row>
    <row r="4125" spans="1:10" x14ac:dyDescent="0.35">
      <c r="A4125" t="s">
        <v>10</v>
      </c>
      <c r="B4125" t="s">
        <v>25</v>
      </c>
      <c r="C4125" t="s">
        <v>117</v>
      </c>
      <c r="D4125" t="s">
        <v>118</v>
      </c>
      <c r="E4125">
        <v>2017</v>
      </c>
      <c r="F4125">
        <v>2017</v>
      </c>
      <c r="G4125" t="s">
        <v>14</v>
      </c>
      <c r="H4125" t="s">
        <v>120</v>
      </c>
      <c r="I4125" t="s">
        <v>15</v>
      </c>
      <c r="J4125" s="10">
        <v>9.7303666359999994</v>
      </c>
    </row>
    <row r="4126" spans="1:10" x14ac:dyDescent="0.35">
      <c r="A4126" t="s">
        <v>10</v>
      </c>
      <c r="B4126" t="s">
        <v>25</v>
      </c>
      <c r="C4126" t="s">
        <v>117</v>
      </c>
      <c r="D4126" t="s">
        <v>118</v>
      </c>
      <c r="E4126">
        <v>2017</v>
      </c>
      <c r="F4126">
        <v>2017</v>
      </c>
      <c r="G4126" t="s">
        <v>14</v>
      </c>
      <c r="H4126" t="s">
        <v>121</v>
      </c>
      <c r="I4126" t="s">
        <v>15</v>
      </c>
      <c r="J4126" s="10">
        <v>28.364936700000001</v>
      </c>
    </row>
    <row r="4127" spans="1:10" x14ac:dyDescent="0.35">
      <c r="A4127" t="s">
        <v>10</v>
      </c>
      <c r="B4127" t="s">
        <v>25</v>
      </c>
      <c r="C4127" t="s">
        <v>117</v>
      </c>
      <c r="D4127" t="s">
        <v>118</v>
      </c>
      <c r="E4127">
        <v>2017</v>
      </c>
      <c r="F4127">
        <v>2017</v>
      </c>
      <c r="G4127" t="s">
        <v>14</v>
      </c>
      <c r="H4127" t="s">
        <v>122</v>
      </c>
      <c r="I4127" t="s">
        <v>15</v>
      </c>
      <c r="J4127" s="10">
        <v>21.9488135</v>
      </c>
    </row>
    <row r="4128" spans="1:10" x14ac:dyDescent="0.35">
      <c r="A4128" t="s">
        <v>10</v>
      </c>
      <c r="B4128" t="s">
        <v>25</v>
      </c>
      <c r="C4128" t="s">
        <v>117</v>
      </c>
      <c r="D4128" t="s">
        <v>118</v>
      </c>
      <c r="E4128">
        <v>2017</v>
      </c>
      <c r="F4128">
        <v>2017</v>
      </c>
      <c r="G4128" t="s">
        <v>14</v>
      </c>
      <c r="H4128" t="s">
        <v>123</v>
      </c>
      <c r="I4128" t="s">
        <v>15</v>
      </c>
      <c r="J4128" s="10">
        <v>20.44445662</v>
      </c>
    </row>
    <row r="4129" spans="1:10" x14ac:dyDescent="0.35">
      <c r="A4129" t="s">
        <v>10</v>
      </c>
      <c r="B4129" t="s">
        <v>25</v>
      </c>
      <c r="C4129" t="s">
        <v>117</v>
      </c>
      <c r="D4129" t="s">
        <v>118</v>
      </c>
      <c r="E4129">
        <v>2017</v>
      </c>
      <c r="F4129">
        <v>2017</v>
      </c>
      <c r="G4129" t="s">
        <v>14</v>
      </c>
      <c r="H4129" t="s">
        <v>124</v>
      </c>
      <c r="I4129" t="s">
        <v>15</v>
      </c>
      <c r="J4129" s="10">
        <v>2.8908861730000002</v>
      </c>
    </row>
    <row r="4130" spans="1:10" x14ac:dyDescent="0.35">
      <c r="A4130" t="s">
        <v>10</v>
      </c>
      <c r="B4130" t="s">
        <v>25</v>
      </c>
      <c r="C4130" t="s">
        <v>117</v>
      </c>
      <c r="D4130" t="s">
        <v>118</v>
      </c>
      <c r="E4130">
        <v>2017</v>
      </c>
      <c r="F4130">
        <v>2017</v>
      </c>
      <c r="G4130" t="s">
        <v>125</v>
      </c>
      <c r="H4130" t="s">
        <v>119</v>
      </c>
      <c r="I4130" t="s">
        <v>15</v>
      </c>
      <c r="J4130" s="10">
        <v>17.372929110000001</v>
      </c>
    </row>
    <row r="4131" spans="1:10" x14ac:dyDescent="0.35">
      <c r="A4131" t="s">
        <v>10</v>
      </c>
      <c r="B4131" t="s">
        <v>25</v>
      </c>
      <c r="C4131" t="s">
        <v>117</v>
      </c>
      <c r="D4131" t="s">
        <v>118</v>
      </c>
      <c r="E4131">
        <v>2017</v>
      </c>
      <c r="F4131">
        <v>2017</v>
      </c>
      <c r="G4131" t="s">
        <v>125</v>
      </c>
      <c r="H4131" t="s">
        <v>120</v>
      </c>
      <c r="I4131" t="s">
        <v>15</v>
      </c>
      <c r="J4131" s="10">
        <v>10.627747100000001</v>
      </c>
    </row>
    <row r="4132" spans="1:10" x14ac:dyDescent="0.35">
      <c r="A4132" t="s">
        <v>10</v>
      </c>
      <c r="B4132" t="s">
        <v>25</v>
      </c>
      <c r="C4132" t="s">
        <v>117</v>
      </c>
      <c r="D4132" t="s">
        <v>118</v>
      </c>
      <c r="E4132">
        <v>2017</v>
      </c>
      <c r="F4132">
        <v>2017</v>
      </c>
      <c r="G4132" t="s">
        <v>125</v>
      </c>
      <c r="H4132" t="s">
        <v>121</v>
      </c>
      <c r="I4132" t="s">
        <v>15</v>
      </c>
      <c r="J4132" s="10">
        <v>28.40640144</v>
      </c>
    </row>
    <row r="4133" spans="1:10" x14ac:dyDescent="0.35">
      <c r="A4133" t="s">
        <v>10</v>
      </c>
      <c r="B4133" t="s">
        <v>25</v>
      </c>
      <c r="C4133" t="s">
        <v>117</v>
      </c>
      <c r="D4133" t="s">
        <v>118</v>
      </c>
      <c r="E4133">
        <v>2017</v>
      </c>
      <c r="F4133">
        <v>2017</v>
      </c>
      <c r="G4133" t="s">
        <v>125</v>
      </c>
      <c r="H4133" t="s">
        <v>122</v>
      </c>
      <c r="I4133" t="s">
        <v>15</v>
      </c>
      <c r="J4133" s="10">
        <v>21.886622339999999</v>
      </c>
    </row>
    <row r="4134" spans="1:10" x14ac:dyDescent="0.35">
      <c r="A4134" t="s">
        <v>10</v>
      </c>
      <c r="B4134" t="s">
        <v>25</v>
      </c>
      <c r="C4134" t="s">
        <v>117</v>
      </c>
      <c r="D4134" t="s">
        <v>118</v>
      </c>
      <c r="E4134">
        <v>2017</v>
      </c>
      <c r="F4134">
        <v>2017</v>
      </c>
      <c r="G4134" t="s">
        <v>125</v>
      </c>
      <c r="H4134" t="s">
        <v>123</v>
      </c>
      <c r="I4134" t="s">
        <v>15</v>
      </c>
      <c r="J4134" s="10">
        <v>19.624140650000001</v>
      </c>
    </row>
    <row r="4135" spans="1:10" x14ac:dyDescent="0.35">
      <c r="A4135" t="s">
        <v>10</v>
      </c>
      <c r="B4135" t="s">
        <v>25</v>
      </c>
      <c r="C4135" t="s">
        <v>117</v>
      </c>
      <c r="D4135" t="s">
        <v>118</v>
      </c>
      <c r="E4135">
        <v>2017</v>
      </c>
      <c r="F4135">
        <v>2017</v>
      </c>
      <c r="G4135" t="s">
        <v>125</v>
      </c>
      <c r="H4135" t="s">
        <v>124</v>
      </c>
      <c r="I4135" t="s">
        <v>15</v>
      </c>
      <c r="J4135" s="10">
        <v>2.0821593599999999</v>
      </c>
    </row>
    <row r="4136" spans="1:10" x14ac:dyDescent="0.35">
      <c r="A4136" t="s">
        <v>10</v>
      </c>
      <c r="B4136" t="s">
        <v>25</v>
      </c>
      <c r="C4136" t="s">
        <v>117</v>
      </c>
      <c r="D4136" t="s">
        <v>118</v>
      </c>
      <c r="E4136">
        <v>2017</v>
      </c>
      <c r="F4136">
        <v>2017</v>
      </c>
      <c r="G4136" t="s">
        <v>126</v>
      </c>
      <c r="H4136" t="s">
        <v>119</v>
      </c>
      <c r="I4136" t="s">
        <v>15</v>
      </c>
      <c r="J4136" s="10">
        <v>15.90836356</v>
      </c>
    </row>
    <row r="4137" spans="1:10" x14ac:dyDescent="0.35">
      <c r="A4137" t="s">
        <v>10</v>
      </c>
      <c r="B4137" t="s">
        <v>25</v>
      </c>
      <c r="C4137" t="s">
        <v>117</v>
      </c>
      <c r="D4137" t="s">
        <v>118</v>
      </c>
      <c r="E4137">
        <v>2017</v>
      </c>
      <c r="F4137">
        <v>2017</v>
      </c>
      <c r="G4137" t="s">
        <v>126</v>
      </c>
      <c r="H4137" t="s">
        <v>120</v>
      </c>
      <c r="I4137" t="s">
        <v>15</v>
      </c>
      <c r="J4137" s="10">
        <v>8.8809473010000008</v>
      </c>
    </row>
    <row r="4138" spans="1:10" x14ac:dyDescent="0.35">
      <c r="A4138" t="s">
        <v>10</v>
      </c>
      <c r="B4138" t="s">
        <v>25</v>
      </c>
      <c r="C4138" t="s">
        <v>117</v>
      </c>
      <c r="D4138" t="s">
        <v>118</v>
      </c>
      <c r="E4138">
        <v>2017</v>
      </c>
      <c r="F4138">
        <v>2017</v>
      </c>
      <c r="G4138" t="s">
        <v>126</v>
      </c>
      <c r="H4138" t="s">
        <v>121</v>
      </c>
      <c r="I4138" t="s">
        <v>15</v>
      </c>
      <c r="J4138" s="10">
        <v>28.325688070000002</v>
      </c>
    </row>
    <row r="4139" spans="1:10" x14ac:dyDescent="0.35">
      <c r="A4139" t="s">
        <v>10</v>
      </c>
      <c r="B4139" t="s">
        <v>25</v>
      </c>
      <c r="C4139" t="s">
        <v>117</v>
      </c>
      <c r="D4139" t="s">
        <v>118</v>
      </c>
      <c r="E4139">
        <v>2017</v>
      </c>
      <c r="F4139">
        <v>2017</v>
      </c>
      <c r="G4139" t="s">
        <v>126</v>
      </c>
      <c r="H4139" t="s">
        <v>122</v>
      </c>
      <c r="I4139" t="s">
        <v>15</v>
      </c>
      <c r="J4139" s="10">
        <v>22.007680820000001</v>
      </c>
    </row>
    <row r="4140" spans="1:10" x14ac:dyDescent="0.35">
      <c r="A4140" t="s">
        <v>10</v>
      </c>
      <c r="B4140" t="s">
        <v>25</v>
      </c>
      <c r="C4140" t="s">
        <v>117</v>
      </c>
      <c r="D4140" t="s">
        <v>118</v>
      </c>
      <c r="E4140">
        <v>2017</v>
      </c>
      <c r="F4140">
        <v>2017</v>
      </c>
      <c r="G4140" t="s">
        <v>126</v>
      </c>
      <c r="H4140" t="s">
        <v>123</v>
      </c>
      <c r="I4140" t="s">
        <v>15</v>
      </c>
      <c r="J4140" s="10">
        <v>21.22093023</v>
      </c>
    </row>
    <row r="4141" spans="1:10" x14ac:dyDescent="0.35">
      <c r="A4141" t="s">
        <v>10</v>
      </c>
      <c r="B4141" t="s">
        <v>25</v>
      </c>
      <c r="C4141" t="s">
        <v>117</v>
      </c>
      <c r="D4141" t="s">
        <v>118</v>
      </c>
      <c r="E4141">
        <v>2017</v>
      </c>
      <c r="F4141">
        <v>2017</v>
      </c>
      <c r="G4141" t="s">
        <v>126</v>
      </c>
      <c r="H4141" t="s">
        <v>124</v>
      </c>
      <c r="I4141" t="s">
        <v>15</v>
      </c>
      <c r="J4141" s="10">
        <v>3.6563900149999999</v>
      </c>
    </row>
    <row r="4142" spans="1:10" x14ac:dyDescent="0.35">
      <c r="A4142" t="s">
        <v>10</v>
      </c>
      <c r="B4142" t="s">
        <v>25</v>
      </c>
      <c r="C4142" t="s">
        <v>117</v>
      </c>
      <c r="D4142" t="s">
        <v>118</v>
      </c>
      <c r="E4142">
        <v>2016</v>
      </c>
      <c r="F4142">
        <v>2016</v>
      </c>
      <c r="G4142" t="s">
        <v>14</v>
      </c>
      <c r="H4142" t="s">
        <v>119</v>
      </c>
      <c r="I4142" t="s">
        <v>15</v>
      </c>
      <c r="J4142" s="10">
        <v>16.76256128</v>
      </c>
    </row>
    <row r="4143" spans="1:10" x14ac:dyDescent="0.35">
      <c r="A4143" t="s">
        <v>10</v>
      </c>
      <c r="B4143" t="s">
        <v>25</v>
      </c>
      <c r="C4143" t="s">
        <v>117</v>
      </c>
      <c r="D4143" t="s">
        <v>118</v>
      </c>
      <c r="E4143">
        <v>2016</v>
      </c>
      <c r="F4143">
        <v>2016</v>
      </c>
      <c r="G4143" t="s">
        <v>14</v>
      </c>
      <c r="H4143" t="s">
        <v>120</v>
      </c>
      <c r="I4143" t="s">
        <v>15</v>
      </c>
      <c r="J4143" s="10">
        <v>9.8526564410000006</v>
      </c>
    </row>
    <row r="4144" spans="1:10" x14ac:dyDescent="0.35">
      <c r="A4144" t="s">
        <v>10</v>
      </c>
      <c r="B4144" t="s">
        <v>25</v>
      </c>
      <c r="C4144" t="s">
        <v>117</v>
      </c>
      <c r="D4144" t="s">
        <v>118</v>
      </c>
      <c r="E4144">
        <v>2016</v>
      </c>
      <c r="F4144">
        <v>2016</v>
      </c>
      <c r="G4144" t="s">
        <v>14</v>
      </c>
      <c r="H4144" t="s">
        <v>121</v>
      </c>
      <c r="I4144" t="s">
        <v>15</v>
      </c>
      <c r="J4144" s="10">
        <v>28.573390280000002</v>
      </c>
    </row>
    <row r="4145" spans="1:10" x14ac:dyDescent="0.35">
      <c r="A4145" t="s">
        <v>10</v>
      </c>
      <c r="B4145" t="s">
        <v>25</v>
      </c>
      <c r="C4145" t="s">
        <v>117</v>
      </c>
      <c r="D4145" t="s">
        <v>118</v>
      </c>
      <c r="E4145">
        <v>2016</v>
      </c>
      <c r="F4145">
        <v>2016</v>
      </c>
      <c r="G4145" t="s">
        <v>14</v>
      </c>
      <c r="H4145" t="s">
        <v>122</v>
      </c>
      <c r="I4145" t="s">
        <v>15</v>
      </c>
      <c r="J4145" s="10">
        <v>21.771967650000001</v>
      </c>
    </row>
    <row r="4146" spans="1:10" x14ac:dyDescent="0.35">
      <c r="A4146" t="s">
        <v>10</v>
      </c>
      <c r="B4146" t="s">
        <v>25</v>
      </c>
      <c r="C4146" t="s">
        <v>117</v>
      </c>
      <c r="D4146" t="s">
        <v>118</v>
      </c>
      <c r="E4146">
        <v>2016</v>
      </c>
      <c r="F4146">
        <v>2016</v>
      </c>
      <c r="G4146" t="s">
        <v>14</v>
      </c>
      <c r="H4146" t="s">
        <v>123</v>
      </c>
      <c r="I4146" t="s">
        <v>15</v>
      </c>
      <c r="J4146" s="10">
        <v>20.257336280000001</v>
      </c>
    </row>
    <row r="4147" spans="1:10" x14ac:dyDescent="0.35">
      <c r="A4147" t="s">
        <v>10</v>
      </c>
      <c r="B4147" t="s">
        <v>25</v>
      </c>
      <c r="C4147" t="s">
        <v>117</v>
      </c>
      <c r="D4147" t="s">
        <v>118</v>
      </c>
      <c r="E4147">
        <v>2016</v>
      </c>
      <c r="F4147">
        <v>2016</v>
      </c>
      <c r="G4147" t="s">
        <v>14</v>
      </c>
      <c r="H4147" t="s">
        <v>124</v>
      </c>
      <c r="I4147" t="s">
        <v>15</v>
      </c>
      <c r="J4147" s="10">
        <v>2.782088077</v>
      </c>
    </row>
    <row r="4148" spans="1:10" x14ac:dyDescent="0.35">
      <c r="A4148" t="s">
        <v>10</v>
      </c>
      <c r="B4148" t="s">
        <v>25</v>
      </c>
      <c r="C4148" t="s">
        <v>117</v>
      </c>
      <c r="D4148" t="s">
        <v>118</v>
      </c>
      <c r="E4148">
        <v>2016</v>
      </c>
      <c r="F4148">
        <v>2016</v>
      </c>
      <c r="G4148" t="s">
        <v>125</v>
      </c>
      <c r="H4148" t="s">
        <v>119</v>
      </c>
      <c r="I4148" t="s">
        <v>15</v>
      </c>
      <c r="J4148" s="10">
        <v>17.44475216</v>
      </c>
    </row>
    <row r="4149" spans="1:10" x14ac:dyDescent="0.35">
      <c r="A4149" t="s">
        <v>10</v>
      </c>
      <c r="B4149" t="s">
        <v>25</v>
      </c>
      <c r="C4149" t="s">
        <v>117</v>
      </c>
      <c r="D4149" t="s">
        <v>118</v>
      </c>
      <c r="E4149">
        <v>2016</v>
      </c>
      <c r="F4149">
        <v>2016</v>
      </c>
      <c r="G4149" t="s">
        <v>125</v>
      </c>
      <c r="H4149" t="s">
        <v>120</v>
      </c>
      <c r="I4149" t="s">
        <v>15</v>
      </c>
      <c r="J4149" s="10">
        <v>10.772621940000001</v>
      </c>
    </row>
    <row r="4150" spans="1:10" x14ac:dyDescent="0.35">
      <c r="A4150" t="s">
        <v>10</v>
      </c>
      <c r="B4150" t="s">
        <v>25</v>
      </c>
      <c r="C4150" t="s">
        <v>117</v>
      </c>
      <c r="D4150" t="s">
        <v>118</v>
      </c>
      <c r="E4150">
        <v>2016</v>
      </c>
      <c r="F4150">
        <v>2016</v>
      </c>
      <c r="G4150" t="s">
        <v>125</v>
      </c>
      <c r="H4150" t="s">
        <v>121</v>
      </c>
      <c r="I4150" t="s">
        <v>15</v>
      </c>
      <c r="J4150" s="10">
        <v>28.54518736</v>
      </c>
    </row>
    <row r="4151" spans="1:10" x14ac:dyDescent="0.35">
      <c r="A4151" t="s">
        <v>10</v>
      </c>
      <c r="B4151" t="s">
        <v>25</v>
      </c>
      <c r="C4151" t="s">
        <v>117</v>
      </c>
      <c r="D4151" t="s">
        <v>118</v>
      </c>
      <c r="E4151">
        <v>2016</v>
      </c>
      <c r="F4151">
        <v>2016</v>
      </c>
      <c r="G4151" t="s">
        <v>125</v>
      </c>
      <c r="H4151" t="s">
        <v>122</v>
      </c>
      <c r="I4151" t="s">
        <v>15</v>
      </c>
      <c r="J4151" s="10">
        <v>21.728932350000001</v>
      </c>
    </row>
    <row r="4152" spans="1:10" x14ac:dyDescent="0.35">
      <c r="A4152" t="s">
        <v>10</v>
      </c>
      <c r="B4152" t="s">
        <v>25</v>
      </c>
      <c r="C4152" t="s">
        <v>117</v>
      </c>
      <c r="D4152" t="s">
        <v>118</v>
      </c>
      <c r="E4152">
        <v>2016</v>
      </c>
      <c r="F4152">
        <v>2016</v>
      </c>
      <c r="G4152" t="s">
        <v>125</v>
      </c>
      <c r="H4152" t="s">
        <v>123</v>
      </c>
      <c r="I4152" t="s">
        <v>15</v>
      </c>
      <c r="J4152" s="10">
        <v>19.496411009999999</v>
      </c>
    </row>
    <row r="4153" spans="1:10" x14ac:dyDescent="0.35">
      <c r="A4153" t="s">
        <v>10</v>
      </c>
      <c r="B4153" t="s">
        <v>25</v>
      </c>
      <c r="C4153" t="s">
        <v>117</v>
      </c>
      <c r="D4153" t="s">
        <v>118</v>
      </c>
      <c r="E4153">
        <v>2016</v>
      </c>
      <c r="F4153">
        <v>2016</v>
      </c>
      <c r="G4153" t="s">
        <v>125</v>
      </c>
      <c r="H4153" t="s">
        <v>124</v>
      </c>
      <c r="I4153" t="s">
        <v>15</v>
      </c>
      <c r="J4153" s="10">
        <v>2.0120951790000001</v>
      </c>
    </row>
    <row r="4154" spans="1:10" x14ac:dyDescent="0.35">
      <c r="A4154" t="s">
        <v>10</v>
      </c>
      <c r="B4154" t="s">
        <v>25</v>
      </c>
      <c r="C4154" t="s">
        <v>117</v>
      </c>
      <c r="D4154" t="s">
        <v>118</v>
      </c>
      <c r="E4154">
        <v>2016</v>
      </c>
      <c r="F4154">
        <v>2016</v>
      </c>
      <c r="G4154" t="s">
        <v>126</v>
      </c>
      <c r="H4154" t="s">
        <v>119</v>
      </c>
      <c r="I4154" t="s">
        <v>15</v>
      </c>
      <c r="J4154" s="10">
        <v>16.117744479999999</v>
      </c>
    </row>
    <row r="4155" spans="1:10" x14ac:dyDescent="0.35">
      <c r="A4155" t="s">
        <v>10</v>
      </c>
      <c r="B4155" t="s">
        <v>25</v>
      </c>
      <c r="C4155" t="s">
        <v>117</v>
      </c>
      <c r="D4155" t="s">
        <v>118</v>
      </c>
      <c r="E4155">
        <v>2016</v>
      </c>
      <c r="F4155">
        <v>2016</v>
      </c>
      <c r="G4155" t="s">
        <v>126</v>
      </c>
      <c r="H4155" t="s">
        <v>120</v>
      </c>
      <c r="I4155" t="s">
        <v>15</v>
      </c>
      <c r="J4155" s="10">
        <v>8.9830915939999993</v>
      </c>
    </row>
    <row r="4156" spans="1:10" x14ac:dyDescent="0.35">
      <c r="A4156" t="s">
        <v>10</v>
      </c>
      <c r="B4156" t="s">
        <v>25</v>
      </c>
      <c r="C4156" t="s">
        <v>117</v>
      </c>
      <c r="D4156" t="s">
        <v>118</v>
      </c>
      <c r="E4156">
        <v>2016</v>
      </c>
      <c r="F4156">
        <v>2016</v>
      </c>
      <c r="G4156" t="s">
        <v>126</v>
      </c>
      <c r="H4156" t="s">
        <v>121</v>
      </c>
      <c r="I4156" t="s">
        <v>15</v>
      </c>
      <c r="J4156" s="10">
        <v>28.600048080000001</v>
      </c>
    </row>
    <row r="4157" spans="1:10" x14ac:dyDescent="0.35">
      <c r="A4157" t="s">
        <v>10</v>
      </c>
      <c r="B4157" t="s">
        <v>25</v>
      </c>
      <c r="C4157" t="s">
        <v>117</v>
      </c>
      <c r="D4157" t="s">
        <v>118</v>
      </c>
      <c r="E4157">
        <v>2016</v>
      </c>
      <c r="F4157">
        <v>2016</v>
      </c>
      <c r="G4157" t="s">
        <v>126</v>
      </c>
      <c r="H4157" t="s">
        <v>122</v>
      </c>
      <c r="I4157" t="s">
        <v>15</v>
      </c>
      <c r="J4157" s="10">
        <v>21.812645239999998</v>
      </c>
    </row>
    <row r="4158" spans="1:10" x14ac:dyDescent="0.35">
      <c r="A4158" t="s">
        <v>10</v>
      </c>
      <c r="B4158" t="s">
        <v>25</v>
      </c>
      <c r="C4158" t="s">
        <v>117</v>
      </c>
      <c r="D4158" t="s">
        <v>118</v>
      </c>
      <c r="E4158">
        <v>2016</v>
      </c>
      <c r="F4158">
        <v>2016</v>
      </c>
      <c r="G4158" t="s">
        <v>126</v>
      </c>
      <c r="H4158" t="s">
        <v>123</v>
      </c>
      <c r="I4158" t="s">
        <v>15</v>
      </c>
      <c r="J4158" s="10">
        <v>20.976573980000001</v>
      </c>
    </row>
    <row r="4159" spans="1:10" x14ac:dyDescent="0.35">
      <c r="A4159" t="s">
        <v>10</v>
      </c>
      <c r="B4159" t="s">
        <v>25</v>
      </c>
      <c r="C4159" t="s">
        <v>117</v>
      </c>
      <c r="D4159" t="s">
        <v>118</v>
      </c>
      <c r="E4159">
        <v>2016</v>
      </c>
      <c r="F4159">
        <v>2016</v>
      </c>
      <c r="G4159" t="s">
        <v>126</v>
      </c>
      <c r="H4159" t="s">
        <v>124</v>
      </c>
      <c r="I4159" t="s">
        <v>15</v>
      </c>
      <c r="J4159" s="10">
        <v>3.5098966260000002</v>
      </c>
    </row>
    <row r="4160" spans="1:10" x14ac:dyDescent="0.35">
      <c r="A4160" t="s">
        <v>10</v>
      </c>
      <c r="B4160" t="s">
        <v>25</v>
      </c>
      <c r="C4160" t="s">
        <v>117</v>
      </c>
      <c r="D4160" t="s">
        <v>118</v>
      </c>
      <c r="E4160">
        <v>2015</v>
      </c>
      <c r="F4160">
        <v>2015</v>
      </c>
      <c r="G4160" t="s">
        <v>14</v>
      </c>
      <c r="H4160" t="s">
        <v>119</v>
      </c>
      <c r="I4160" t="s">
        <v>15</v>
      </c>
      <c r="J4160" s="10">
        <v>16.957366990000001</v>
      </c>
    </row>
    <row r="4161" spans="1:10" x14ac:dyDescent="0.35">
      <c r="A4161" t="s">
        <v>10</v>
      </c>
      <c r="B4161" t="s">
        <v>25</v>
      </c>
      <c r="C4161" t="s">
        <v>117</v>
      </c>
      <c r="D4161" t="s">
        <v>118</v>
      </c>
      <c r="E4161">
        <v>2015</v>
      </c>
      <c r="F4161">
        <v>2015</v>
      </c>
      <c r="G4161" t="s">
        <v>14</v>
      </c>
      <c r="H4161" t="s">
        <v>120</v>
      </c>
      <c r="I4161" t="s">
        <v>15</v>
      </c>
      <c r="J4161" s="10">
        <v>9.9463322470000008</v>
      </c>
    </row>
    <row r="4162" spans="1:10" x14ac:dyDescent="0.35">
      <c r="A4162" t="s">
        <v>10</v>
      </c>
      <c r="B4162" t="s">
        <v>25</v>
      </c>
      <c r="C4162" t="s">
        <v>117</v>
      </c>
      <c r="D4162" t="s">
        <v>118</v>
      </c>
      <c r="E4162">
        <v>2015</v>
      </c>
      <c r="F4162">
        <v>2015</v>
      </c>
      <c r="G4162" t="s">
        <v>14</v>
      </c>
      <c r="H4162" t="s">
        <v>121</v>
      </c>
      <c r="I4162" t="s">
        <v>15</v>
      </c>
      <c r="J4162" s="10">
        <v>28.869691410000001</v>
      </c>
    </row>
    <row r="4163" spans="1:10" x14ac:dyDescent="0.35">
      <c r="A4163" t="s">
        <v>10</v>
      </c>
      <c r="B4163" t="s">
        <v>25</v>
      </c>
      <c r="C4163" t="s">
        <v>117</v>
      </c>
      <c r="D4163" t="s">
        <v>118</v>
      </c>
      <c r="E4163">
        <v>2015</v>
      </c>
      <c r="F4163">
        <v>2015</v>
      </c>
      <c r="G4163" t="s">
        <v>14</v>
      </c>
      <c r="H4163" t="s">
        <v>122</v>
      </c>
      <c r="I4163" t="s">
        <v>15</v>
      </c>
      <c r="J4163" s="10">
        <v>21.62728293</v>
      </c>
    </row>
    <row r="4164" spans="1:10" x14ac:dyDescent="0.35">
      <c r="A4164" t="s">
        <v>10</v>
      </c>
      <c r="B4164" t="s">
        <v>25</v>
      </c>
      <c r="C4164" t="s">
        <v>117</v>
      </c>
      <c r="D4164" t="s">
        <v>118</v>
      </c>
      <c r="E4164">
        <v>2015</v>
      </c>
      <c r="F4164">
        <v>2015</v>
      </c>
      <c r="G4164" t="s">
        <v>14</v>
      </c>
      <c r="H4164" t="s">
        <v>123</v>
      </c>
      <c r="I4164" t="s">
        <v>15</v>
      </c>
      <c r="J4164" s="10">
        <v>19.93784398</v>
      </c>
    </row>
    <row r="4165" spans="1:10" x14ac:dyDescent="0.35">
      <c r="A4165" t="s">
        <v>10</v>
      </c>
      <c r="B4165" t="s">
        <v>25</v>
      </c>
      <c r="C4165" t="s">
        <v>117</v>
      </c>
      <c r="D4165" t="s">
        <v>118</v>
      </c>
      <c r="E4165">
        <v>2015</v>
      </c>
      <c r="F4165">
        <v>2015</v>
      </c>
      <c r="G4165" t="s">
        <v>14</v>
      </c>
      <c r="H4165" t="s">
        <v>124</v>
      </c>
      <c r="I4165" t="s">
        <v>15</v>
      </c>
      <c r="J4165" s="10">
        <v>2.6614824349999999</v>
      </c>
    </row>
    <row r="4166" spans="1:10" x14ac:dyDescent="0.35">
      <c r="A4166" t="s">
        <v>10</v>
      </c>
      <c r="B4166" t="s">
        <v>25</v>
      </c>
      <c r="C4166" t="s">
        <v>117</v>
      </c>
      <c r="D4166" t="s">
        <v>118</v>
      </c>
      <c r="E4166">
        <v>2015</v>
      </c>
      <c r="F4166">
        <v>2015</v>
      </c>
      <c r="G4166" t="s">
        <v>125</v>
      </c>
      <c r="H4166" t="s">
        <v>119</v>
      </c>
      <c r="I4166" t="s">
        <v>15</v>
      </c>
      <c r="J4166" s="10">
        <v>17.809183300000001</v>
      </c>
    </row>
    <row r="4167" spans="1:10" x14ac:dyDescent="0.35">
      <c r="A4167" t="s">
        <v>10</v>
      </c>
      <c r="B4167" t="s">
        <v>25</v>
      </c>
      <c r="C4167" t="s">
        <v>117</v>
      </c>
      <c r="D4167" t="s">
        <v>118</v>
      </c>
      <c r="E4167">
        <v>2015</v>
      </c>
      <c r="F4167">
        <v>2015</v>
      </c>
      <c r="G4167" t="s">
        <v>125</v>
      </c>
      <c r="H4167" t="s">
        <v>120</v>
      </c>
      <c r="I4167" t="s">
        <v>15</v>
      </c>
      <c r="J4167" s="10">
        <v>10.734495089999999</v>
      </c>
    </row>
    <row r="4168" spans="1:10" x14ac:dyDescent="0.35">
      <c r="A4168" t="s">
        <v>10</v>
      </c>
      <c r="B4168" t="s">
        <v>25</v>
      </c>
      <c r="C4168" t="s">
        <v>117</v>
      </c>
      <c r="D4168" t="s">
        <v>118</v>
      </c>
      <c r="E4168">
        <v>2015</v>
      </c>
      <c r="F4168">
        <v>2015</v>
      </c>
      <c r="G4168" t="s">
        <v>125</v>
      </c>
      <c r="H4168" t="s">
        <v>121</v>
      </c>
      <c r="I4168" t="s">
        <v>15</v>
      </c>
      <c r="J4168" s="10">
        <v>28.86743053</v>
      </c>
    </row>
    <row r="4169" spans="1:10" x14ac:dyDescent="0.35">
      <c r="A4169" t="s">
        <v>10</v>
      </c>
      <c r="B4169" t="s">
        <v>25</v>
      </c>
      <c r="C4169" t="s">
        <v>117</v>
      </c>
      <c r="D4169" t="s">
        <v>118</v>
      </c>
      <c r="E4169">
        <v>2015</v>
      </c>
      <c r="F4169">
        <v>2015</v>
      </c>
      <c r="G4169" t="s">
        <v>125</v>
      </c>
      <c r="H4169" t="s">
        <v>122</v>
      </c>
      <c r="I4169" t="s">
        <v>15</v>
      </c>
      <c r="J4169" s="10">
        <v>21.545001549999999</v>
      </c>
    </row>
    <row r="4170" spans="1:10" x14ac:dyDescent="0.35">
      <c r="A4170" t="s">
        <v>10</v>
      </c>
      <c r="B4170" t="s">
        <v>25</v>
      </c>
      <c r="C4170" t="s">
        <v>117</v>
      </c>
      <c r="D4170" t="s">
        <v>118</v>
      </c>
      <c r="E4170">
        <v>2015</v>
      </c>
      <c r="F4170">
        <v>2015</v>
      </c>
      <c r="G4170" t="s">
        <v>125</v>
      </c>
      <c r="H4170" t="s">
        <v>123</v>
      </c>
      <c r="I4170" t="s">
        <v>15</v>
      </c>
      <c r="J4170" s="10">
        <v>19.168942319999999</v>
      </c>
    </row>
    <row r="4171" spans="1:10" x14ac:dyDescent="0.35">
      <c r="A4171" t="s">
        <v>10</v>
      </c>
      <c r="B4171" t="s">
        <v>25</v>
      </c>
      <c r="C4171" t="s">
        <v>117</v>
      </c>
      <c r="D4171" t="s">
        <v>118</v>
      </c>
      <c r="E4171">
        <v>2015</v>
      </c>
      <c r="F4171">
        <v>2015</v>
      </c>
      <c r="G4171" t="s">
        <v>125</v>
      </c>
      <c r="H4171" t="s">
        <v>124</v>
      </c>
      <c r="I4171" t="s">
        <v>15</v>
      </c>
      <c r="J4171" s="10">
        <v>1.8749472140000001</v>
      </c>
    </row>
    <row r="4172" spans="1:10" x14ac:dyDescent="0.35">
      <c r="A4172" t="s">
        <v>10</v>
      </c>
      <c r="B4172" t="s">
        <v>25</v>
      </c>
      <c r="C4172" t="s">
        <v>117</v>
      </c>
      <c r="D4172" t="s">
        <v>118</v>
      </c>
      <c r="E4172">
        <v>2015</v>
      </c>
      <c r="F4172">
        <v>2015</v>
      </c>
      <c r="G4172" t="s">
        <v>126</v>
      </c>
      <c r="H4172" t="s">
        <v>119</v>
      </c>
      <c r="I4172" t="s">
        <v>15</v>
      </c>
      <c r="J4172" s="10">
        <v>16.150955459999999</v>
      </c>
    </row>
    <row r="4173" spans="1:10" x14ac:dyDescent="0.35">
      <c r="A4173" t="s">
        <v>10</v>
      </c>
      <c r="B4173" t="s">
        <v>25</v>
      </c>
      <c r="C4173" t="s">
        <v>117</v>
      </c>
      <c r="D4173" t="s">
        <v>118</v>
      </c>
      <c r="E4173">
        <v>2015</v>
      </c>
      <c r="F4173">
        <v>2015</v>
      </c>
      <c r="G4173" t="s">
        <v>126</v>
      </c>
      <c r="H4173" t="s">
        <v>120</v>
      </c>
      <c r="I4173" t="s">
        <v>15</v>
      </c>
      <c r="J4173" s="10">
        <v>9.2001812320000003</v>
      </c>
    </row>
    <row r="4174" spans="1:10" x14ac:dyDescent="0.35">
      <c r="A4174" t="s">
        <v>10</v>
      </c>
      <c r="B4174" t="s">
        <v>25</v>
      </c>
      <c r="C4174" t="s">
        <v>117</v>
      </c>
      <c r="D4174" t="s">
        <v>118</v>
      </c>
      <c r="E4174">
        <v>2015</v>
      </c>
      <c r="F4174">
        <v>2015</v>
      </c>
      <c r="G4174" t="s">
        <v>126</v>
      </c>
      <c r="H4174" t="s">
        <v>121</v>
      </c>
      <c r="I4174" t="s">
        <v>15</v>
      </c>
      <c r="J4174" s="10">
        <v>28.87183177</v>
      </c>
    </row>
    <row r="4175" spans="1:10" x14ac:dyDescent="0.35">
      <c r="A4175" t="s">
        <v>10</v>
      </c>
      <c r="B4175" t="s">
        <v>25</v>
      </c>
      <c r="C4175" t="s">
        <v>117</v>
      </c>
      <c r="D4175" t="s">
        <v>118</v>
      </c>
      <c r="E4175">
        <v>2015</v>
      </c>
      <c r="F4175">
        <v>2015</v>
      </c>
      <c r="G4175" t="s">
        <v>126</v>
      </c>
      <c r="H4175" t="s">
        <v>122</v>
      </c>
      <c r="I4175" t="s">
        <v>15</v>
      </c>
      <c r="J4175" s="10">
        <v>21.70517843</v>
      </c>
    </row>
    <row r="4176" spans="1:10" x14ac:dyDescent="0.35">
      <c r="A4176" t="s">
        <v>10</v>
      </c>
      <c r="B4176" t="s">
        <v>25</v>
      </c>
      <c r="C4176" t="s">
        <v>117</v>
      </c>
      <c r="D4176" t="s">
        <v>118</v>
      </c>
      <c r="E4176">
        <v>2015</v>
      </c>
      <c r="F4176">
        <v>2015</v>
      </c>
      <c r="G4176" t="s">
        <v>126</v>
      </c>
      <c r="H4176" t="s">
        <v>123</v>
      </c>
      <c r="I4176" t="s">
        <v>15</v>
      </c>
      <c r="J4176" s="10">
        <v>20.665760509999998</v>
      </c>
    </row>
    <row r="4177" spans="1:10" x14ac:dyDescent="0.35">
      <c r="A4177" t="s">
        <v>10</v>
      </c>
      <c r="B4177" t="s">
        <v>25</v>
      </c>
      <c r="C4177" t="s">
        <v>117</v>
      </c>
      <c r="D4177" t="s">
        <v>118</v>
      </c>
      <c r="E4177">
        <v>2015</v>
      </c>
      <c r="F4177">
        <v>2015</v>
      </c>
      <c r="G4177" t="s">
        <v>126</v>
      </c>
      <c r="H4177" t="s">
        <v>124</v>
      </c>
      <c r="I4177" t="s">
        <v>15</v>
      </c>
      <c r="J4177" s="10">
        <v>3.4060925879999999</v>
      </c>
    </row>
    <row r="4178" spans="1:10" x14ac:dyDescent="0.35">
      <c r="A4178" t="s">
        <v>10</v>
      </c>
      <c r="B4178" t="s">
        <v>25</v>
      </c>
      <c r="C4178" t="s">
        <v>117</v>
      </c>
      <c r="D4178" t="s">
        <v>118</v>
      </c>
      <c r="E4178">
        <v>2014</v>
      </c>
      <c r="F4178">
        <v>2014</v>
      </c>
      <c r="G4178" t="s">
        <v>14</v>
      </c>
      <c r="H4178" t="s">
        <v>119</v>
      </c>
      <c r="I4178" t="s">
        <v>15</v>
      </c>
      <c r="J4178" s="10">
        <v>17.030286419999999</v>
      </c>
    </row>
    <row r="4179" spans="1:10" x14ac:dyDescent="0.35">
      <c r="A4179" t="s">
        <v>10</v>
      </c>
      <c r="B4179" t="s">
        <v>25</v>
      </c>
      <c r="C4179" t="s">
        <v>117</v>
      </c>
      <c r="D4179" t="s">
        <v>118</v>
      </c>
      <c r="E4179">
        <v>2014</v>
      </c>
      <c r="F4179">
        <v>2014</v>
      </c>
      <c r="G4179" t="s">
        <v>14</v>
      </c>
      <c r="H4179" t="s">
        <v>120</v>
      </c>
      <c r="I4179" t="s">
        <v>15</v>
      </c>
      <c r="J4179" s="10">
        <v>10.049335340000001</v>
      </c>
    </row>
    <row r="4180" spans="1:10" x14ac:dyDescent="0.35">
      <c r="A4180" t="s">
        <v>10</v>
      </c>
      <c r="B4180" t="s">
        <v>25</v>
      </c>
      <c r="C4180" t="s">
        <v>117</v>
      </c>
      <c r="D4180" t="s">
        <v>118</v>
      </c>
      <c r="E4180">
        <v>2014</v>
      </c>
      <c r="F4180">
        <v>2014</v>
      </c>
      <c r="G4180" t="s">
        <v>14</v>
      </c>
      <c r="H4180" t="s">
        <v>121</v>
      </c>
      <c r="I4180" t="s">
        <v>15</v>
      </c>
      <c r="J4180" s="10">
        <v>29.369603949999998</v>
      </c>
    </row>
    <row r="4181" spans="1:10" x14ac:dyDescent="0.35">
      <c r="A4181" t="s">
        <v>10</v>
      </c>
      <c r="B4181" t="s">
        <v>25</v>
      </c>
      <c r="C4181" t="s">
        <v>117</v>
      </c>
      <c r="D4181" t="s">
        <v>118</v>
      </c>
      <c r="E4181">
        <v>2014</v>
      </c>
      <c r="F4181">
        <v>2014</v>
      </c>
      <c r="G4181" t="s">
        <v>14</v>
      </c>
      <c r="H4181" t="s">
        <v>122</v>
      </c>
      <c r="I4181" t="s">
        <v>15</v>
      </c>
      <c r="J4181" s="10">
        <v>21.388241740000002</v>
      </c>
    </row>
    <row r="4182" spans="1:10" x14ac:dyDescent="0.35">
      <c r="A4182" t="s">
        <v>10</v>
      </c>
      <c r="B4182" t="s">
        <v>25</v>
      </c>
      <c r="C4182" t="s">
        <v>117</v>
      </c>
      <c r="D4182" t="s">
        <v>118</v>
      </c>
      <c r="E4182">
        <v>2014</v>
      </c>
      <c r="F4182">
        <v>2014</v>
      </c>
      <c r="G4182" t="s">
        <v>14</v>
      </c>
      <c r="H4182" t="s">
        <v>123</v>
      </c>
      <c r="I4182" t="s">
        <v>15</v>
      </c>
      <c r="J4182" s="10">
        <v>19.54364807</v>
      </c>
    </row>
    <row r="4183" spans="1:10" x14ac:dyDescent="0.35">
      <c r="A4183" t="s">
        <v>10</v>
      </c>
      <c r="B4183" t="s">
        <v>25</v>
      </c>
      <c r="C4183" t="s">
        <v>117</v>
      </c>
      <c r="D4183" t="s">
        <v>118</v>
      </c>
      <c r="E4183">
        <v>2014</v>
      </c>
      <c r="F4183">
        <v>2014</v>
      </c>
      <c r="G4183" t="s">
        <v>14</v>
      </c>
      <c r="H4183" t="s">
        <v>124</v>
      </c>
      <c r="I4183" t="s">
        <v>15</v>
      </c>
      <c r="J4183" s="10">
        <v>2.618884473</v>
      </c>
    </row>
    <row r="4184" spans="1:10" x14ac:dyDescent="0.35">
      <c r="A4184" t="s">
        <v>10</v>
      </c>
      <c r="B4184" t="s">
        <v>25</v>
      </c>
      <c r="C4184" t="s">
        <v>117</v>
      </c>
      <c r="D4184" t="s">
        <v>118</v>
      </c>
      <c r="E4184">
        <v>2014</v>
      </c>
      <c r="F4184">
        <v>2014</v>
      </c>
      <c r="G4184" t="s">
        <v>125</v>
      </c>
      <c r="H4184" t="s">
        <v>119</v>
      </c>
      <c r="I4184" t="s">
        <v>15</v>
      </c>
      <c r="J4184" s="10">
        <v>17.802154420000001</v>
      </c>
    </row>
    <row r="4185" spans="1:10" x14ac:dyDescent="0.35">
      <c r="A4185" t="s">
        <v>10</v>
      </c>
      <c r="B4185" t="s">
        <v>25</v>
      </c>
      <c r="C4185" t="s">
        <v>117</v>
      </c>
      <c r="D4185" t="s">
        <v>118</v>
      </c>
      <c r="E4185">
        <v>2014</v>
      </c>
      <c r="F4185">
        <v>2014</v>
      </c>
      <c r="G4185" t="s">
        <v>125</v>
      </c>
      <c r="H4185" t="s">
        <v>120</v>
      </c>
      <c r="I4185" t="s">
        <v>15</v>
      </c>
      <c r="J4185" s="10">
        <v>10.95256895</v>
      </c>
    </row>
    <row r="4186" spans="1:10" x14ac:dyDescent="0.35">
      <c r="A4186" t="s">
        <v>10</v>
      </c>
      <c r="B4186" t="s">
        <v>25</v>
      </c>
      <c r="C4186" t="s">
        <v>117</v>
      </c>
      <c r="D4186" t="s">
        <v>118</v>
      </c>
      <c r="E4186">
        <v>2014</v>
      </c>
      <c r="F4186">
        <v>2014</v>
      </c>
      <c r="G4186" t="s">
        <v>125</v>
      </c>
      <c r="H4186" t="s">
        <v>121</v>
      </c>
      <c r="I4186" t="s">
        <v>15</v>
      </c>
      <c r="J4186" s="10">
        <v>29.307427669999999</v>
      </c>
    </row>
    <row r="4187" spans="1:10" x14ac:dyDescent="0.35">
      <c r="A4187" t="s">
        <v>10</v>
      </c>
      <c r="B4187" t="s">
        <v>25</v>
      </c>
      <c r="C4187" t="s">
        <v>117</v>
      </c>
      <c r="D4187" t="s">
        <v>118</v>
      </c>
      <c r="E4187">
        <v>2014</v>
      </c>
      <c r="F4187">
        <v>2014</v>
      </c>
      <c r="G4187" t="s">
        <v>125</v>
      </c>
      <c r="H4187" t="s">
        <v>122</v>
      </c>
      <c r="I4187" t="s">
        <v>15</v>
      </c>
      <c r="J4187" s="10">
        <v>21.434211269999999</v>
      </c>
    </row>
    <row r="4188" spans="1:10" x14ac:dyDescent="0.35">
      <c r="A4188" t="s">
        <v>10</v>
      </c>
      <c r="B4188" t="s">
        <v>25</v>
      </c>
      <c r="C4188" t="s">
        <v>117</v>
      </c>
      <c r="D4188" t="s">
        <v>118</v>
      </c>
      <c r="E4188">
        <v>2014</v>
      </c>
      <c r="F4188">
        <v>2014</v>
      </c>
      <c r="G4188" t="s">
        <v>125</v>
      </c>
      <c r="H4188" t="s">
        <v>123</v>
      </c>
      <c r="I4188" t="s">
        <v>15</v>
      </c>
      <c r="J4188" s="10">
        <v>18.69324911</v>
      </c>
    </row>
    <row r="4189" spans="1:10" x14ac:dyDescent="0.35">
      <c r="A4189" t="s">
        <v>10</v>
      </c>
      <c r="B4189" t="s">
        <v>25</v>
      </c>
      <c r="C4189" t="s">
        <v>117</v>
      </c>
      <c r="D4189" t="s">
        <v>118</v>
      </c>
      <c r="E4189">
        <v>2014</v>
      </c>
      <c r="F4189">
        <v>2014</v>
      </c>
      <c r="G4189" t="s">
        <v>125</v>
      </c>
      <c r="H4189" t="s">
        <v>124</v>
      </c>
      <c r="I4189" t="s">
        <v>15</v>
      </c>
      <c r="J4189" s="10">
        <v>1.8103885850000001</v>
      </c>
    </row>
    <row r="4190" spans="1:10" x14ac:dyDescent="0.35">
      <c r="A4190" t="s">
        <v>10</v>
      </c>
      <c r="B4190" t="s">
        <v>25</v>
      </c>
      <c r="C4190" t="s">
        <v>117</v>
      </c>
      <c r="D4190" t="s">
        <v>118</v>
      </c>
      <c r="E4190">
        <v>2014</v>
      </c>
      <c r="F4190">
        <v>2014</v>
      </c>
      <c r="G4190" t="s">
        <v>126</v>
      </c>
      <c r="H4190" t="s">
        <v>119</v>
      </c>
      <c r="I4190" t="s">
        <v>15</v>
      </c>
      <c r="J4190" s="10">
        <v>16.300522560000001</v>
      </c>
    </row>
    <row r="4191" spans="1:10" x14ac:dyDescent="0.35">
      <c r="A4191" t="s">
        <v>10</v>
      </c>
      <c r="B4191" t="s">
        <v>25</v>
      </c>
      <c r="C4191" t="s">
        <v>117</v>
      </c>
      <c r="D4191" t="s">
        <v>118</v>
      </c>
      <c r="E4191">
        <v>2014</v>
      </c>
      <c r="F4191">
        <v>2014</v>
      </c>
      <c r="G4191" t="s">
        <v>126</v>
      </c>
      <c r="H4191" t="s">
        <v>120</v>
      </c>
      <c r="I4191" t="s">
        <v>15</v>
      </c>
      <c r="J4191" s="10">
        <v>9.1953716540000006</v>
      </c>
    </row>
    <row r="4192" spans="1:10" x14ac:dyDescent="0.35">
      <c r="A4192" t="s">
        <v>10</v>
      </c>
      <c r="B4192" t="s">
        <v>25</v>
      </c>
      <c r="C4192" t="s">
        <v>117</v>
      </c>
      <c r="D4192" t="s">
        <v>118</v>
      </c>
      <c r="E4192">
        <v>2014</v>
      </c>
      <c r="F4192">
        <v>2014</v>
      </c>
      <c r="G4192" t="s">
        <v>126</v>
      </c>
      <c r="H4192" t="s">
        <v>121</v>
      </c>
      <c r="I4192" t="s">
        <v>15</v>
      </c>
      <c r="J4192" s="10">
        <v>29.428388609999999</v>
      </c>
    </row>
    <row r="4193" spans="1:10" x14ac:dyDescent="0.35">
      <c r="A4193" t="s">
        <v>10</v>
      </c>
      <c r="B4193" t="s">
        <v>25</v>
      </c>
      <c r="C4193" t="s">
        <v>117</v>
      </c>
      <c r="D4193" t="s">
        <v>118</v>
      </c>
      <c r="E4193">
        <v>2014</v>
      </c>
      <c r="F4193">
        <v>2014</v>
      </c>
      <c r="G4193" t="s">
        <v>126</v>
      </c>
      <c r="H4193" t="s">
        <v>122</v>
      </c>
      <c r="I4193" t="s">
        <v>15</v>
      </c>
      <c r="J4193" s="10">
        <v>21.34477978</v>
      </c>
    </row>
    <row r="4194" spans="1:10" x14ac:dyDescent="0.35">
      <c r="A4194" t="s">
        <v>10</v>
      </c>
      <c r="B4194" t="s">
        <v>25</v>
      </c>
      <c r="C4194" t="s">
        <v>117</v>
      </c>
      <c r="D4194" t="s">
        <v>118</v>
      </c>
      <c r="E4194">
        <v>2014</v>
      </c>
      <c r="F4194">
        <v>2014</v>
      </c>
      <c r="G4194" t="s">
        <v>126</v>
      </c>
      <c r="H4194" t="s">
        <v>123</v>
      </c>
      <c r="I4194" t="s">
        <v>15</v>
      </c>
      <c r="J4194" s="10">
        <v>20.34765917</v>
      </c>
    </row>
    <row r="4195" spans="1:10" x14ac:dyDescent="0.35">
      <c r="A4195" t="s">
        <v>10</v>
      </c>
      <c r="B4195" t="s">
        <v>25</v>
      </c>
      <c r="C4195" t="s">
        <v>117</v>
      </c>
      <c r="D4195" t="s">
        <v>118</v>
      </c>
      <c r="E4195">
        <v>2014</v>
      </c>
      <c r="F4195">
        <v>2014</v>
      </c>
      <c r="G4195" t="s">
        <v>126</v>
      </c>
      <c r="H4195" t="s">
        <v>124</v>
      </c>
      <c r="I4195" t="s">
        <v>15</v>
      </c>
      <c r="J4195" s="10">
        <v>3.3832782340000001</v>
      </c>
    </row>
    <row r="4196" spans="1:10" x14ac:dyDescent="0.35">
      <c r="A4196" t="s">
        <v>10</v>
      </c>
      <c r="B4196" t="s">
        <v>25</v>
      </c>
      <c r="C4196" t="s">
        <v>117</v>
      </c>
      <c r="D4196" t="s">
        <v>118</v>
      </c>
      <c r="E4196">
        <v>2013</v>
      </c>
      <c r="F4196">
        <v>2013</v>
      </c>
      <c r="G4196" t="s">
        <v>14</v>
      </c>
      <c r="H4196" t="s">
        <v>119</v>
      </c>
      <c r="I4196" t="s">
        <v>15</v>
      </c>
      <c r="J4196" s="10">
        <v>17.238346530000001</v>
      </c>
    </row>
    <row r="4197" spans="1:10" x14ac:dyDescent="0.35">
      <c r="A4197" t="s">
        <v>10</v>
      </c>
      <c r="B4197" t="s">
        <v>25</v>
      </c>
      <c r="C4197" t="s">
        <v>117</v>
      </c>
      <c r="D4197" t="s">
        <v>118</v>
      </c>
      <c r="E4197">
        <v>2013</v>
      </c>
      <c r="F4197">
        <v>2013</v>
      </c>
      <c r="G4197" t="s">
        <v>14</v>
      </c>
      <c r="H4197" t="s">
        <v>120</v>
      </c>
      <c r="I4197" t="s">
        <v>15</v>
      </c>
      <c r="J4197" s="10">
        <v>9.9961521550000008</v>
      </c>
    </row>
    <row r="4198" spans="1:10" x14ac:dyDescent="0.35">
      <c r="A4198" t="s">
        <v>10</v>
      </c>
      <c r="B4198" t="s">
        <v>25</v>
      </c>
      <c r="C4198" t="s">
        <v>117</v>
      </c>
      <c r="D4198" t="s">
        <v>118</v>
      </c>
      <c r="E4198">
        <v>2013</v>
      </c>
      <c r="F4198">
        <v>2013</v>
      </c>
      <c r="G4198" t="s">
        <v>14</v>
      </c>
      <c r="H4198" t="s">
        <v>121</v>
      </c>
      <c r="I4198" t="s">
        <v>15</v>
      </c>
      <c r="J4198" s="10">
        <v>29.802935359999999</v>
      </c>
    </row>
    <row r="4199" spans="1:10" x14ac:dyDescent="0.35">
      <c r="A4199" t="s">
        <v>10</v>
      </c>
      <c r="B4199" t="s">
        <v>25</v>
      </c>
      <c r="C4199" t="s">
        <v>117</v>
      </c>
      <c r="D4199" t="s">
        <v>118</v>
      </c>
      <c r="E4199">
        <v>2013</v>
      </c>
      <c r="F4199">
        <v>2013</v>
      </c>
      <c r="G4199" t="s">
        <v>14</v>
      </c>
      <c r="H4199" t="s">
        <v>122</v>
      </c>
      <c r="I4199" t="s">
        <v>15</v>
      </c>
      <c r="J4199" s="10">
        <v>21.439368949999999</v>
      </c>
    </row>
    <row r="4200" spans="1:10" x14ac:dyDescent="0.35">
      <c r="A4200" t="s">
        <v>10</v>
      </c>
      <c r="B4200" t="s">
        <v>25</v>
      </c>
      <c r="C4200" t="s">
        <v>117</v>
      </c>
      <c r="D4200" t="s">
        <v>118</v>
      </c>
      <c r="E4200">
        <v>2013</v>
      </c>
      <c r="F4200">
        <v>2013</v>
      </c>
      <c r="G4200" t="s">
        <v>14</v>
      </c>
      <c r="H4200" t="s">
        <v>123</v>
      </c>
      <c r="I4200" t="s">
        <v>15</v>
      </c>
      <c r="J4200" s="10">
        <v>18.978122249999998</v>
      </c>
    </row>
    <row r="4201" spans="1:10" x14ac:dyDescent="0.35">
      <c r="A4201" t="s">
        <v>10</v>
      </c>
      <c r="B4201" t="s">
        <v>25</v>
      </c>
      <c r="C4201" t="s">
        <v>117</v>
      </c>
      <c r="D4201" t="s">
        <v>118</v>
      </c>
      <c r="E4201">
        <v>2013</v>
      </c>
      <c r="F4201">
        <v>2013</v>
      </c>
      <c r="G4201" t="s">
        <v>14</v>
      </c>
      <c r="H4201" t="s">
        <v>124</v>
      </c>
      <c r="I4201" t="s">
        <v>15</v>
      </c>
      <c r="J4201" s="10">
        <v>2.5450747580000002</v>
      </c>
    </row>
    <row r="4202" spans="1:10" x14ac:dyDescent="0.35">
      <c r="A4202" t="s">
        <v>10</v>
      </c>
      <c r="B4202" t="s">
        <v>25</v>
      </c>
      <c r="C4202" t="s">
        <v>117</v>
      </c>
      <c r="D4202" t="s">
        <v>118</v>
      </c>
      <c r="E4202">
        <v>2013</v>
      </c>
      <c r="F4202">
        <v>2013</v>
      </c>
      <c r="G4202" t="s">
        <v>125</v>
      </c>
      <c r="H4202" t="s">
        <v>119</v>
      </c>
      <c r="I4202" t="s">
        <v>15</v>
      </c>
      <c r="J4202" s="10">
        <v>18.00067735</v>
      </c>
    </row>
    <row r="4203" spans="1:10" x14ac:dyDescent="0.35">
      <c r="A4203" t="s">
        <v>10</v>
      </c>
      <c r="B4203" t="s">
        <v>25</v>
      </c>
      <c r="C4203" t="s">
        <v>117</v>
      </c>
      <c r="D4203" t="s">
        <v>118</v>
      </c>
      <c r="E4203">
        <v>2013</v>
      </c>
      <c r="F4203">
        <v>2013</v>
      </c>
      <c r="G4203" t="s">
        <v>125</v>
      </c>
      <c r="H4203" t="s">
        <v>120</v>
      </c>
      <c r="I4203" t="s">
        <v>15</v>
      </c>
      <c r="J4203" s="10">
        <v>10.8856401</v>
      </c>
    </row>
    <row r="4204" spans="1:10" x14ac:dyDescent="0.35">
      <c r="A4204" t="s">
        <v>10</v>
      </c>
      <c r="B4204" t="s">
        <v>25</v>
      </c>
      <c r="C4204" t="s">
        <v>117</v>
      </c>
      <c r="D4204" t="s">
        <v>118</v>
      </c>
      <c r="E4204">
        <v>2013</v>
      </c>
      <c r="F4204">
        <v>2013</v>
      </c>
      <c r="G4204" t="s">
        <v>125</v>
      </c>
      <c r="H4204" t="s">
        <v>121</v>
      </c>
      <c r="I4204" t="s">
        <v>15</v>
      </c>
      <c r="J4204" s="10">
        <v>29.85436893</v>
      </c>
    </row>
    <row r="4205" spans="1:10" x14ac:dyDescent="0.35">
      <c r="A4205" t="s">
        <v>10</v>
      </c>
      <c r="B4205" t="s">
        <v>25</v>
      </c>
      <c r="C4205" t="s">
        <v>117</v>
      </c>
      <c r="D4205" t="s">
        <v>118</v>
      </c>
      <c r="E4205">
        <v>2013</v>
      </c>
      <c r="F4205">
        <v>2013</v>
      </c>
      <c r="G4205" t="s">
        <v>125</v>
      </c>
      <c r="H4205" t="s">
        <v>122</v>
      </c>
      <c r="I4205" t="s">
        <v>15</v>
      </c>
      <c r="J4205" s="10">
        <v>21.336644840000002</v>
      </c>
    </row>
    <row r="4206" spans="1:10" x14ac:dyDescent="0.35">
      <c r="A4206" t="s">
        <v>10</v>
      </c>
      <c r="B4206" t="s">
        <v>25</v>
      </c>
      <c r="C4206" t="s">
        <v>117</v>
      </c>
      <c r="D4206" t="s">
        <v>118</v>
      </c>
      <c r="E4206">
        <v>2013</v>
      </c>
      <c r="F4206">
        <v>2013</v>
      </c>
      <c r="G4206" t="s">
        <v>125</v>
      </c>
      <c r="H4206" t="s">
        <v>123</v>
      </c>
      <c r="I4206" t="s">
        <v>15</v>
      </c>
      <c r="J4206" s="10">
        <v>18.223639649999999</v>
      </c>
    </row>
    <row r="4207" spans="1:10" x14ac:dyDescent="0.35">
      <c r="A4207" t="s">
        <v>10</v>
      </c>
      <c r="B4207" t="s">
        <v>25</v>
      </c>
      <c r="C4207" t="s">
        <v>117</v>
      </c>
      <c r="D4207" t="s">
        <v>118</v>
      </c>
      <c r="E4207">
        <v>2013</v>
      </c>
      <c r="F4207">
        <v>2013</v>
      </c>
      <c r="G4207" t="s">
        <v>125</v>
      </c>
      <c r="H4207" t="s">
        <v>124</v>
      </c>
      <c r="I4207" t="s">
        <v>15</v>
      </c>
      <c r="J4207" s="10">
        <v>1.6990291259999999</v>
      </c>
    </row>
    <row r="4208" spans="1:10" x14ac:dyDescent="0.35">
      <c r="A4208" t="s">
        <v>10</v>
      </c>
      <c r="B4208" t="s">
        <v>25</v>
      </c>
      <c r="C4208" t="s">
        <v>117</v>
      </c>
      <c r="D4208" t="s">
        <v>118</v>
      </c>
      <c r="E4208">
        <v>2013</v>
      </c>
      <c r="F4208">
        <v>2013</v>
      </c>
      <c r="G4208" t="s">
        <v>126</v>
      </c>
      <c r="H4208" t="s">
        <v>119</v>
      </c>
      <c r="I4208" t="s">
        <v>15</v>
      </c>
      <c r="J4208" s="10">
        <v>16.51489179</v>
      </c>
    </row>
    <row r="4209" spans="1:10" x14ac:dyDescent="0.35">
      <c r="A4209" t="s">
        <v>10</v>
      </c>
      <c r="B4209" t="s">
        <v>25</v>
      </c>
      <c r="C4209" t="s">
        <v>117</v>
      </c>
      <c r="D4209" t="s">
        <v>118</v>
      </c>
      <c r="E4209">
        <v>2013</v>
      </c>
      <c r="F4209">
        <v>2013</v>
      </c>
      <c r="G4209" t="s">
        <v>126</v>
      </c>
      <c r="H4209" t="s">
        <v>120</v>
      </c>
      <c r="I4209" t="s">
        <v>15</v>
      </c>
      <c r="J4209" s="10">
        <v>9.1520248550000005</v>
      </c>
    </row>
    <row r="4210" spans="1:10" x14ac:dyDescent="0.35">
      <c r="A4210" t="s">
        <v>10</v>
      </c>
      <c r="B4210" t="s">
        <v>25</v>
      </c>
      <c r="C4210" t="s">
        <v>117</v>
      </c>
      <c r="D4210" t="s">
        <v>118</v>
      </c>
      <c r="E4210">
        <v>2013</v>
      </c>
      <c r="F4210">
        <v>2013</v>
      </c>
      <c r="G4210" t="s">
        <v>126</v>
      </c>
      <c r="H4210" t="s">
        <v>121</v>
      </c>
      <c r="I4210" t="s">
        <v>15</v>
      </c>
      <c r="J4210" s="10">
        <v>29.754124709999999</v>
      </c>
    </row>
    <row r="4211" spans="1:10" x14ac:dyDescent="0.35">
      <c r="A4211" t="s">
        <v>10</v>
      </c>
      <c r="B4211" t="s">
        <v>25</v>
      </c>
      <c r="C4211" t="s">
        <v>117</v>
      </c>
      <c r="D4211" t="s">
        <v>118</v>
      </c>
      <c r="E4211">
        <v>2013</v>
      </c>
      <c r="F4211">
        <v>2013</v>
      </c>
      <c r="G4211" t="s">
        <v>126</v>
      </c>
      <c r="H4211" t="s">
        <v>122</v>
      </c>
      <c r="I4211" t="s">
        <v>15</v>
      </c>
      <c r="J4211" s="10">
        <v>21.536854510000001</v>
      </c>
    </row>
    <row r="4212" spans="1:10" x14ac:dyDescent="0.35">
      <c r="A4212" t="s">
        <v>10</v>
      </c>
      <c r="B4212" t="s">
        <v>25</v>
      </c>
      <c r="C4212" t="s">
        <v>117</v>
      </c>
      <c r="D4212" t="s">
        <v>118</v>
      </c>
      <c r="E4212">
        <v>2013</v>
      </c>
      <c r="F4212">
        <v>2013</v>
      </c>
      <c r="G4212" t="s">
        <v>126</v>
      </c>
      <c r="H4212" t="s">
        <v>123</v>
      </c>
      <c r="I4212" t="s">
        <v>15</v>
      </c>
      <c r="J4212" s="10">
        <v>19.694128989999999</v>
      </c>
    </row>
    <row r="4213" spans="1:10" x14ac:dyDescent="0.35">
      <c r="A4213" t="s">
        <v>10</v>
      </c>
      <c r="B4213" t="s">
        <v>25</v>
      </c>
      <c r="C4213" t="s">
        <v>117</v>
      </c>
      <c r="D4213" t="s">
        <v>118</v>
      </c>
      <c r="E4213">
        <v>2013</v>
      </c>
      <c r="F4213">
        <v>2013</v>
      </c>
      <c r="G4213" t="s">
        <v>126</v>
      </c>
      <c r="H4213" t="s">
        <v>124</v>
      </c>
      <c r="I4213" t="s">
        <v>15</v>
      </c>
      <c r="J4213" s="10">
        <v>3.3479751449999999</v>
      </c>
    </row>
    <row r="4214" spans="1:10" x14ac:dyDescent="0.35">
      <c r="A4214" t="s">
        <v>10</v>
      </c>
      <c r="B4214" t="s">
        <v>25</v>
      </c>
      <c r="C4214" t="s">
        <v>117</v>
      </c>
      <c r="D4214" t="s">
        <v>118</v>
      </c>
      <c r="E4214">
        <v>2012</v>
      </c>
      <c r="F4214">
        <v>2012</v>
      </c>
      <c r="G4214" t="s">
        <v>14</v>
      </c>
      <c r="H4214" t="s">
        <v>119</v>
      </c>
      <c r="I4214" t="s">
        <v>15</v>
      </c>
      <c r="J4214" s="10">
        <v>17.432934379999999</v>
      </c>
    </row>
    <row r="4215" spans="1:10" x14ac:dyDescent="0.35">
      <c r="A4215" t="s">
        <v>10</v>
      </c>
      <c r="B4215" t="s">
        <v>25</v>
      </c>
      <c r="C4215" t="s">
        <v>117</v>
      </c>
      <c r="D4215" t="s">
        <v>118</v>
      </c>
      <c r="E4215">
        <v>2012</v>
      </c>
      <c r="F4215">
        <v>2012</v>
      </c>
      <c r="G4215" t="s">
        <v>14</v>
      </c>
      <c r="H4215" t="s">
        <v>120</v>
      </c>
      <c r="I4215" t="s">
        <v>15</v>
      </c>
      <c r="J4215" s="10">
        <v>9.9229605169999999</v>
      </c>
    </row>
    <row r="4216" spans="1:10" x14ac:dyDescent="0.35">
      <c r="A4216" t="s">
        <v>10</v>
      </c>
      <c r="B4216" t="s">
        <v>25</v>
      </c>
      <c r="C4216" t="s">
        <v>117</v>
      </c>
      <c r="D4216" t="s">
        <v>118</v>
      </c>
      <c r="E4216">
        <v>2012</v>
      </c>
      <c r="F4216">
        <v>2012</v>
      </c>
      <c r="G4216" t="s">
        <v>14</v>
      </c>
      <c r="H4216" t="s">
        <v>121</v>
      </c>
      <c r="I4216" t="s">
        <v>15</v>
      </c>
      <c r="J4216" s="10">
        <v>30.316412159999999</v>
      </c>
    </row>
    <row r="4217" spans="1:10" x14ac:dyDescent="0.35">
      <c r="A4217" t="s">
        <v>10</v>
      </c>
      <c r="B4217" t="s">
        <v>25</v>
      </c>
      <c r="C4217" t="s">
        <v>117</v>
      </c>
      <c r="D4217" t="s">
        <v>118</v>
      </c>
      <c r="E4217">
        <v>2012</v>
      </c>
      <c r="F4217">
        <v>2012</v>
      </c>
      <c r="G4217" t="s">
        <v>14</v>
      </c>
      <c r="H4217" t="s">
        <v>122</v>
      </c>
      <c r="I4217" t="s">
        <v>15</v>
      </c>
      <c r="J4217" s="10">
        <v>21.521529780000002</v>
      </c>
    </row>
    <row r="4218" spans="1:10" x14ac:dyDescent="0.35">
      <c r="A4218" t="s">
        <v>10</v>
      </c>
      <c r="B4218" t="s">
        <v>25</v>
      </c>
      <c r="C4218" t="s">
        <v>117</v>
      </c>
      <c r="D4218" t="s">
        <v>118</v>
      </c>
      <c r="E4218">
        <v>2012</v>
      </c>
      <c r="F4218">
        <v>2012</v>
      </c>
      <c r="G4218" t="s">
        <v>14</v>
      </c>
      <c r="H4218" t="s">
        <v>123</v>
      </c>
      <c r="I4218" t="s">
        <v>15</v>
      </c>
      <c r="J4218" s="10">
        <v>18.375292340000001</v>
      </c>
    </row>
    <row r="4219" spans="1:10" x14ac:dyDescent="0.35">
      <c r="A4219" t="s">
        <v>10</v>
      </c>
      <c r="B4219" t="s">
        <v>25</v>
      </c>
      <c r="C4219" t="s">
        <v>117</v>
      </c>
      <c r="D4219" t="s">
        <v>118</v>
      </c>
      <c r="E4219">
        <v>2012</v>
      </c>
      <c r="F4219">
        <v>2012</v>
      </c>
      <c r="G4219" t="s">
        <v>14</v>
      </c>
      <c r="H4219" t="s">
        <v>124</v>
      </c>
      <c r="I4219" t="s">
        <v>15</v>
      </c>
      <c r="J4219" s="10">
        <v>2.4308708210000001</v>
      </c>
    </row>
    <row r="4220" spans="1:10" x14ac:dyDescent="0.35">
      <c r="A4220" t="s">
        <v>10</v>
      </c>
      <c r="B4220" t="s">
        <v>25</v>
      </c>
      <c r="C4220" t="s">
        <v>117</v>
      </c>
      <c r="D4220" t="s">
        <v>118</v>
      </c>
      <c r="E4220">
        <v>2012</v>
      </c>
      <c r="F4220">
        <v>2012</v>
      </c>
      <c r="G4220" t="s">
        <v>125</v>
      </c>
      <c r="H4220" t="s">
        <v>119</v>
      </c>
      <c r="I4220" t="s">
        <v>15</v>
      </c>
      <c r="J4220" s="10">
        <v>18.221504100000001</v>
      </c>
    </row>
    <row r="4221" spans="1:10" x14ac:dyDescent="0.35">
      <c r="A4221" t="s">
        <v>10</v>
      </c>
      <c r="B4221" t="s">
        <v>25</v>
      </c>
      <c r="C4221" t="s">
        <v>117</v>
      </c>
      <c r="D4221" t="s">
        <v>118</v>
      </c>
      <c r="E4221">
        <v>2012</v>
      </c>
      <c r="F4221">
        <v>2012</v>
      </c>
      <c r="G4221" t="s">
        <v>125</v>
      </c>
      <c r="H4221" t="s">
        <v>120</v>
      </c>
      <c r="I4221" t="s">
        <v>15</v>
      </c>
      <c r="J4221" s="10">
        <v>10.87394053</v>
      </c>
    </row>
    <row r="4222" spans="1:10" x14ac:dyDescent="0.35">
      <c r="A4222" t="s">
        <v>10</v>
      </c>
      <c r="B4222" t="s">
        <v>25</v>
      </c>
      <c r="C4222" t="s">
        <v>117</v>
      </c>
      <c r="D4222" t="s">
        <v>118</v>
      </c>
      <c r="E4222">
        <v>2012</v>
      </c>
      <c r="F4222">
        <v>2012</v>
      </c>
      <c r="G4222" t="s">
        <v>125</v>
      </c>
      <c r="H4222" t="s">
        <v>121</v>
      </c>
      <c r="I4222" t="s">
        <v>15</v>
      </c>
      <c r="J4222" s="10">
        <v>30.243501429999998</v>
      </c>
    </row>
    <row r="4223" spans="1:10" x14ac:dyDescent="0.35">
      <c r="A4223" t="s">
        <v>10</v>
      </c>
      <c r="B4223" t="s">
        <v>25</v>
      </c>
      <c r="C4223" t="s">
        <v>117</v>
      </c>
      <c r="D4223" t="s">
        <v>118</v>
      </c>
      <c r="E4223">
        <v>2012</v>
      </c>
      <c r="F4223">
        <v>2012</v>
      </c>
      <c r="G4223" t="s">
        <v>125</v>
      </c>
      <c r="H4223" t="s">
        <v>122</v>
      </c>
      <c r="I4223" t="s">
        <v>15</v>
      </c>
      <c r="J4223" s="10">
        <v>21.515434989999999</v>
      </c>
    </row>
    <row r="4224" spans="1:10" x14ac:dyDescent="0.35">
      <c r="A4224" t="s">
        <v>10</v>
      </c>
      <c r="B4224" t="s">
        <v>25</v>
      </c>
      <c r="C4224" t="s">
        <v>117</v>
      </c>
      <c r="D4224" t="s">
        <v>118</v>
      </c>
      <c r="E4224">
        <v>2012</v>
      </c>
      <c r="F4224">
        <v>2012</v>
      </c>
      <c r="G4224" t="s">
        <v>125</v>
      </c>
      <c r="H4224" t="s">
        <v>123</v>
      </c>
      <c r="I4224" t="s">
        <v>15</v>
      </c>
      <c r="J4224" s="10">
        <v>17.546843549999998</v>
      </c>
    </row>
    <row r="4225" spans="1:10" x14ac:dyDescent="0.35">
      <c r="A4225" t="s">
        <v>10</v>
      </c>
      <c r="B4225" t="s">
        <v>25</v>
      </c>
      <c r="C4225" t="s">
        <v>117</v>
      </c>
      <c r="D4225" t="s">
        <v>118</v>
      </c>
      <c r="E4225">
        <v>2012</v>
      </c>
      <c r="F4225">
        <v>2012</v>
      </c>
      <c r="G4225" t="s">
        <v>125</v>
      </c>
      <c r="H4225" t="s">
        <v>124</v>
      </c>
      <c r="I4225" t="s">
        <v>15</v>
      </c>
      <c r="J4225" s="10">
        <v>1.5987754059999999</v>
      </c>
    </row>
    <row r="4226" spans="1:10" x14ac:dyDescent="0.35">
      <c r="A4226" t="s">
        <v>10</v>
      </c>
      <c r="B4226" t="s">
        <v>25</v>
      </c>
      <c r="C4226" t="s">
        <v>117</v>
      </c>
      <c r="D4226" t="s">
        <v>118</v>
      </c>
      <c r="E4226">
        <v>2012</v>
      </c>
      <c r="F4226">
        <v>2012</v>
      </c>
      <c r="G4226" t="s">
        <v>126</v>
      </c>
      <c r="H4226" t="s">
        <v>119</v>
      </c>
      <c r="I4226" t="s">
        <v>15</v>
      </c>
      <c r="J4226" s="10">
        <v>16.689386039999999</v>
      </c>
    </row>
    <row r="4227" spans="1:10" x14ac:dyDescent="0.35">
      <c r="A4227" t="s">
        <v>10</v>
      </c>
      <c r="B4227" t="s">
        <v>25</v>
      </c>
      <c r="C4227" t="s">
        <v>117</v>
      </c>
      <c r="D4227" t="s">
        <v>118</v>
      </c>
      <c r="E4227">
        <v>2012</v>
      </c>
      <c r="F4227">
        <v>2012</v>
      </c>
      <c r="G4227" t="s">
        <v>126</v>
      </c>
      <c r="H4227" t="s">
        <v>120</v>
      </c>
      <c r="I4227" t="s">
        <v>15</v>
      </c>
      <c r="J4227" s="10">
        <v>9.0262742899999999</v>
      </c>
    </row>
    <row r="4228" spans="1:10" x14ac:dyDescent="0.35">
      <c r="A4228" t="s">
        <v>10</v>
      </c>
      <c r="B4228" t="s">
        <v>25</v>
      </c>
      <c r="C4228" t="s">
        <v>117</v>
      </c>
      <c r="D4228" t="s">
        <v>118</v>
      </c>
      <c r="E4228">
        <v>2012</v>
      </c>
      <c r="F4228">
        <v>2012</v>
      </c>
      <c r="G4228" t="s">
        <v>126</v>
      </c>
      <c r="H4228" t="s">
        <v>121</v>
      </c>
      <c r="I4228" t="s">
        <v>15</v>
      </c>
      <c r="J4228" s="10">
        <v>30.385160240000001</v>
      </c>
    </row>
    <row r="4229" spans="1:10" x14ac:dyDescent="0.35">
      <c r="A4229" t="s">
        <v>10</v>
      </c>
      <c r="B4229" t="s">
        <v>25</v>
      </c>
      <c r="C4229" t="s">
        <v>117</v>
      </c>
      <c r="D4229" t="s">
        <v>118</v>
      </c>
      <c r="E4229">
        <v>2012</v>
      </c>
      <c r="F4229">
        <v>2012</v>
      </c>
      <c r="G4229" t="s">
        <v>126</v>
      </c>
      <c r="H4229" t="s">
        <v>122</v>
      </c>
      <c r="I4229" t="s">
        <v>15</v>
      </c>
      <c r="J4229" s="10">
        <v>21.527276619999999</v>
      </c>
    </row>
    <row r="4230" spans="1:10" x14ac:dyDescent="0.35">
      <c r="A4230" t="s">
        <v>10</v>
      </c>
      <c r="B4230" t="s">
        <v>25</v>
      </c>
      <c r="C4230" t="s">
        <v>117</v>
      </c>
      <c r="D4230" t="s">
        <v>118</v>
      </c>
      <c r="E4230">
        <v>2012</v>
      </c>
      <c r="F4230">
        <v>2012</v>
      </c>
      <c r="G4230" t="s">
        <v>126</v>
      </c>
      <c r="H4230" t="s">
        <v>123</v>
      </c>
      <c r="I4230" t="s">
        <v>15</v>
      </c>
      <c r="J4230" s="10">
        <v>19.156442949999999</v>
      </c>
    </row>
    <row r="4231" spans="1:10" x14ac:dyDescent="0.35">
      <c r="A4231" t="s">
        <v>10</v>
      </c>
      <c r="B4231" t="s">
        <v>25</v>
      </c>
      <c r="C4231" t="s">
        <v>117</v>
      </c>
      <c r="D4231" t="s">
        <v>118</v>
      </c>
      <c r="E4231">
        <v>2012</v>
      </c>
      <c r="F4231">
        <v>2012</v>
      </c>
      <c r="G4231" t="s">
        <v>126</v>
      </c>
      <c r="H4231" t="s">
        <v>124</v>
      </c>
      <c r="I4231" t="s">
        <v>15</v>
      </c>
      <c r="J4231" s="10">
        <v>3.2154598669999999</v>
      </c>
    </row>
    <row r="4232" spans="1:10" x14ac:dyDescent="0.35">
      <c r="A4232" t="s">
        <v>10</v>
      </c>
      <c r="B4232" t="s">
        <v>25</v>
      </c>
      <c r="C4232" t="s">
        <v>117</v>
      </c>
      <c r="D4232" t="s">
        <v>118</v>
      </c>
      <c r="E4232">
        <v>2011</v>
      </c>
      <c r="F4232">
        <v>2011</v>
      </c>
      <c r="G4232" t="s">
        <v>14</v>
      </c>
      <c r="H4232" t="s">
        <v>119</v>
      </c>
      <c r="I4232" t="s">
        <v>15</v>
      </c>
      <c r="J4232" s="10">
        <v>17.65387321</v>
      </c>
    </row>
    <row r="4233" spans="1:10" x14ac:dyDescent="0.35">
      <c r="A4233" t="s">
        <v>10</v>
      </c>
      <c r="B4233" t="s">
        <v>25</v>
      </c>
      <c r="C4233" t="s">
        <v>117</v>
      </c>
      <c r="D4233" t="s">
        <v>118</v>
      </c>
      <c r="E4233">
        <v>2011</v>
      </c>
      <c r="F4233">
        <v>2011</v>
      </c>
      <c r="G4233" t="s">
        <v>14</v>
      </c>
      <c r="H4233" t="s">
        <v>120</v>
      </c>
      <c r="I4233" t="s">
        <v>15</v>
      </c>
      <c r="J4233" s="10">
        <v>9.8950504059999993</v>
      </c>
    </row>
    <row r="4234" spans="1:10" x14ac:dyDescent="0.35">
      <c r="A4234" t="s">
        <v>10</v>
      </c>
      <c r="B4234" t="s">
        <v>25</v>
      </c>
      <c r="C4234" t="s">
        <v>117</v>
      </c>
      <c r="D4234" t="s">
        <v>118</v>
      </c>
      <c r="E4234">
        <v>2011</v>
      </c>
      <c r="F4234">
        <v>2011</v>
      </c>
      <c r="G4234" t="s">
        <v>14</v>
      </c>
      <c r="H4234" t="s">
        <v>121</v>
      </c>
      <c r="I4234" t="s">
        <v>15</v>
      </c>
      <c r="J4234" s="10">
        <v>30.88634828</v>
      </c>
    </row>
    <row r="4235" spans="1:10" x14ac:dyDescent="0.35">
      <c r="A4235" t="s">
        <v>10</v>
      </c>
      <c r="B4235" t="s">
        <v>25</v>
      </c>
      <c r="C4235" t="s">
        <v>117</v>
      </c>
      <c r="D4235" t="s">
        <v>118</v>
      </c>
      <c r="E4235">
        <v>2011</v>
      </c>
      <c r="F4235">
        <v>2011</v>
      </c>
      <c r="G4235" t="s">
        <v>14</v>
      </c>
      <c r="H4235" t="s">
        <v>122</v>
      </c>
      <c r="I4235" t="s">
        <v>15</v>
      </c>
      <c r="J4235" s="10">
        <v>21.696018540000001</v>
      </c>
    </row>
    <row r="4236" spans="1:10" x14ac:dyDescent="0.35">
      <c r="A4236" t="s">
        <v>10</v>
      </c>
      <c r="B4236" t="s">
        <v>25</v>
      </c>
      <c r="C4236" t="s">
        <v>117</v>
      </c>
      <c r="D4236" t="s">
        <v>118</v>
      </c>
      <c r="E4236">
        <v>2011</v>
      </c>
      <c r="F4236">
        <v>2011</v>
      </c>
      <c r="G4236" t="s">
        <v>14</v>
      </c>
      <c r="H4236" t="s">
        <v>123</v>
      </c>
      <c r="I4236" t="s">
        <v>15</v>
      </c>
      <c r="J4236" s="10">
        <v>17.493897480000001</v>
      </c>
    </row>
    <row r="4237" spans="1:10" x14ac:dyDescent="0.35">
      <c r="A4237" t="s">
        <v>10</v>
      </c>
      <c r="B4237" t="s">
        <v>25</v>
      </c>
      <c r="C4237" t="s">
        <v>117</v>
      </c>
      <c r="D4237" t="s">
        <v>118</v>
      </c>
      <c r="E4237">
        <v>2011</v>
      </c>
      <c r="F4237">
        <v>2011</v>
      </c>
      <c r="G4237" t="s">
        <v>14</v>
      </c>
      <c r="H4237" t="s">
        <v>124</v>
      </c>
      <c r="I4237" t="s">
        <v>15</v>
      </c>
      <c r="J4237" s="10">
        <v>2.374812097</v>
      </c>
    </row>
    <row r="4238" spans="1:10" x14ac:dyDescent="0.35">
      <c r="A4238" t="s">
        <v>10</v>
      </c>
      <c r="B4238" t="s">
        <v>25</v>
      </c>
      <c r="C4238" t="s">
        <v>117</v>
      </c>
      <c r="D4238" t="s">
        <v>118</v>
      </c>
      <c r="E4238">
        <v>2011</v>
      </c>
      <c r="F4238">
        <v>2011</v>
      </c>
      <c r="G4238" t="s">
        <v>125</v>
      </c>
      <c r="H4238" t="s">
        <v>119</v>
      </c>
      <c r="I4238" t="s">
        <v>15</v>
      </c>
      <c r="J4238" s="10">
        <v>18.429364060000001</v>
      </c>
    </row>
    <row r="4239" spans="1:10" x14ac:dyDescent="0.35">
      <c r="A4239" t="s">
        <v>10</v>
      </c>
      <c r="B4239" t="s">
        <v>25</v>
      </c>
      <c r="C4239" t="s">
        <v>117</v>
      </c>
      <c r="D4239" t="s">
        <v>118</v>
      </c>
      <c r="E4239">
        <v>2011</v>
      </c>
      <c r="F4239">
        <v>2011</v>
      </c>
      <c r="G4239" t="s">
        <v>125</v>
      </c>
      <c r="H4239" t="s">
        <v>120</v>
      </c>
      <c r="I4239" t="s">
        <v>15</v>
      </c>
      <c r="J4239" s="10">
        <v>10.76966852</v>
      </c>
    </row>
    <row r="4240" spans="1:10" x14ac:dyDescent="0.35">
      <c r="A4240" t="s">
        <v>10</v>
      </c>
      <c r="B4240" t="s">
        <v>25</v>
      </c>
      <c r="C4240" t="s">
        <v>117</v>
      </c>
      <c r="D4240" t="s">
        <v>118</v>
      </c>
      <c r="E4240">
        <v>2011</v>
      </c>
      <c r="F4240">
        <v>2011</v>
      </c>
      <c r="G4240" t="s">
        <v>125</v>
      </c>
      <c r="H4240" t="s">
        <v>121</v>
      </c>
      <c r="I4240" t="s">
        <v>15</v>
      </c>
      <c r="J4240" s="10">
        <v>30.920472329999999</v>
      </c>
    </row>
    <row r="4241" spans="1:10" x14ac:dyDescent="0.35">
      <c r="A4241" t="s">
        <v>10</v>
      </c>
      <c r="B4241" t="s">
        <v>25</v>
      </c>
      <c r="C4241" t="s">
        <v>117</v>
      </c>
      <c r="D4241" t="s">
        <v>118</v>
      </c>
      <c r="E4241">
        <v>2011</v>
      </c>
      <c r="F4241">
        <v>2011</v>
      </c>
      <c r="G4241" t="s">
        <v>125</v>
      </c>
      <c r="H4241" t="s">
        <v>122</v>
      </c>
      <c r="I4241" t="s">
        <v>15</v>
      </c>
      <c r="J4241" s="10">
        <v>21.675914070000001</v>
      </c>
    </row>
    <row r="4242" spans="1:10" x14ac:dyDescent="0.35">
      <c r="A4242" t="s">
        <v>10</v>
      </c>
      <c r="B4242" t="s">
        <v>25</v>
      </c>
      <c r="C4242" t="s">
        <v>117</v>
      </c>
      <c r="D4242" t="s">
        <v>118</v>
      </c>
      <c r="E4242">
        <v>2011</v>
      </c>
      <c r="F4242">
        <v>2011</v>
      </c>
      <c r="G4242" t="s">
        <v>125</v>
      </c>
      <c r="H4242" t="s">
        <v>123</v>
      </c>
      <c r="I4242" t="s">
        <v>15</v>
      </c>
      <c r="J4242" s="10">
        <v>16.645326499999999</v>
      </c>
    </row>
    <row r="4243" spans="1:10" x14ac:dyDescent="0.35">
      <c r="A4243" t="s">
        <v>10</v>
      </c>
      <c r="B4243" t="s">
        <v>25</v>
      </c>
      <c r="C4243" t="s">
        <v>117</v>
      </c>
      <c r="D4243" t="s">
        <v>118</v>
      </c>
      <c r="E4243">
        <v>2011</v>
      </c>
      <c r="F4243">
        <v>2011</v>
      </c>
      <c r="G4243" t="s">
        <v>125</v>
      </c>
      <c r="H4243" t="s">
        <v>124</v>
      </c>
      <c r="I4243" t="s">
        <v>15</v>
      </c>
      <c r="J4243" s="10">
        <v>1.5592545170000001</v>
      </c>
    </row>
    <row r="4244" spans="1:10" x14ac:dyDescent="0.35">
      <c r="A4244" t="s">
        <v>10</v>
      </c>
      <c r="B4244" t="s">
        <v>25</v>
      </c>
      <c r="C4244" t="s">
        <v>117</v>
      </c>
      <c r="D4244" t="s">
        <v>118</v>
      </c>
      <c r="E4244">
        <v>2011</v>
      </c>
      <c r="F4244">
        <v>2011</v>
      </c>
      <c r="G4244" t="s">
        <v>126</v>
      </c>
      <c r="H4244" t="s">
        <v>119</v>
      </c>
      <c r="I4244" t="s">
        <v>15</v>
      </c>
      <c r="J4244" s="10">
        <v>16.924476800000001</v>
      </c>
    </row>
    <row r="4245" spans="1:10" x14ac:dyDescent="0.35">
      <c r="A4245" t="s">
        <v>10</v>
      </c>
      <c r="B4245" t="s">
        <v>25</v>
      </c>
      <c r="C4245" t="s">
        <v>117</v>
      </c>
      <c r="D4245" t="s">
        <v>118</v>
      </c>
      <c r="E4245">
        <v>2011</v>
      </c>
      <c r="F4245">
        <v>2011</v>
      </c>
      <c r="G4245" t="s">
        <v>126</v>
      </c>
      <c r="H4245" t="s">
        <v>120</v>
      </c>
      <c r="I4245" t="s">
        <v>15</v>
      </c>
      <c r="J4245" s="10">
        <v>9.0724187759999992</v>
      </c>
    </row>
    <row r="4246" spans="1:10" x14ac:dyDescent="0.35">
      <c r="A4246" t="s">
        <v>10</v>
      </c>
      <c r="B4246" t="s">
        <v>25</v>
      </c>
      <c r="C4246" t="s">
        <v>117</v>
      </c>
      <c r="D4246" t="s">
        <v>118</v>
      </c>
      <c r="E4246">
        <v>2011</v>
      </c>
      <c r="F4246">
        <v>2011</v>
      </c>
      <c r="G4246" t="s">
        <v>126</v>
      </c>
      <c r="H4246" t="s">
        <v>121</v>
      </c>
      <c r="I4246" t="s">
        <v>15</v>
      </c>
      <c r="J4246" s="10">
        <v>30.85425253</v>
      </c>
    </row>
    <row r="4247" spans="1:10" x14ac:dyDescent="0.35">
      <c r="A4247" t="s">
        <v>10</v>
      </c>
      <c r="B4247" t="s">
        <v>25</v>
      </c>
      <c r="C4247" t="s">
        <v>117</v>
      </c>
      <c r="D4247" t="s">
        <v>118</v>
      </c>
      <c r="E4247">
        <v>2011</v>
      </c>
      <c r="F4247">
        <v>2011</v>
      </c>
      <c r="G4247" t="s">
        <v>126</v>
      </c>
      <c r="H4247" t="s">
        <v>122</v>
      </c>
      <c r="I4247" t="s">
        <v>15</v>
      </c>
      <c r="J4247" s="10">
        <v>21.714928010000001</v>
      </c>
    </row>
    <row r="4248" spans="1:10" x14ac:dyDescent="0.35">
      <c r="A4248" t="s">
        <v>10</v>
      </c>
      <c r="B4248" t="s">
        <v>25</v>
      </c>
      <c r="C4248" t="s">
        <v>117</v>
      </c>
      <c r="D4248" t="s">
        <v>118</v>
      </c>
      <c r="E4248">
        <v>2011</v>
      </c>
      <c r="F4248">
        <v>2011</v>
      </c>
      <c r="G4248" t="s">
        <v>126</v>
      </c>
      <c r="H4248" t="s">
        <v>123</v>
      </c>
      <c r="I4248" t="s">
        <v>15</v>
      </c>
      <c r="J4248" s="10">
        <v>18.292030189999998</v>
      </c>
    </row>
    <row r="4249" spans="1:10" x14ac:dyDescent="0.35">
      <c r="A4249" t="s">
        <v>10</v>
      </c>
      <c r="B4249" t="s">
        <v>25</v>
      </c>
      <c r="C4249" t="s">
        <v>117</v>
      </c>
      <c r="D4249" t="s">
        <v>118</v>
      </c>
      <c r="E4249">
        <v>2011</v>
      </c>
      <c r="F4249">
        <v>2011</v>
      </c>
      <c r="G4249" t="s">
        <v>126</v>
      </c>
      <c r="H4249" t="s">
        <v>124</v>
      </c>
      <c r="I4249" t="s">
        <v>15</v>
      </c>
      <c r="J4249" s="10">
        <v>3.1418936999999998</v>
      </c>
    </row>
    <row r="4250" spans="1:10" x14ac:dyDescent="0.35">
      <c r="A4250" t="s">
        <v>26</v>
      </c>
      <c r="B4250" t="s">
        <v>27</v>
      </c>
      <c r="C4250" t="s">
        <v>117</v>
      </c>
      <c r="D4250" t="s">
        <v>118</v>
      </c>
      <c r="E4250">
        <v>2020</v>
      </c>
      <c r="F4250">
        <v>2020</v>
      </c>
      <c r="G4250" t="s">
        <v>14</v>
      </c>
      <c r="H4250" t="s">
        <v>119</v>
      </c>
      <c r="I4250" t="s">
        <v>15</v>
      </c>
      <c r="J4250" s="10">
        <v>14.8053253</v>
      </c>
    </row>
    <row r="4251" spans="1:10" x14ac:dyDescent="0.35">
      <c r="A4251" t="s">
        <v>26</v>
      </c>
      <c r="B4251" t="s">
        <v>27</v>
      </c>
      <c r="C4251" t="s">
        <v>117</v>
      </c>
      <c r="D4251" t="s">
        <v>118</v>
      </c>
      <c r="E4251">
        <v>2020</v>
      </c>
      <c r="F4251">
        <v>2020</v>
      </c>
      <c r="G4251" t="s">
        <v>14</v>
      </c>
      <c r="H4251" t="s">
        <v>120</v>
      </c>
      <c r="I4251" t="s">
        <v>15</v>
      </c>
      <c r="J4251" s="10">
        <v>8.3580339949999995</v>
      </c>
    </row>
    <row r="4252" spans="1:10" x14ac:dyDescent="0.35">
      <c r="A4252" t="s">
        <v>26</v>
      </c>
      <c r="B4252" t="s">
        <v>27</v>
      </c>
      <c r="C4252" t="s">
        <v>117</v>
      </c>
      <c r="D4252" t="s">
        <v>118</v>
      </c>
      <c r="E4252">
        <v>2020</v>
      </c>
      <c r="F4252">
        <v>2020</v>
      </c>
      <c r="G4252" t="s">
        <v>14</v>
      </c>
      <c r="H4252" t="s">
        <v>121</v>
      </c>
      <c r="I4252" t="s">
        <v>15</v>
      </c>
      <c r="J4252" s="10">
        <v>24.966926229999999</v>
      </c>
    </row>
    <row r="4253" spans="1:10" x14ac:dyDescent="0.35">
      <c r="A4253" t="s">
        <v>26</v>
      </c>
      <c r="B4253" t="s">
        <v>27</v>
      </c>
      <c r="C4253" t="s">
        <v>117</v>
      </c>
      <c r="D4253" t="s">
        <v>118</v>
      </c>
      <c r="E4253">
        <v>2020</v>
      </c>
      <c r="F4253">
        <v>2020</v>
      </c>
      <c r="G4253" t="s">
        <v>14</v>
      </c>
      <c r="H4253" t="s">
        <v>122</v>
      </c>
      <c r="I4253" t="s">
        <v>15</v>
      </c>
      <c r="J4253" s="10">
        <v>24.494683080000001</v>
      </c>
    </row>
    <row r="4254" spans="1:10" x14ac:dyDescent="0.35">
      <c r="A4254" t="s">
        <v>26</v>
      </c>
      <c r="B4254" t="s">
        <v>27</v>
      </c>
      <c r="C4254" t="s">
        <v>117</v>
      </c>
      <c r="D4254" t="s">
        <v>118</v>
      </c>
      <c r="E4254">
        <v>2020</v>
      </c>
      <c r="F4254">
        <v>2020</v>
      </c>
      <c r="G4254" t="s">
        <v>14</v>
      </c>
      <c r="H4254" t="s">
        <v>123</v>
      </c>
      <c r="I4254" t="s">
        <v>15</v>
      </c>
      <c r="J4254" s="10">
        <v>24.261910740000001</v>
      </c>
    </row>
    <row r="4255" spans="1:10" x14ac:dyDescent="0.35">
      <c r="A4255" t="s">
        <v>26</v>
      </c>
      <c r="B4255" t="s">
        <v>27</v>
      </c>
      <c r="C4255" t="s">
        <v>117</v>
      </c>
      <c r="D4255" t="s">
        <v>118</v>
      </c>
      <c r="E4255">
        <v>2020</v>
      </c>
      <c r="F4255">
        <v>2020</v>
      </c>
      <c r="G4255" t="s">
        <v>14</v>
      </c>
      <c r="H4255" t="s">
        <v>124</v>
      </c>
      <c r="I4255" t="s">
        <v>15</v>
      </c>
      <c r="J4255" s="10">
        <v>3.113120656</v>
      </c>
    </row>
    <row r="4256" spans="1:10" x14ac:dyDescent="0.35">
      <c r="A4256" t="s">
        <v>26</v>
      </c>
      <c r="B4256" t="s">
        <v>27</v>
      </c>
      <c r="C4256" t="s">
        <v>117</v>
      </c>
      <c r="D4256" t="s">
        <v>118</v>
      </c>
      <c r="E4256">
        <v>2020</v>
      </c>
      <c r="F4256">
        <v>2020</v>
      </c>
      <c r="G4256" t="s">
        <v>125</v>
      </c>
      <c r="H4256" t="s">
        <v>119</v>
      </c>
      <c r="I4256" t="s">
        <v>15</v>
      </c>
      <c r="J4256" s="10">
        <v>15.578457220000001</v>
      </c>
    </row>
    <row r="4257" spans="1:10" x14ac:dyDescent="0.35">
      <c r="A4257" t="s">
        <v>26</v>
      </c>
      <c r="B4257" t="s">
        <v>27</v>
      </c>
      <c r="C4257" t="s">
        <v>117</v>
      </c>
      <c r="D4257" t="s">
        <v>118</v>
      </c>
      <c r="E4257">
        <v>2020</v>
      </c>
      <c r="F4257">
        <v>2020</v>
      </c>
      <c r="G4257" t="s">
        <v>125</v>
      </c>
      <c r="H4257" t="s">
        <v>120</v>
      </c>
      <c r="I4257" t="s">
        <v>15</v>
      </c>
      <c r="J4257" s="10">
        <v>9.0594720439999996</v>
      </c>
    </row>
    <row r="4258" spans="1:10" x14ac:dyDescent="0.35">
      <c r="A4258" t="s">
        <v>26</v>
      </c>
      <c r="B4258" t="s">
        <v>27</v>
      </c>
      <c r="C4258" t="s">
        <v>117</v>
      </c>
      <c r="D4258" t="s">
        <v>118</v>
      </c>
      <c r="E4258">
        <v>2020</v>
      </c>
      <c r="F4258">
        <v>2020</v>
      </c>
      <c r="G4258" t="s">
        <v>125</v>
      </c>
      <c r="H4258" t="s">
        <v>121</v>
      </c>
      <c r="I4258" t="s">
        <v>15</v>
      </c>
      <c r="J4258" s="10">
        <v>25.192590819999999</v>
      </c>
    </row>
    <row r="4259" spans="1:10" x14ac:dyDescent="0.35">
      <c r="A4259" t="s">
        <v>26</v>
      </c>
      <c r="B4259" t="s">
        <v>27</v>
      </c>
      <c r="C4259" t="s">
        <v>117</v>
      </c>
      <c r="D4259" t="s">
        <v>118</v>
      </c>
      <c r="E4259">
        <v>2020</v>
      </c>
      <c r="F4259">
        <v>2020</v>
      </c>
      <c r="G4259" t="s">
        <v>125</v>
      </c>
      <c r="H4259" t="s">
        <v>122</v>
      </c>
      <c r="I4259" t="s">
        <v>15</v>
      </c>
      <c r="J4259" s="10">
        <v>24.151744440000002</v>
      </c>
    </row>
    <row r="4260" spans="1:10" x14ac:dyDescent="0.35">
      <c r="A4260" t="s">
        <v>26</v>
      </c>
      <c r="B4260" t="s">
        <v>27</v>
      </c>
      <c r="C4260" t="s">
        <v>117</v>
      </c>
      <c r="D4260" t="s">
        <v>118</v>
      </c>
      <c r="E4260">
        <v>2020</v>
      </c>
      <c r="F4260">
        <v>2020</v>
      </c>
      <c r="G4260" t="s">
        <v>125</v>
      </c>
      <c r="H4260" t="s">
        <v>123</v>
      </c>
      <c r="I4260" t="s">
        <v>15</v>
      </c>
      <c r="J4260" s="10">
        <v>23.624473590000001</v>
      </c>
    </row>
    <row r="4261" spans="1:10" x14ac:dyDescent="0.35">
      <c r="A4261" t="s">
        <v>26</v>
      </c>
      <c r="B4261" t="s">
        <v>27</v>
      </c>
      <c r="C4261" t="s">
        <v>117</v>
      </c>
      <c r="D4261" t="s">
        <v>118</v>
      </c>
      <c r="E4261">
        <v>2020</v>
      </c>
      <c r="F4261">
        <v>2020</v>
      </c>
      <c r="G4261" t="s">
        <v>125</v>
      </c>
      <c r="H4261" t="s">
        <v>124</v>
      </c>
      <c r="I4261" t="s">
        <v>15</v>
      </c>
      <c r="J4261" s="10">
        <v>2.3932618890000001</v>
      </c>
    </row>
    <row r="4262" spans="1:10" x14ac:dyDescent="0.35">
      <c r="A4262" t="s">
        <v>26</v>
      </c>
      <c r="B4262" t="s">
        <v>27</v>
      </c>
      <c r="C4262" t="s">
        <v>117</v>
      </c>
      <c r="D4262" t="s">
        <v>118</v>
      </c>
      <c r="E4262">
        <v>2020</v>
      </c>
      <c r="F4262">
        <v>2020</v>
      </c>
      <c r="G4262" t="s">
        <v>126</v>
      </c>
      <c r="H4262" t="s">
        <v>119</v>
      </c>
      <c r="I4262" t="s">
        <v>15</v>
      </c>
      <c r="J4262" s="10">
        <v>14.06516324</v>
      </c>
    </row>
    <row r="4263" spans="1:10" x14ac:dyDescent="0.35">
      <c r="A4263" t="s">
        <v>26</v>
      </c>
      <c r="B4263" t="s">
        <v>27</v>
      </c>
      <c r="C4263" t="s">
        <v>117</v>
      </c>
      <c r="D4263" t="s">
        <v>118</v>
      </c>
      <c r="E4263">
        <v>2020</v>
      </c>
      <c r="F4263">
        <v>2020</v>
      </c>
      <c r="G4263" t="s">
        <v>126</v>
      </c>
      <c r="H4263" t="s">
        <v>120</v>
      </c>
      <c r="I4263" t="s">
        <v>15</v>
      </c>
      <c r="J4263" s="10">
        <v>7.6865084570000004</v>
      </c>
    </row>
    <row r="4264" spans="1:10" x14ac:dyDescent="0.35">
      <c r="A4264" t="s">
        <v>26</v>
      </c>
      <c r="B4264" t="s">
        <v>27</v>
      </c>
      <c r="C4264" t="s">
        <v>117</v>
      </c>
      <c r="D4264" t="s">
        <v>118</v>
      </c>
      <c r="E4264">
        <v>2020</v>
      </c>
      <c r="F4264">
        <v>2020</v>
      </c>
      <c r="G4264" t="s">
        <v>126</v>
      </c>
      <c r="H4264" t="s">
        <v>121</v>
      </c>
      <c r="I4264" t="s">
        <v>15</v>
      </c>
      <c r="J4264" s="10">
        <v>24.750885010000001</v>
      </c>
    </row>
    <row r="4265" spans="1:10" x14ac:dyDescent="0.35">
      <c r="A4265" t="s">
        <v>26</v>
      </c>
      <c r="B4265" t="s">
        <v>27</v>
      </c>
      <c r="C4265" t="s">
        <v>117</v>
      </c>
      <c r="D4265" t="s">
        <v>118</v>
      </c>
      <c r="E4265">
        <v>2020</v>
      </c>
      <c r="F4265">
        <v>2020</v>
      </c>
      <c r="G4265" t="s">
        <v>126</v>
      </c>
      <c r="H4265" t="s">
        <v>122</v>
      </c>
      <c r="I4265" t="s">
        <v>15</v>
      </c>
      <c r="J4265" s="10">
        <v>24.82299725</v>
      </c>
    </row>
    <row r="4266" spans="1:10" x14ac:dyDescent="0.35">
      <c r="A4266" t="s">
        <v>26</v>
      </c>
      <c r="B4266" t="s">
        <v>27</v>
      </c>
      <c r="C4266" t="s">
        <v>117</v>
      </c>
      <c r="D4266" t="s">
        <v>118</v>
      </c>
      <c r="E4266">
        <v>2020</v>
      </c>
      <c r="F4266">
        <v>2020</v>
      </c>
      <c r="G4266" t="s">
        <v>126</v>
      </c>
      <c r="H4266" t="s">
        <v>123</v>
      </c>
      <c r="I4266" t="s">
        <v>15</v>
      </c>
      <c r="J4266" s="10">
        <v>24.872164680000001</v>
      </c>
    </row>
    <row r="4267" spans="1:10" x14ac:dyDescent="0.35">
      <c r="A4267" t="s">
        <v>26</v>
      </c>
      <c r="B4267" t="s">
        <v>27</v>
      </c>
      <c r="C4267" t="s">
        <v>117</v>
      </c>
      <c r="D4267" t="s">
        <v>118</v>
      </c>
      <c r="E4267">
        <v>2020</v>
      </c>
      <c r="F4267">
        <v>2020</v>
      </c>
      <c r="G4267" t="s">
        <v>126</v>
      </c>
      <c r="H4267" t="s">
        <v>124</v>
      </c>
      <c r="I4267" t="s">
        <v>15</v>
      </c>
      <c r="J4267" s="10">
        <v>3.8022813690000001</v>
      </c>
    </row>
    <row r="4268" spans="1:10" x14ac:dyDescent="0.35">
      <c r="A4268" t="s">
        <v>26</v>
      </c>
      <c r="B4268" t="s">
        <v>27</v>
      </c>
      <c r="C4268" t="s">
        <v>117</v>
      </c>
      <c r="D4268" t="s">
        <v>118</v>
      </c>
      <c r="E4268">
        <v>2019</v>
      </c>
      <c r="F4268">
        <v>2019</v>
      </c>
      <c r="G4268" t="s">
        <v>14</v>
      </c>
      <c r="H4268" t="s">
        <v>119</v>
      </c>
      <c r="I4268" t="s">
        <v>15</v>
      </c>
      <c r="J4268" s="10">
        <v>14.946127329999999</v>
      </c>
    </row>
    <row r="4269" spans="1:10" x14ac:dyDescent="0.35">
      <c r="A4269" t="s">
        <v>26</v>
      </c>
      <c r="B4269" t="s">
        <v>27</v>
      </c>
      <c r="C4269" t="s">
        <v>117</v>
      </c>
      <c r="D4269" t="s">
        <v>118</v>
      </c>
      <c r="E4269">
        <v>2019</v>
      </c>
      <c r="F4269">
        <v>2019</v>
      </c>
      <c r="G4269" t="s">
        <v>14</v>
      </c>
      <c r="H4269" t="s">
        <v>120</v>
      </c>
      <c r="I4269" t="s">
        <v>15</v>
      </c>
      <c r="J4269" s="10">
        <v>8.4597578640000002</v>
      </c>
    </row>
    <row r="4270" spans="1:10" x14ac:dyDescent="0.35">
      <c r="A4270" t="s">
        <v>26</v>
      </c>
      <c r="B4270" t="s">
        <v>27</v>
      </c>
      <c r="C4270" t="s">
        <v>117</v>
      </c>
      <c r="D4270" t="s">
        <v>118</v>
      </c>
      <c r="E4270">
        <v>2019</v>
      </c>
      <c r="F4270">
        <v>2019</v>
      </c>
      <c r="G4270" t="s">
        <v>14</v>
      </c>
      <c r="H4270" t="s">
        <v>121</v>
      </c>
      <c r="I4270" t="s">
        <v>15</v>
      </c>
      <c r="J4270" s="10">
        <v>25.186098019999999</v>
      </c>
    </row>
    <row r="4271" spans="1:10" x14ac:dyDescent="0.35">
      <c r="A4271" t="s">
        <v>26</v>
      </c>
      <c r="B4271" t="s">
        <v>27</v>
      </c>
      <c r="C4271" t="s">
        <v>117</v>
      </c>
      <c r="D4271" t="s">
        <v>118</v>
      </c>
      <c r="E4271">
        <v>2019</v>
      </c>
      <c r="F4271">
        <v>2019</v>
      </c>
      <c r="G4271" t="s">
        <v>14</v>
      </c>
      <c r="H4271" t="s">
        <v>122</v>
      </c>
      <c r="I4271" t="s">
        <v>15</v>
      </c>
      <c r="J4271" s="10">
        <v>24.326799780000002</v>
      </c>
    </row>
    <row r="4272" spans="1:10" x14ac:dyDescent="0.35">
      <c r="A4272" t="s">
        <v>26</v>
      </c>
      <c r="B4272" t="s">
        <v>27</v>
      </c>
      <c r="C4272" t="s">
        <v>117</v>
      </c>
      <c r="D4272" t="s">
        <v>118</v>
      </c>
      <c r="E4272">
        <v>2019</v>
      </c>
      <c r="F4272">
        <v>2019</v>
      </c>
      <c r="G4272" t="s">
        <v>14</v>
      </c>
      <c r="H4272" t="s">
        <v>123</v>
      </c>
      <c r="I4272" t="s">
        <v>15</v>
      </c>
      <c r="J4272" s="10">
        <v>24.048693570000001</v>
      </c>
    </row>
    <row r="4273" spans="1:10" x14ac:dyDescent="0.35">
      <c r="A4273" t="s">
        <v>26</v>
      </c>
      <c r="B4273" t="s">
        <v>27</v>
      </c>
      <c r="C4273" t="s">
        <v>117</v>
      </c>
      <c r="D4273" t="s">
        <v>118</v>
      </c>
      <c r="E4273">
        <v>2019</v>
      </c>
      <c r="F4273">
        <v>2019</v>
      </c>
      <c r="G4273" t="s">
        <v>14</v>
      </c>
      <c r="H4273" t="s">
        <v>124</v>
      </c>
      <c r="I4273" t="s">
        <v>15</v>
      </c>
      <c r="J4273" s="10">
        <v>3.0325234390000002</v>
      </c>
    </row>
    <row r="4274" spans="1:10" x14ac:dyDescent="0.35">
      <c r="A4274" t="s">
        <v>26</v>
      </c>
      <c r="B4274" t="s">
        <v>27</v>
      </c>
      <c r="C4274" t="s">
        <v>117</v>
      </c>
      <c r="D4274" t="s">
        <v>118</v>
      </c>
      <c r="E4274">
        <v>2019</v>
      </c>
      <c r="F4274">
        <v>2019</v>
      </c>
      <c r="G4274" t="s">
        <v>125</v>
      </c>
      <c r="H4274" t="s">
        <v>119</v>
      </c>
      <c r="I4274" t="s">
        <v>15</v>
      </c>
      <c r="J4274" s="10">
        <v>15.727114419999999</v>
      </c>
    </row>
    <row r="4275" spans="1:10" x14ac:dyDescent="0.35">
      <c r="A4275" t="s">
        <v>26</v>
      </c>
      <c r="B4275" t="s">
        <v>27</v>
      </c>
      <c r="C4275" t="s">
        <v>117</v>
      </c>
      <c r="D4275" t="s">
        <v>118</v>
      </c>
      <c r="E4275">
        <v>2019</v>
      </c>
      <c r="F4275">
        <v>2019</v>
      </c>
      <c r="G4275" t="s">
        <v>125</v>
      </c>
      <c r="H4275" t="s">
        <v>120</v>
      </c>
      <c r="I4275" t="s">
        <v>15</v>
      </c>
      <c r="J4275" s="10">
        <v>9.1610612220000007</v>
      </c>
    </row>
    <row r="4276" spans="1:10" x14ac:dyDescent="0.35">
      <c r="A4276" t="s">
        <v>26</v>
      </c>
      <c r="B4276" t="s">
        <v>27</v>
      </c>
      <c r="C4276" t="s">
        <v>117</v>
      </c>
      <c r="D4276" t="s">
        <v>118</v>
      </c>
      <c r="E4276">
        <v>2019</v>
      </c>
      <c r="F4276">
        <v>2019</v>
      </c>
      <c r="G4276" t="s">
        <v>125</v>
      </c>
      <c r="H4276" t="s">
        <v>121</v>
      </c>
      <c r="I4276" t="s">
        <v>15</v>
      </c>
      <c r="J4276" s="10">
        <v>25.332058589999999</v>
      </c>
    </row>
    <row r="4277" spans="1:10" x14ac:dyDescent="0.35">
      <c r="A4277" t="s">
        <v>26</v>
      </c>
      <c r="B4277" t="s">
        <v>27</v>
      </c>
      <c r="C4277" t="s">
        <v>117</v>
      </c>
      <c r="D4277" t="s">
        <v>118</v>
      </c>
      <c r="E4277">
        <v>2019</v>
      </c>
      <c r="F4277">
        <v>2019</v>
      </c>
      <c r="G4277" t="s">
        <v>125</v>
      </c>
      <c r="H4277" t="s">
        <v>122</v>
      </c>
      <c r="I4277" t="s">
        <v>15</v>
      </c>
      <c r="J4277" s="10">
        <v>24.201864310000001</v>
      </c>
    </row>
    <row r="4278" spans="1:10" x14ac:dyDescent="0.35">
      <c r="A4278" t="s">
        <v>26</v>
      </c>
      <c r="B4278" t="s">
        <v>27</v>
      </c>
      <c r="C4278" t="s">
        <v>117</v>
      </c>
      <c r="D4278" t="s">
        <v>118</v>
      </c>
      <c r="E4278">
        <v>2019</v>
      </c>
      <c r="F4278">
        <v>2019</v>
      </c>
      <c r="G4278" t="s">
        <v>125</v>
      </c>
      <c r="H4278" t="s">
        <v>123</v>
      </c>
      <c r="I4278" t="s">
        <v>15</v>
      </c>
      <c r="J4278" s="10">
        <v>23.337999799999999</v>
      </c>
    </row>
    <row r="4279" spans="1:10" x14ac:dyDescent="0.35">
      <c r="A4279" t="s">
        <v>26</v>
      </c>
      <c r="B4279" t="s">
        <v>27</v>
      </c>
      <c r="C4279" t="s">
        <v>117</v>
      </c>
      <c r="D4279" t="s">
        <v>118</v>
      </c>
      <c r="E4279">
        <v>2019</v>
      </c>
      <c r="F4279">
        <v>2019</v>
      </c>
      <c r="G4279" t="s">
        <v>125</v>
      </c>
      <c r="H4279" t="s">
        <v>124</v>
      </c>
      <c r="I4279" t="s">
        <v>15</v>
      </c>
      <c r="J4279" s="10">
        <v>2.2399016629999999</v>
      </c>
    </row>
    <row r="4280" spans="1:10" x14ac:dyDescent="0.35">
      <c r="A4280" t="s">
        <v>26</v>
      </c>
      <c r="B4280" t="s">
        <v>27</v>
      </c>
      <c r="C4280" t="s">
        <v>117</v>
      </c>
      <c r="D4280" t="s">
        <v>118</v>
      </c>
      <c r="E4280">
        <v>2019</v>
      </c>
      <c r="F4280">
        <v>2019</v>
      </c>
      <c r="G4280" t="s">
        <v>126</v>
      </c>
      <c r="H4280" t="s">
        <v>119</v>
      </c>
      <c r="I4280" t="s">
        <v>15</v>
      </c>
      <c r="J4280" s="10">
        <v>14.20258761</v>
      </c>
    </row>
    <row r="4281" spans="1:10" x14ac:dyDescent="0.35">
      <c r="A4281" t="s">
        <v>26</v>
      </c>
      <c r="B4281" t="s">
        <v>27</v>
      </c>
      <c r="C4281" t="s">
        <v>117</v>
      </c>
      <c r="D4281" t="s">
        <v>118</v>
      </c>
      <c r="E4281">
        <v>2019</v>
      </c>
      <c r="F4281">
        <v>2019</v>
      </c>
      <c r="G4281" t="s">
        <v>126</v>
      </c>
      <c r="H4281" t="s">
        <v>120</v>
      </c>
      <c r="I4281" t="s">
        <v>15</v>
      </c>
      <c r="J4281" s="10">
        <v>7.7920811390000004</v>
      </c>
    </row>
    <row r="4282" spans="1:10" x14ac:dyDescent="0.35">
      <c r="A4282" t="s">
        <v>26</v>
      </c>
      <c r="B4282" t="s">
        <v>27</v>
      </c>
      <c r="C4282" t="s">
        <v>117</v>
      </c>
      <c r="D4282" t="s">
        <v>118</v>
      </c>
      <c r="E4282">
        <v>2019</v>
      </c>
      <c r="F4282">
        <v>2019</v>
      </c>
      <c r="G4282" t="s">
        <v>126</v>
      </c>
      <c r="H4282" t="s">
        <v>121</v>
      </c>
      <c r="I4282" t="s">
        <v>15</v>
      </c>
      <c r="J4282" s="10">
        <v>25.047136080000001</v>
      </c>
    </row>
    <row r="4283" spans="1:10" x14ac:dyDescent="0.35">
      <c r="A4283" t="s">
        <v>26</v>
      </c>
      <c r="B4283" t="s">
        <v>27</v>
      </c>
      <c r="C4283" t="s">
        <v>117</v>
      </c>
      <c r="D4283" t="s">
        <v>118</v>
      </c>
      <c r="E4283">
        <v>2019</v>
      </c>
      <c r="F4283">
        <v>2019</v>
      </c>
      <c r="G4283" t="s">
        <v>126</v>
      </c>
      <c r="H4283" t="s">
        <v>122</v>
      </c>
      <c r="I4283" t="s">
        <v>15</v>
      </c>
      <c r="J4283" s="10">
        <v>24.445744749999999</v>
      </c>
    </row>
    <row r="4284" spans="1:10" x14ac:dyDescent="0.35">
      <c r="A4284" t="s">
        <v>26</v>
      </c>
      <c r="B4284" t="s">
        <v>27</v>
      </c>
      <c r="C4284" t="s">
        <v>117</v>
      </c>
      <c r="D4284" t="s">
        <v>118</v>
      </c>
      <c r="E4284">
        <v>2019</v>
      </c>
      <c r="F4284">
        <v>2019</v>
      </c>
      <c r="G4284" t="s">
        <v>126</v>
      </c>
      <c r="H4284" t="s">
        <v>123</v>
      </c>
      <c r="I4284" t="s">
        <v>15</v>
      </c>
      <c r="J4284" s="10">
        <v>24.725310449999998</v>
      </c>
    </row>
    <row r="4285" spans="1:10" x14ac:dyDescent="0.35">
      <c r="A4285" t="s">
        <v>26</v>
      </c>
      <c r="B4285" t="s">
        <v>27</v>
      </c>
      <c r="C4285" t="s">
        <v>117</v>
      </c>
      <c r="D4285" t="s">
        <v>118</v>
      </c>
      <c r="E4285">
        <v>2019</v>
      </c>
      <c r="F4285">
        <v>2019</v>
      </c>
      <c r="G4285" t="s">
        <v>126</v>
      </c>
      <c r="H4285" t="s">
        <v>124</v>
      </c>
      <c r="I4285" t="s">
        <v>15</v>
      </c>
      <c r="J4285" s="10">
        <v>3.7871399779999999</v>
      </c>
    </row>
    <row r="4286" spans="1:10" x14ac:dyDescent="0.35">
      <c r="A4286" t="s">
        <v>26</v>
      </c>
      <c r="B4286" t="s">
        <v>27</v>
      </c>
      <c r="C4286" t="s">
        <v>117</v>
      </c>
      <c r="D4286" t="s">
        <v>118</v>
      </c>
      <c r="E4286">
        <v>2018</v>
      </c>
      <c r="F4286">
        <v>2018</v>
      </c>
      <c r="G4286" t="s">
        <v>14</v>
      </c>
      <c r="H4286" t="s">
        <v>119</v>
      </c>
      <c r="I4286" t="s">
        <v>15</v>
      </c>
      <c r="J4286" s="10">
        <v>15.01308077</v>
      </c>
    </row>
    <row r="4287" spans="1:10" x14ac:dyDescent="0.35">
      <c r="A4287" t="s">
        <v>26</v>
      </c>
      <c r="B4287" t="s">
        <v>27</v>
      </c>
      <c r="C4287" t="s">
        <v>117</v>
      </c>
      <c r="D4287" t="s">
        <v>118</v>
      </c>
      <c r="E4287">
        <v>2018</v>
      </c>
      <c r="F4287">
        <v>2018</v>
      </c>
      <c r="G4287" t="s">
        <v>14</v>
      </c>
      <c r="H4287" t="s">
        <v>120</v>
      </c>
      <c r="I4287" t="s">
        <v>15</v>
      </c>
      <c r="J4287" s="10">
        <v>8.623373183</v>
      </c>
    </row>
    <row r="4288" spans="1:10" x14ac:dyDescent="0.35">
      <c r="A4288" t="s">
        <v>26</v>
      </c>
      <c r="B4288" t="s">
        <v>27</v>
      </c>
      <c r="C4288" t="s">
        <v>117</v>
      </c>
      <c r="D4288" t="s">
        <v>118</v>
      </c>
      <c r="E4288">
        <v>2018</v>
      </c>
      <c r="F4288">
        <v>2018</v>
      </c>
      <c r="G4288" t="s">
        <v>14</v>
      </c>
      <c r="H4288" t="s">
        <v>121</v>
      </c>
      <c r="I4288" t="s">
        <v>15</v>
      </c>
      <c r="J4288" s="10">
        <v>25.467761700000001</v>
      </c>
    </row>
    <row r="4289" spans="1:10" x14ac:dyDescent="0.35">
      <c r="A4289" t="s">
        <v>26</v>
      </c>
      <c r="B4289" t="s">
        <v>27</v>
      </c>
      <c r="C4289" t="s">
        <v>117</v>
      </c>
      <c r="D4289" t="s">
        <v>118</v>
      </c>
      <c r="E4289">
        <v>2018</v>
      </c>
      <c r="F4289">
        <v>2018</v>
      </c>
      <c r="G4289" t="s">
        <v>14</v>
      </c>
      <c r="H4289" t="s">
        <v>122</v>
      </c>
      <c r="I4289" t="s">
        <v>15</v>
      </c>
      <c r="J4289" s="10">
        <v>24.121601479999999</v>
      </c>
    </row>
    <row r="4290" spans="1:10" x14ac:dyDescent="0.35">
      <c r="A4290" t="s">
        <v>26</v>
      </c>
      <c r="B4290" t="s">
        <v>27</v>
      </c>
      <c r="C4290" t="s">
        <v>117</v>
      </c>
      <c r="D4290" t="s">
        <v>118</v>
      </c>
      <c r="E4290">
        <v>2018</v>
      </c>
      <c r="F4290">
        <v>2018</v>
      </c>
      <c r="G4290" t="s">
        <v>14</v>
      </c>
      <c r="H4290" t="s">
        <v>123</v>
      </c>
      <c r="I4290" t="s">
        <v>15</v>
      </c>
      <c r="J4290" s="10">
        <v>23.757326890000002</v>
      </c>
    </row>
    <row r="4291" spans="1:10" x14ac:dyDescent="0.35">
      <c r="A4291" t="s">
        <v>26</v>
      </c>
      <c r="B4291" t="s">
        <v>27</v>
      </c>
      <c r="C4291" t="s">
        <v>117</v>
      </c>
      <c r="D4291" t="s">
        <v>118</v>
      </c>
      <c r="E4291">
        <v>2018</v>
      </c>
      <c r="F4291">
        <v>2018</v>
      </c>
      <c r="G4291" t="s">
        <v>14</v>
      </c>
      <c r="H4291" t="s">
        <v>124</v>
      </c>
      <c r="I4291" t="s">
        <v>15</v>
      </c>
      <c r="J4291" s="10">
        <v>3.0168559789999998</v>
      </c>
    </row>
    <row r="4292" spans="1:10" x14ac:dyDescent="0.35">
      <c r="A4292" t="s">
        <v>26</v>
      </c>
      <c r="B4292" t="s">
        <v>27</v>
      </c>
      <c r="C4292" t="s">
        <v>117</v>
      </c>
      <c r="D4292" t="s">
        <v>118</v>
      </c>
      <c r="E4292">
        <v>2018</v>
      </c>
      <c r="F4292">
        <v>2018</v>
      </c>
      <c r="G4292" t="s">
        <v>125</v>
      </c>
      <c r="H4292" t="s">
        <v>119</v>
      </c>
      <c r="I4292" t="s">
        <v>15</v>
      </c>
      <c r="J4292" s="10">
        <v>15.8318882</v>
      </c>
    </row>
    <row r="4293" spans="1:10" x14ac:dyDescent="0.35">
      <c r="A4293" t="s">
        <v>26</v>
      </c>
      <c r="B4293" t="s">
        <v>27</v>
      </c>
      <c r="C4293" t="s">
        <v>117</v>
      </c>
      <c r="D4293" t="s">
        <v>118</v>
      </c>
      <c r="E4293">
        <v>2018</v>
      </c>
      <c r="F4293">
        <v>2018</v>
      </c>
      <c r="G4293" t="s">
        <v>125</v>
      </c>
      <c r="H4293" t="s">
        <v>120</v>
      </c>
      <c r="I4293" t="s">
        <v>15</v>
      </c>
      <c r="J4293" s="10">
        <v>9.4392872929999996</v>
      </c>
    </row>
    <row r="4294" spans="1:10" x14ac:dyDescent="0.35">
      <c r="A4294" t="s">
        <v>26</v>
      </c>
      <c r="B4294" t="s">
        <v>27</v>
      </c>
      <c r="C4294" t="s">
        <v>117</v>
      </c>
      <c r="D4294" t="s">
        <v>118</v>
      </c>
      <c r="E4294">
        <v>2018</v>
      </c>
      <c r="F4294">
        <v>2018</v>
      </c>
      <c r="G4294" t="s">
        <v>125</v>
      </c>
      <c r="H4294" t="s">
        <v>121</v>
      </c>
      <c r="I4294" t="s">
        <v>15</v>
      </c>
      <c r="J4294" s="10">
        <v>25.481995309999999</v>
      </c>
    </row>
    <row r="4295" spans="1:10" x14ac:dyDescent="0.35">
      <c r="A4295" t="s">
        <v>26</v>
      </c>
      <c r="B4295" t="s">
        <v>27</v>
      </c>
      <c r="C4295" t="s">
        <v>117</v>
      </c>
      <c r="D4295" t="s">
        <v>118</v>
      </c>
      <c r="E4295">
        <v>2018</v>
      </c>
      <c r="F4295">
        <v>2018</v>
      </c>
      <c r="G4295" t="s">
        <v>125</v>
      </c>
      <c r="H4295" t="s">
        <v>122</v>
      </c>
      <c r="I4295" t="s">
        <v>15</v>
      </c>
      <c r="J4295" s="10">
        <v>24.13886905</v>
      </c>
    </row>
    <row r="4296" spans="1:10" x14ac:dyDescent="0.35">
      <c r="A4296" t="s">
        <v>26</v>
      </c>
      <c r="B4296" t="s">
        <v>27</v>
      </c>
      <c r="C4296" t="s">
        <v>117</v>
      </c>
      <c r="D4296" t="s">
        <v>118</v>
      </c>
      <c r="E4296">
        <v>2018</v>
      </c>
      <c r="F4296">
        <v>2018</v>
      </c>
      <c r="G4296" t="s">
        <v>125</v>
      </c>
      <c r="H4296" t="s">
        <v>123</v>
      </c>
      <c r="I4296" t="s">
        <v>15</v>
      </c>
      <c r="J4296" s="10">
        <v>22.918154309999998</v>
      </c>
    </row>
    <row r="4297" spans="1:10" x14ac:dyDescent="0.35">
      <c r="A4297" t="s">
        <v>26</v>
      </c>
      <c r="B4297" t="s">
        <v>27</v>
      </c>
      <c r="C4297" t="s">
        <v>117</v>
      </c>
      <c r="D4297" t="s">
        <v>118</v>
      </c>
      <c r="E4297">
        <v>2018</v>
      </c>
      <c r="F4297">
        <v>2018</v>
      </c>
      <c r="G4297" t="s">
        <v>125</v>
      </c>
      <c r="H4297" t="s">
        <v>124</v>
      </c>
      <c r="I4297" t="s">
        <v>15</v>
      </c>
      <c r="J4297" s="10">
        <v>2.1898058420000002</v>
      </c>
    </row>
    <row r="4298" spans="1:10" x14ac:dyDescent="0.35">
      <c r="A4298" t="s">
        <v>26</v>
      </c>
      <c r="B4298" t="s">
        <v>27</v>
      </c>
      <c r="C4298" t="s">
        <v>117</v>
      </c>
      <c r="D4298" t="s">
        <v>118</v>
      </c>
      <c r="E4298">
        <v>2018</v>
      </c>
      <c r="F4298">
        <v>2018</v>
      </c>
      <c r="G4298" t="s">
        <v>126</v>
      </c>
      <c r="H4298" t="s">
        <v>119</v>
      </c>
      <c r="I4298" t="s">
        <v>15</v>
      </c>
      <c r="J4298" s="10">
        <v>14.235920610000001</v>
      </c>
    </row>
    <row r="4299" spans="1:10" x14ac:dyDescent="0.35">
      <c r="A4299" t="s">
        <v>26</v>
      </c>
      <c r="B4299" t="s">
        <v>27</v>
      </c>
      <c r="C4299" t="s">
        <v>117</v>
      </c>
      <c r="D4299" t="s">
        <v>118</v>
      </c>
      <c r="E4299">
        <v>2018</v>
      </c>
      <c r="F4299">
        <v>2018</v>
      </c>
      <c r="G4299" t="s">
        <v>126</v>
      </c>
      <c r="H4299" t="s">
        <v>120</v>
      </c>
      <c r="I4299" t="s">
        <v>15</v>
      </c>
      <c r="J4299" s="10">
        <v>7.848959174</v>
      </c>
    </row>
    <row r="4300" spans="1:10" x14ac:dyDescent="0.35">
      <c r="A4300" t="s">
        <v>26</v>
      </c>
      <c r="B4300" t="s">
        <v>27</v>
      </c>
      <c r="C4300" t="s">
        <v>117</v>
      </c>
      <c r="D4300" t="s">
        <v>118</v>
      </c>
      <c r="E4300">
        <v>2018</v>
      </c>
      <c r="F4300">
        <v>2018</v>
      </c>
      <c r="G4300" t="s">
        <v>126</v>
      </c>
      <c r="H4300" t="s">
        <v>121</v>
      </c>
      <c r="I4300" t="s">
        <v>15</v>
      </c>
      <c r="J4300" s="10">
        <v>25.454252060000002</v>
      </c>
    </row>
    <row r="4301" spans="1:10" x14ac:dyDescent="0.35">
      <c r="A4301" t="s">
        <v>26</v>
      </c>
      <c r="B4301" t="s">
        <v>27</v>
      </c>
      <c r="C4301" t="s">
        <v>117</v>
      </c>
      <c r="D4301" t="s">
        <v>118</v>
      </c>
      <c r="E4301">
        <v>2018</v>
      </c>
      <c r="F4301">
        <v>2018</v>
      </c>
      <c r="G4301" t="s">
        <v>126</v>
      </c>
      <c r="H4301" t="s">
        <v>122</v>
      </c>
      <c r="I4301" t="s">
        <v>15</v>
      </c>
      <c r="J4301" s="10">
        <v>24.1052122</v>
      </c>
    </row>
    <row r="4302" spans="1:10" x14ac:dyDescent="0.35">
      <c r="A4302" t="s">
        <v>26</v>
      </c>
      <c r="B4302" t="s">
        <v>27</v>
      </c>
      <c r="C4302" t="s">
        <v>117</v>
      </c>
      <c r="D4302" t="s">
        <v>118</v>
      </c>
      <c r="E4302">
        <v>2018</v>
      </c>
      <c r="F4302">
        <v>2018</v>
      </c>
      <c r="G4302" t="s">
        <v>126</v>
      </c>
      <c r="H4302" t="s">
        <v>123</v>
      </c>
      <c r="I4302" t="s">
        <v>15</v>
      </c>
      <c r="J4302" s="10">
        <v>24.553816359999999</v>
      </c>
    </row>
    <row r="4303" spans="1:10" x14ac:dyDescent="0.35">
      <c r="A4303" t="s">
        <v>26</v>
      </c>
      <c r="B4303" t="s">
        <v>27</v>
      </c>
      <c r="C4303" t="s">
        <v>117</v>
      </c>
      <c r="D4303" t="s">
        <v>118</v>
      </c>
      <c r="E4303">
        <v>2018</v>
      </c>
      <c r="F4303">
        <v>2018</v>
      </c>
      <c r="G4303" t="s">
        <v>126</v>
      </c>
      <c r="H4303" t="s">
        <v>124</v>
      </c>
      <c r="I4303" t="s">
        <v>15</v>
      </c>
      <c r="J4303" s="10">
        <v>3.8018396000000001</v>
      </c>
    </row>
    <row r="4304" spans="1:10" x14ac:dyDescent="0.35">
      <c r="A4304" t="s">
        <v>26</v>
      </c>
      <c r="B4304" t="s">
        <v>27</v>
      </c>
      <c r="C4304" t="s">
        <v>117</v>
      </c>
      <c r="D4304" t="s">
        <v>118</v>
      </c>
      <c r="E4304">
        <v>2017</v>
      </c>
      <c r="F4304">
        <v>2017</v>
      </c>
      <c r="G4304" t="s">
        <v>14</v>
      </c>
      <c r="H4304" t="s">
        <v>119</v>
      </c>
      <c r="I4304" t="s">
        <v>15</v>
      </c>
      <c r="J4304" s="10">
        <v>14.95069749</v>
      </c>
    </row>
    <row r="4305" spans="1:10" x14ac:dyDescent="0.35">
      <c r="A4305" t="s">
        <v>26</v>
      </c>
      <c r="B4305" t="s">
        <v>27</v>
      </c>
      <c r="C4305" t="s">
        <v>117</v>
      </c>
      <c r="D4305" t="s">
        <v>118</v>
      </c>
      <c r="E4305">
        <v>2017</v>
      </c>
      <c r="F4305">
        <v>2017</v>
      </c>
      <c r="G4305" t="s">
        <v>14</v>
      </c>
      <c r="H4305" t="s">
        <v>120</v>
      </c>
      <c r="I4305" t="s">
        <v>15</v>
      </c>
      <c r="J4305" s="10">
        <v>8.8332289020000001</v>
      </c>
    </row>
    <row r="4306" spans="1:10" x14ac:dyDescent="0.35">
      <c r="A4306" t="s">
        <v>26</v>
      </c>
      <c r="B4306" t="s">
        <v>27</v>
      </c>
      <c r="C4306" t="s">
        <v>117</v>
      </c>
      <c r="D4306" t="s">
        <v>118</v>
      </c>
      <c r="E4306">
        <v>2017</v>
      </c>
      <c r="F4306">
        <v>2017</v>
      </c>
      <c r="G4306" t="s">
        <v>14</v>
      </c>
      <c r="H4306" t="s">
        <v>121</v>
      </c>
      <c r="I4306" t="s">
        <v>15</v>
      </c>
      <c r="J4306" s="10">
        <v>25.77746265</v>
      </c>
    </row>
    <row r="4307" spans="1:10" x14ac:dyDescent="0.35">
      <c r="A4307" t="s">
        <v>26</v>
      </c>
      <c r="B4307" t="s">
        <v>27</v>
      </c>
      <c r="C4307" t="s">
        <v>117</v>
      </c>
      <c r="D4307" t="s">
        <v>118</v>
      </c>
      <c r="E4307">
        <v>2017</v>
      </c>
      <c r="F4307">
        <v>2017</v>
      </c>
      <c r="G4307" t="s">
        <v>14</v>
      </c>
      <c r="H4307" t="s">
        <v>122</v>
      </c>
      <c r="I4307" t="s">
        <v>15</v>
      </c>
      <c r="J4307" s="10">
        <v>23.80866009</v>
      </c>
    </row>
    <row r="4308" spans="1:10" x14ac:dyDescent="0.35">
      <c r="A4308" t="s">
        <v>26</v>
      </c>
      <c r="B4308" t="s">
        <v>27</v>
      </c>
      <c r="C4308" t="s">
        <v>117</v>
      </c>
      <c r="D4308" t="s">
        <v>118</v>
      </c>
      <c r="E4308">
        <v>2017</v>
      </c>
      <c r="F4308">
        <v>2017</v>
      </c>
      <c r="G4308" t="s">
        <v>14</v>
      </c>
      <c r="H4308" t="s">
        <v>123</v>
      </c>
      <c r="I4308" t="s">
        <v>15</v>
      </c>
      <c r="J4308" s="10">
        <v>23.625630709999999</v>
      </c>
    </row>
    <row r="4309" spans="1:10" x14ac:dyDescent="0.35">
      <c r="A4309" t="s">
        <v>26</v>
      </c>
      <c r="B4309" t="s">
        <v>27</v>
      </c>
      <c r="C4309" t="s">
        <v>117</v>
      </c>
      <c r="D4309" t="s">
        <v>118</v>
      </c>
      <c r="E4309">
        <v>2017</v>
      </c>
      <c r="F4309">
        <v>2017</v>
      </c>
      <c r="G4309" t="s">
        <v>14</v>
      </c>
      <c r="H4309" t="s">
        <v>124</v>
      </c>
      <c r="I4309" t="s">
        <v>15</v>
      </c>
      <c r="J4309" s="10">
        <v>3.0043201530000001</v>
      </c>
    </row>
    <row r="4310" spans="1:10" x14ac:dyDescent="0.35">
      <c r="A4310" t="s">
        <v>26</v>
      </c>
      <c r="B4310" t="s">
        <v>27</v>
      </c>
      <c r="C4310" t="s">
        <v>117</v>
      </c>
      <c r="D4310" t="s">
        <v>118</v>
      </c>
      <c r="E4310">
        <v>2017</v>
      </c>
      <c r="F4310">
        <v>2017</v>
      </c>
      <c r="G4310" t="s">
        <v>125</v>
      </c>
      <c r="H4310" t="s">
        <v>119</v>
      </c>
      <c r="I4310" t="s">
        <v>15</v>
      </c>
      <c r="J4310" s="10">
        <v>15.76105413</v>
      </c>
    </row>
    <row r="4311" spans="1:10" x14ac:dyDescent="0.35">
      <c r="A4311" t="s">
        <v>26</v>
      </c>
      <c r="B4311" t="s">
        <v>27</v>
      </c>
      <c r="C4311" t="s">
        <v>117</v>
      </c>
      <c r="D4311" t="s">
        <v>118</v>
      </c>
      <c r="E4311">
        <v>2017</v>
      </c>
      <c r="F4311">
        <v>2017</v>
      </c>
      <c r="G4311" t="s">
        <v>125</v>
      </c>
      <c r="H4311" t="s">
        <v>120</v>
      </c>
      <c r="I4311" t="s">
        <v>15</v>
      </c>
      <c r="J4311" s="10">
        <v>9.6855260479999998</v>
      </c>
    </row>
    <row r="4312" spans="1:10" x14ac:dyDescent="0.35">
      <c r="A4312" t="s">
        <v>26</v>
      </c>
      <c r="B4312" t="s">
        <v>27</v>
      </c>
      <c r="C4312" t="s">
        <v>117</v>
      </c>
      <c r="D4312" t="s">
        <v>118</v>
      </c>
      <c r="E4312">
        <v>2017</v>
      </c>
      <c r="F4312">
        <v>2017</v>
      </c>
      <c r="G4312" t="s">
        <v>125</v>
      </c>
      <c r="H4312" t="s">
        <v>121</v>
      </c>
      <c r="I4312" t="s">
        <v>15</v>
      </c>
      <c r="J4312" s="10">
        <v>25.769204649999999</v>
      </c>
    </row>
    <row r="4313" spans="1:10" x14ac:dyDescent="0.35">
      <c r="A4313" t="s">
        <v>26</v>
      </c>
      <c r="B4313" t="s">
        <v>27</v>
      </c>
      <c r="C4313" t="s">
        <v>117</v>
      </c>
      <c r="D4313" t="s">
        <v>118</v>
      </c>
      <c r="E4313">
        <v>2017</v>
      </c>
      <c r="F4313">
        <v>2017</v>
      </c>
      <c r="G4313" t="s">
        <v>125</v>
      </c>
      <c r="H4313" t="s">
        <v>122</v>
      </c>
      <c r="I4313" t="s">
        <v>15</v>
      </c>
      <c r="J4313" s="10">
        <v>23.83006181</v>
      </c>
    </row>
    <row r="4314" spans="1:10" x14ac:dyDescent="0.35">
      <c r="A4314" t="s">
        <v>26</v>
      </c>
      <c r="B4314" t="s">
        <v>27</v>
      </c>
      <c r="C4314" t="s">
        <v>117</v>
      </c>
      <c r="D4314" t="s">
        <v>118</v>
      </c>
      <c r="E4314">
        <v>2017</v>
      </c>
      <c r="F4314">
        <v>2017</v>
      </c>
      <c r="G4314" t="s">
        <v>125</v>
      </c>
      <c r="H4314" t="s">
        <v>123</v>
      </c>
      <c r="I4314" t="s">
        <v>15</v>
      </c>
      <c r="J4314" s="10">
        <v>22.862188410000002</v>
      </c>
    </row>
    <row r="4315" spans="1:10" x14ac:dyDescent="0.35">
      <c r="A4315" t="s">
        <v>26</v>
      </c>
      <c r="B4315" t="s">
        <v>27</v>
      </c>
      <c r="C4315" t="s">
        <v>117</v>
      </c>
      <c r="D4315" t="s">
        <v>118</v>
      </c>
      <c r="E4315">
        <v>2017</v>
      </c>
      <c r="F4315">
        <v>2017</v>
      </c>
      <c r="G4315" t="s">
        <v>125</v>
      </c>
      <c r="H4315" t="s">
        <v>124</v>
      </c>
      <c r="I4315" t="s">
        <v>15</v>
      </c>
      <c r="J4315" s="10">
        <v>2.0919649530000002</v>
      </c>
    </row>
    <row r="4316" spans="1:10" x14ac:dyDescent="0.35">
      <c r="A4316" t="s">
        <v>26</v>
      </c>
      <c r="B4316" t="s">
        <v>27</v>
      </c>
      <c r="C4316" t="s">
        <v>117</v>
      </c>
      <c r="D4316" t="s">
        <v>118</v>
      </c>
      <c r="E4316">
        <v>2017</v>
      </c>
      <c r="F4316">
        <v>2017</v>
      </c>
      <c r="G4316" t="s">
        <v>126</v>
      </c>
      <c r="H4316" t="s">
        <v>119</v>
      </c>
      <c r="I4316" t="s">
        <v>15</v>
      </c>
      <c r="J4316" s="10">
        <v>14.18589744</v>
      </c>
    </row>
    <row r="4317" spans="1:10" x14ac:dyDescent="0.35">
      <c r="A4317" t="s">
        <v>26</v>
      </c>
      <c r="B4317" t="s">
        <v>27</v>
      </c>
      <c r="C4317" t="s">
        <v>117</v>
      </c>
      <c r="D4317" t="s">
        <v>118</v>
      </c>
      <c r="E4317">
        <v>2017</v>
      </c>
      <c r="F4317">
        <v>2017</v>
      </c>
      <c r="G4317" t="s">
        <v>126</v>
      </c>
      <c r="H4317" t="s">
        <v>120</v>
      </c>
      <c r="I4317" t="s">
        <v>15</v>
      </c>
      <c r="J4317" s="10">
        <v>8.028846154</v>
      </c>
    </row>
    <row r="4318" spans="1:10" x14ac:dyDescent="0.35">
      <c r="A4318" t="s">
        <v>26</v>
      </c>
      <c r="B4318" t="s">
        <v>27</v>
      </c>
      <c r="C4318" t="s">
        <v>117</v>
      </c>
      <c r="D4318" t="s">
        <v>118</v>
      </c>
      <c r="E4318">
        <v>2017</v>
      </c>
      <c r="F4318">
        <v>2017</v>
      </c>
      <c r="G4318" t="s">
        <v>126</v>
      </c>
      <c r="H4318" t="s">
        <v>121</v>
      </c>
      <c r="I4318" t="s">
        <v>15</v>
      </c>
      <c r="J4318" s="10">
        <v>25.785256409999999</v>
      </c>
    </row>
    <row r="4319" spans="1:10" x14ac:dyDescent="0.35">
      <c r="A4319" t="s">
        <v>26</v>
      </c>
      <c r="B4319" t="s">
        <v>27</v>
      </c>
      <c r="C4319" t="s">
        <v>117</v>
      </c>
      <c r="D4319" t="s">
        <v>118</v>
      </c>
      <c r="E4319">
        <v>2017</v>
      </c>
      <c r="F4319">
        <v>2017</v>
      </c>
      <c r="G4319" t="s">
        <v>126</v>
      </c>
      <c r="H4319" t="s">
        <v>122</v>
      </c>
      <c r="I4319" t="s">
        <v>15</v>
      </c>
      <c r="J4319" s="10">
        <v>23.78846154</v>
      </c>
    </row>
    <row r="4320" spans="1:10" x14ac:dyDescent="0.35">
      <c r="A4320" t="s">
        <v>26</v>
      </c>
      <c r="B4320" t="s">
        <v>27</v>
      </c>
      <c r="C4320" t="s">
        <v>117</v>
      </c>
      <c r="D4320" t="s">
        <v>118</v>
      </c>
      <c r="E4320">
        <v>2017</v>
      </c>
      <c r="F4320">
        <v>2017</v>
      </c>
      <c r="G4320" t="s">
        <v>126</v>
      </c>
      <c r="H4320" t="s">
        <v>123</v>
      </c>
      <c r="I4320" t="s">
        <v>15</v>
      </c>
      <c r="J4320" s="10">
        <v>24.34615385</v>
      </c>
    </row>
    <row r="4321" spans="1:10" x14ac:dyDescent="0.35">
      <c r="A4321" t="s">
        <v>26</v>
      </c>
      <c r="B4321" t="s">
        <v>27</v>
      </c>
      <c r="C4321" t="s">
        <v>117</v>
      </c>
      <c r="D4321" t="s">
        <v>118</v>
      </c>
      <c r="E4321">
        <v>2017</v>
      </c>
      <c r="F4321">
        <v>2017</v>
      </c>
      <c r="G4321" t="s">
        <v>126</v>
      </c>
      <c r="H4321" t="s">
        <v>124</v>
      </c>
      <c r="I4321" t="s">
        <v>15</v>
      </c>
      <c r="J4321" s="10">
        <v>3.865384615</v>
      </c>
    </row>
    <row r="4322" spans="1:10" x14ac:dyDescent="0.35">
      <c r="A4322" t="s">
        <v>26</v>
      </c>
      <c r="B4322" t="s">
        <v>27</v>
      </c>
      <c r="C4322" t="s">
        <v>117</v>
      </c>
      <c r="D4322" t="s">
        <v>118</v>
      </c>
      <c r="E4322">
        <v>2016</v>
      </c>
      <c r="F4322">
        <v>2016</v>
      </c>
      <c r="G4322" t="s">
        <v>14</v>
      </c>
      <c r="H4322" t="s">
        <v>119</v>
      </c>
      <c r="I4322" t="s">
        <v>15</v>
      </c>
      <c r="J4322" s="10">
        <v>14.99118747</v>
      </c>
    </row>
    <row r="4323" spans="1:10" x14ac:dyDescent="0.35">
      <c r="A4323" t="s">
        <v>26</v>
      </c>
      <c r="B4323" t="s">
        <v>27</v>
      </c>
      <c r="C4323" t="s">
        <v>117</v>
      </c>
      <c r="D4323" t="s">
        <v>118</v>
      </c>
      <c r="E4323">
        <v>2016</v>
      </c>
      <c r="F4323">
        <v>2016</v>
      </c>
      <c r="G4323" t="s">
        <v>14</v>
      </c>
      <c r="H4323" t="s">
        <v>120</v>
      </c>
      <c r="I4323" t="s">
        <v>15</v>
      </c>
      <c r="J4323" s="10">
        <v>9.0101961819999996</v>
      </c>
    </row>
    <row r="4324" spans="1:10" x14ac:dyDescent="0.35">
      <c r="A4324" t="s">
        <v>26</v>
      </c>
      <c r="B4324" t="s">
        <v>27</v>
      </c>
      <c r="C4324" t="s">
        <v>117</v>
      </c>
      <c r="D4324" t="s">
        <v>118</v>
      </c>
      <c r="E4324">
        <v>2016</v>
      </c>
      <c r="F4324">
        <v>2016</v>
      </c>
      <c r="G4324" t="s">
        <v>14</v>
      </c>
      <c r="H4324" t="s">
        <v>121</v>
      </c>
      <c r="I4324" t="s">
        <v>15</v>
      </c>
      <c r="J4324" s="10">
        <v>26.174043390000001</v>
      </c>
    </row>
    <row r="4325" spans="1:10" x14ac:dyDescent="0.35">
      <c r="A4325" t="s">
        <v>26</v>
      </c>
      <c r="B4325" t="s">
        <v>27</v>
      </c>
      <c r="C4325" t="s">
        <v>117</v>
      </c>
      <c r="D4325" t="s">
        <v>118</v>
      </c>
      <c r="E4325">
        <v>2016</v>
      </c>
      <c r="F4325">
        <v>2016</v>
      </c>
      <c r="G4325" t="s">
        <v>14</v>
      </c>
      <c r="H4325" t="s">
        <v>122</v>
      </c>
      <c r="I4325" t="s">
        <v>15</v>
      </c>
      <c r="J4325" s="10">
        <v>23.591230299999999</v>
      </c>
    </row>
    <row r="4326" spans="1:10" x14ac:dyDescent="0.35">
      <c r="A4326" t="s">
        <v>26</v>
      </c>
      <c r="B4326" t="s">
        <v>27</v>
      </c>
      <c r="C4326" t="s">
        <v>117</v>
      </c>
      <c r="D4326" t="s">
        <v>118</v>
      </c>
      <c r="E4326">
        <v>2016</v>
      </c>
      <c r="F4326">
        <v>2016</v>
      </c>
      <c r="G4326" t="s">
        <v>14</v>
      </c>
      <c r="H4326" t="s">
        <v>123</v>
      </c>
      <c r="I4326" t="s">
        <v>15</v>
      </c>
      <c r="J4326" s="10">
        <v>23.31285312</v>
      </c>
    </row>
    <row r="4327" spans="1:10" x14ac:dyDescent="0.35">
      <c r="A4327" t="s">
        <v>26</v>
      </c>
      <c r="B4327" t="s">
        <v>27</v>
      </c>
      <c r="C4327" t="s">
        <v>117</v>
      </c>
      <c r="D4327" t="s">
        <v>118</v>
      </c>
      <c r="E4327">
        <v>2016</v>
      </c>
      <c r="F4327">
        <v>2016</v>
      </c>
      <c r="G4327" t="s">
        <v>14</v>
      </c>
      <c r="H4327" t="s">
        <v>124</v>
      </c>
      <c r="I4327" t="s">
        <v>15</v>
      </c>
      <c r="J4327" s="10">
        <v>2.920489549</v>
      </c>
    </row>
    <row r="4328" spans="1:10" x14ac:dyDescent="0.35">
      <c r="A4328" t="s">
        <v>26</v>
      </c>
      <c r="B4328" t="s">
        <v>27</v>
      </c>
      <c r="C4328" t="s">
        <v>117</v>
      </c>
      <c r="D4328" t="s">
        <v>118</v>
      </c>
      <c r="E4328">
        <v>2016</v>
      </c>
      <c r="F4328">
        <v>2016</v>
      </c>
      <c r="G4328" t="s">
        <v>125</v>
      </c>
      <c r="H4328" t="s">
        <v>119</v>
      </c>
      <c r="I4328" t="s">
        <v>15</v>
      </c>
      <c r="J4328" s="10">
        <v>15.735523730000001</v>
      </c>
    </row>
    <row r="4329" spans="1:10" x14ac:dyDescent="0.35">
      <c r="A4329" t="s">
        <v>26</v>
      </c>
      <c r="B4329" t="s">
        <v>27</v>
      </c>
      <c r="C4329" t="s">
        <v>117</v>
      </c>
      <c r="D4329" t="s">
        <v>118</v>
      </c>
      <c r="E4329">
        <v>2016</v>
      </c>
      <c r="F4329">
        <v>2016</v>
      </c>
      <c r="G4329" t="s">
        <v>125</v>
      </c>
      <c r="H4329" t="s">
        <v>120</v>
      </c>
      <c r="I4329" t="s">
        <v>15</v>
      </c>
      <c r="J4329" s="10">
        <v>10.03326319</v>
      </c>
    </row>
    <row r="4330" spans="1:10" x14ac:dyDescent="0.35">
      <c r="A4330" t="s">
        <v>26</v>
      </c>
      <c r="B4330" t="s">
        <v>27</v>
      </c>
      <c r="C4330" t="s">
        <v>117</v>
      </c>
      <c r="D4330" t="s">
        <v>118</v>
      </c>
      <c r="E4330">
        <v>2016</v>
      </c>
      <c r="F4330">
        <v>2016</v>
      </c>
      <c r="G4330" t="s">
        <v>125</v>
      </c>
      <c r="H4330" t="s">
        <v>121</v>
      </c>
      <c r="I4330" t="s">
        <v>15</v>
      </c>
      <c r="J4330" s="10">
        <v>26.220215870000001</v>
      </c>
    </row>
    <row r="4331" spans="1:10" x14ac:dyDescent="0.35">
      <c r="A4331" t="s">
        <v>26</v>
      </c>
      <c r="B4331" t="s">
        <v>27</v>
      </c>
      <c r="C4331" t="s">
        <v>117</v>
      </c>
      <c r="D4331" t="s">
        <v>118</v>
      </c>
      <c r="E4331">
        <v>2016</v>
      </c>
      <c r="F4331">
        <v>2016</v>
      </c>
      <c r="G4331" t="s">
        <v>125</v>
      </c>
      <c r="H4331" t="s">
        <v>122</v>
      </c>
      <c r="I4331" t="s">
        <v>15</v>
      </c>
      <c r="J4331" s="10">
        <v>23.396239219999998</v>
      </c>
    </row>
    <row r="4332" spans="1:10" x14ac:dyDescent="0.35">
      <c r="A4332" t="s">
        <v>26</v>
      </c>
      <c r="B4332" t="s">
        <v>27</v>
      </c>
      <c r="C4332" t="s">
        <v>117</v>
      </c>
      <c r="D4332" t="s">
        <v>118</v>
      </c>
      <c r="E4332">
        <v>2016</v>
      </c>
      <c r="F4332">
        <v>2016</v>
      </c>
      <c r="G4332" t="s">
        <v>125</v>
      </c>
      <c r="H4332" t="s">
        <v>123</v>
      </c>
      <c r="I4332" t="s">
        <v>15</v>
      </c>
      <c r="J4332" s="10">
        <v>22.64612043</v>
      </c>
    </row>
    <row r="4333" spans="1:10" x14ac:dyDescent="0.35">
      <c r="A4333" t="s">
        <v>26</v>
      </c>
      <c r="B4333" t="s">
        <v>27</v>
      </c>
      <c r="C4333" t="s">
        <v>117</v>
      </c>
      <c r="D4333" t="s">
        <v>118</v>
      </c>
      <c r="E4333">
        <v>2016</v>
      </c>
      <c r="F4333">
        <v>2016</v>
      </c>
      <c r="G4333" t="s">
        <v>125</v>
      </c>
      <c r="H4333" t="s">
        <v>124</v>
      </c>
      <c r="I4333" t="s">
        <v>15</v>
      </c>
      <c r="J4333" s="10">
        <v>1.968637567</v>
      </c>
    </row>
    <row r="4334" spans="1:10" x14ac:dyDescent="0.35">
      <c r="A4334" t="s">
        <v>26</v>
      </c>
      <c r="B4334" t="s">
        <v>27</v>
      </c>
      <c r="C4334" t="s">
        <v>117</v>
      </c>
      <c r="D4334" t="s">
        <v>118</v>
      </c>
      <c r="E4334">
        <v>2016</v>
      </c>
      <c r="F4334">
        <v>2016</v>
      </c>
      <c r="G4334" t="s">
        <v>126</v>
      </c>
      <c r="H4334" t="s">
        <v>119</v>
      </c>
      <c r="I4334" t="s">
        <v>15</v>
      </c>
      <c r="J4334" s="10">
        <v>14.28937178</v>
      </c>
    </row>
    <row r="4335" spans="1:10" x14ac:dyDescent="0.35">
      <c r="A4335" t="s">
        <v>26</v>
      </c>
      <c r="B4335" t="s">
        <v>27</v>
      </c>
      <c r="C4335" t="s">
        <v>117</v>
      </c>
      <c r="D4335" t="s">
        <v>118</v>
      </c>
      <c r="E4335">
        <v>2016</v>
      </c>
      <c r="F4335">
        <v>2016</v>
      </c>
      <c r="G4335" t="s">
        <v>126</v>
      </c>
      <c r="H4335" t="s">
        <v>120</v>
      </c>
      <c r="I4335" t="s">
        <v>15</v>
      </c>
      <c r="J4335" s="10">
        <v>8.0455723750000008</v>
      </c>
    </row>
    <row r="4336" spans="1:10" x14ac:dyDescent="0.35">
      <c r="A4336" t="s">
        <v>26</v>
      </c>
      <c r="B4336" t="s">
        <v>27</v>
      </c>
      <c r="C4336" t="s">
        <v>117</v>
      </c>
      <c r="D4336" t="s">
        <v>118</v>
      </c>
      <c r="E4336">
        <v>2016</v>
      </c>
      <c r="F4336">
        <v>2016</v>
      </c>
      <c r="G4336" t="s">
        <v>126</v>
      </c>
      <c r="H4336" t="s">
        <v>121</v>
      </c>
      <c r="I4336" t="s">
        <v>15</v>
      </c>
      <c r="J4336" s="10">
        <v>26.13050853</v>
      </c>
    </row>
    <row r="4337" spans="1:10" x14ac:dyDescent="0.35">
      <c r="A4337" t="s">
        <v>26</v>
      </c>
      <c r="B4337" t="s">
        <v>27</v>
      </c>
      <c r="C4337" t="s">
        <v>117</v>
      </c>
      <c r="D4337" t="s">
        <v>118</v>
      </c>
      <c r="E4337">
        <v>2016</v>
      </c>
      <c r="F4337">
        <v>2016</v>
      </c>
      <c r="G4337" t="s">
        <v>126</v>
      </c>
      <c r="H4337" t="s">
        <v>122</v>
      </c>
      <c r="I4337" t="s">
        <v>15</v>
      </c>
      <c r="J4337" s="10">
        <v>23.77508241</v>
      </c>
    </row>
    <row r="4338" spans="1:10" x14ac:dyDescent="0.35">
      <c r="A4338" t="s">
        <v>26</v>
      </c>
      <c r="B4338" t="s">
        <v>27</v>
      </c>
      <c r="C4338" t="s">
        <v>117</v>
      </c>
      <c r="D4338" t="s">
        <v>118</v>
      </c>
      <c r="E4338">
        <v>2016</v>
      </c>
      <c r="F4338">
        <v>2016</v>
      </c>
      <c r="G4338" t="s">
        <v>126</v>
      </c>
      <c r="H4338" t="s">
        <v>123</v>
      </c>
      <c r="I4338" t="s">
        <v>15</v>
      </c>
      <c r="J4338" s="10">
        <v>23.941498379999999</v>
      </c>
    </row>
    <row r="4339" spans="1:10" x14ac:dyDescent="0.35">
      <c r="A4339" t="s">
        <v>26</v>
      </c>
      <c r="B4339" t="s">
        <v>27</v>
      </c>
      <c r="C4339" t="s">
        <v>117</v>
      </c>
      <c r="D4339" t="s">
        <v>118</v>
      </c>
      <c r="E4339">
        <v>2016</v>
      </c>
      <c r="F4339">
        <v>2016</v>
      </c>
      <c r="G4339" t="s">
        <v>126</v>
      </c>
      <c r="H4339" t="s">
        <v>124</v>
      </c>
      <c r="I4339" t="s">
        <v>15</v>
      </c>
      <c r="J4339" s="10">
        <v>3.8179665250000001</v>
      </c>
    </row>
    <row r="4340" spans="1:10" x14ac:dyDescent="0.35">
      <c r="A4340" t="s">
        <v>26</v>
      </c>
      <c r="B4340" t="s">
        <v>27</v>
      </c>
      <c r="C4340" t="s">
        <v>117</v>
      </c>
      <c r="D4340" t="s">
        <v>118</v>
      </c>
      <c r="E4340">
        <v>2015</v>
      </c>
      <c r="F4340">
        <v>2015</v>
      </c>
      <c r="G4340" t="s">
        <v>14</v>
      </c>
      <c r="H4340" t="s">
        <v>119</v>
      </c>
      <c r="I4340" t="s">
        <v>15</v>
      </c>
      <c r="J4340" s="10">
        <v>15.038716450000001</v>
      </c>
    </row>
    <row r="4341" spans="1:10" x14ac:dyDescent="0.35">
      <c r="A4341" t="s">
        <v>26</v>
      </c>
      <c r="B4341" t="s">
        <v>27</v>
      </c>
      <c r="C4341" t="s">
        <v>117</v>
      </c>
      <c r="D4341" t="s">
        <v>118</v>
      </c>
      <c r="E4341">
        <v>2015</v>
      </c>
      <c r="F4341">
        <v>2015</v>
      </c>
      <c r="G4341" t="s">
        <v>14</v>
      </c>
      <c r="H4341" t="s">
        <v>120</v>
      </c>
      <c r="I4341" t="s">
        <v>15</v>
      </c>
      <c r="J4341" s="10">
        <v>9.0983660349999997</v>
      </c>
    </row>
    <row r="4342" spans="1:10" x14ac:dyDescent="0.35">
      <c r="A4342" t="s">
        <v>26</v>
      </c>
      <c r="B4342" t="s">
        <v>27</v>
      </c>
      <c r="C4342" t="s">
        <v>117</v>
      </c>
      <c r="D4342" t="s">
        <v>118</v>
      </c>
      <c r="E4342">
        <v>2015</v>
      </c>
      <c r="F4342">
        <v>2015</v>
      </c>
      <c r="G4342" t="s">
        <v>14</v>
      </c>
      <c r="H4342" t="s">
        <v>121</v>
      </c>
      <c r="I4342" t="s">
        <v>15</v>
      </c>
      <c r="J4342" s="10">
        <v>26.376402649999999</v>
      </c>
    </row>
    <row r="4343" spans="1:10" x14ac:dyDescent="0.35">
      <c r="A4343" t="s">
        <v>26</v>
      </c>
      <c r="B4343" t="s">
        <v>27</v>
      </c>
      <c r="C4343" t="s">
        <v>117</v>
      </c>
      <c r="D4343" t="s">
        <v>118</v>
      </c>
      <c r="E4343">
        <v>2015</v>
      </c>
      <c r="F4343">
        <v>2015</v>
      </c>
      <c r="G4343" t="s">
        <v>14</v>
      </c>
      <c r="H4343" t="s">
        <v>122</v>
      </c>
      <c r="I4343" t="s">
        <v>15</v>
      </c>
      <c r="J4343" s="10">
        <v>23.605551550000001</v>
      </c>
    </row>
    <row r="4344" spans="1:10" x14ac:dyDescent="0.35">
      <c r="A4344" t="s">
        <v>26</v>
      </c>
      <c r="B4344" t="s">
        <v>27</v>
      </c>
      <c r="C4344" t="s">
        <v>117</v>
      </c>
      <c r="D4344" t="s">
        <v>118</v>
      </c>
      <c r="E4344">
        <v>2015</v>
      </c>
      <c r="F4344">
        <v>2015</v>
      </c>
      <c r="G4344" t="s">
        <v>14</v>
      </c>
      <c r="H4344" t="s">
        <v>123</v>
      </c>
      <c r="I4344" t="s">
        <v>15</v>
      </c>
      <c r="J4344" s="10">
        <v>23.011680559999999</v>
      </c>
    </row>
    <row r="4345" spans="1:10" x14ac:dyDescent="0.35">
      <c r="A4345" t="s">
        <v>26</v>
      </c>
      <c r="B4345" t="s">
        <v>27</v>
      </c>
      <c r="C4345" t="s">
        <v>117</v>
      </c>
      <c r="D4345" t="s">
        <v>118</v>
      </c>
      <c r="E4345">
        <v>2015</v>
      </c>
      <c r="F4345">
        <v>2015</v>
      </c>
      <c r="G4345" t="s">
        <v>14</v>
      </c>
      <c r="H4345" t="s">
        <v>124</v>
      </c>
      <c r="I4345" t="s">
        <v>15</v>
      </c>
      <c r="J4345" s="10">
        <v>2.869282761</v>
      </c>
    </row>
    <row r="4346" spans="1:10" x14ac:dyDescent="0.35">
      <c r="A4346" t="s">
        <v>26</v>
      </c>
      <c r="B4346" t="s">
        <v>27</v>
      </c>
      <c r="C4346" t="s">
        <v>117</v>
      </c>
      <c r="D4346" t="s">
        <v>118</v>
      </c>
      <c r="E4346">
        <v>2015</v>
      </c>
      <c r="F4346">
        <v>2015</v>
      </c>
      <c r="G4346" t="s">
        <v>125</v>
      </c>
      <c r="H4346" t="s">
        <v>119</v>
      </c>
      <c r="I4346" t="s">
        <v>15</v>
      </c>
      <c r="J4346" s="10">
        <v>15.81972479</v>
      </c>
    </row>
    <row r="4347" spans="1:10" x14ac:dyDescent="0.35">
      <c r="A4347" t="s">
        <v>26</v>
      </c>
      <c r="B4347" t="s">
        <v>27</v>
      </c>
      <c r="C4347" t="s">
        <v>117</v>
      </c>
      <c r="D4347" t="s">
        <v>118</v>
      </c>
      <c r="E4347">
        <v>2015</v>
      </c>
      <c r="F4347">
        <v>2015</v>
      </c>
      <c r="G4347" t="s">
        <v>125</v>
      </c>
      <c r="H4347" t="s">
        <v>120</v>
      </c>
      <c r="I4347" t="s">
        <v>15</v>
      </c>
      <c r="J4347" s="10">
        <v>10.09906346</v>
      </c>
    </row>
    <row r="4348" spans="1:10" x14ac:dyDescent="0.35">
      <c r="A4348" t="s">
        <v>26</v>
      </c>
      <c r="B4348" t="s">
        <v>27</v>
      </c>
      <c r="C4348" t="s">
        <v>117</v>
      </c>
      <c r="D4348" t="s">
        <v>118</v>
      </c>
      <c r="E4348">
        <v>2015</v>
      </c>
      <c r="F4348">
        <v>2015</v>
      </c>
      <c r="G4348" t="s">
        <v>125</v>
      </c>
      <c r="H4348" t="s">
        <v>121</v>
      </c>
      <c r="I4348" t="s">
        <v>15</v>
      </c>
      <c r="J4348" s="10">
        <v>26.27717483</v>
      </c>
    </row>
    <row r="4349" spans="1:10" x14ac:dyDescent="0.35">
      <c r="A4349" t="s">
        <v>26</v>
      </c>
      <c r="B4349" t="s">
        <v>27</v>
      </c>
      <c r="C4349" t="s">
        <v>117</v>
      </c>
      <c r="D4349" t="s">
        <v>118</v>
      </c>
      <c r="E4349">
        <v>2015</v>
      </c>
      <c r="F4349">
        <v>2015</v>
      </c>
      <c r="G4349" t="s">
        <v>125</v>
      </c>
      <c r="H4349" t="s">
        <v>122</v>
      </c>
      <c r="I4349" t="s">
        <v>15</v>
      </c>
      <c r="J4349" s="10">
        <v>23.443892210000001</v>
      </c>
    </row>
    <row r="4350" spans="1:10" x14ac:dyDescent="0.35">
      <c r="A4350" t="s">
        <v>26</v>
      </c>
      <c r="B4350" t="s">
        <v>27</v>
      </c>
      <c r="C4350" t="s">
        <v>117</v>
      </c>
      <c r="D4350" t="s">
        <v>118</v>
      </c>
      <c r="E4350">
        <v>2015</v>
      </c>
      <c r="F4350">
        <v>2015</v>
      </c>
      <c r="G4350" t="s">
        <v>125</v>
      </c>
      <c r="H4350" t="s">
        <v>123</v>
      </c>
      <c r="I4350" t="s">
        <v>15</v>
      </c>
      <c r="J4350" s="10">
        <v>22.3923995</v>
      </c>
    </row>
    <row r="4351" spans="1:10" x14ac:dyDescent="0.35">
      <c r="A4351" t="s">
        <v>26</v>
      </c>
      <c r="B4351" t="s">
        <v>27</v>
      </c>
      <c r="C4351" t="s">
        <v>117</v>
      </c>
      <c r="D4351" t="s">
        <v>118</v>
      </c>
      <c r="E4351">
        <v>2015</v>
      </c>
      <c r="F4351">
        <v>2015</v>
      </c>
      <c r="G4351" t="s">
        <v>125</v>
      </c>
      <c r="H4351" t="s">
        <v>124</v>
      </c>
      <c r="I4351" t="s">
        <v>15</v>
      </c>
      <c r="J4351" s="10">
        <v>1.9677452070000001</v>
      </c>
    </row>
    <row r="4352" spans="1:10" x14ac:dyDescent="0.35">
      <c r="A4352" t="s">
        <v>26</v>
      </c>
      <c r="B4352" t="s">
        <v>27</v>
      </c>
      <c r="C4352" t="s">
        <v>117</v>
      </c>
      <c r="D4352" t="s">
        <v>118</v>
      </c>
      <c r="E4352">
        <v>2015</v>
      </c>
      <c r="F4352">
        <v>2015</v>
      </c>
      <c r="G4352" t="s">
        <v>126</v>
      </c>
      <c r="H4352" t="s">
        <v>119</v>
      </c>
      <c r="I4352" t="s">
        <v>15</v>
      </c>
      <c r="J4352" s="10">
        <v>14.30255904</v>
      </c>
    </row>
    <row r="4353" spans="1:10" x14ac:dyDescent="0.35">
      <c r="A4353" t="s">
        <v>26</v>
      </c>
      <c r="B4353" t="s">
        <v>27</v>
      </c>
      <c r="C4353" t="s">
        <v>117</v>
      </c>
      <c r="D4353" t="s">
        <v>118</v>
      </c>
      <c r="E4353">
        <v>2015</v>
      </c>
      <c r="F4353">
        <v>2015</v>
      </c>
      <c r="G4353" t="s">
        <v>126</v>
      </c>
      <c r="H4353" t="s">
        <v>120</v>
      </c>
      <c r="I4353" t="s">
        <v>15</v>
      </c>
      <c r="J4353" s="10">
        <v>8.1551355999999995</v>
      </c>
    </row>
    <row r="4354" spans="1:10" x14ac:dyDescent="0.35">
      <c r="A4354" t="s">
        <v>26</v>
      </c>
      <c r="B4354" t="s">
        <v>27</v>
      </c>
      <c r="C4354" t="s">
        <v>117</v>
      </c>
      <c r="D4354" t="s">
        <v>118</v>
      </c>
      <c r="E4354">
        <v>2015</v>
      </c>
      <c r="F4354">
        <v>2015</v>
      </c>
      <c r="G4354" t="s">
        <v>126</v>
      </c>
      <c r="H4354" t="s">
        <v>121</v>
      </c>
      <c r="I4354" t="s">
        <v>15</v>
      </c>
      <c r="J4354" s="10">
        <v>26.469932119999999</v>
      </c>
    </row>
    <row r="4355" spans="1:10" x14ac:dyDescent="0.35">
      <c r="A4355" t="s">
        <v>26</v>
      </c>
      <c r="B4355" t="s">
        <v>27</v>
      </c>
      <c r="C4355" t="s">
        <v>117</v>
      </c>
      <c r="D4355" t="s">
        <v>118</v>
      </c>
      <c r="E4355">
        <v>2015</v>
      </c>
      <c r="F4355">
        <v>2015</v>
      </c>
      <c r="G4355" t="s">
        <v>126</v>
      </c>
      <c r="H4355" t="s">
        <v>122</v>
      </c>
      <c r="I4355" t="s">
        <v>15</v>
      </c>
      <c r="J4355" s="10">
        <v>23.757927280000001</v>
      </c>
    </row>
    <row r="4356" spans="1:10" x14ac:dyDescent="0.35">
      <c r="A4356" t="s">
        <v>26</v>
      </c>
      <c r="B4356" t="s">
        <v>27</v>
      </c>
      <c r="C4356" t="s">
        <v>117</v>
      </c>
      <c r="D4356" t="s">
        <v>118</v>
      </c>
      <c r="E4356">
        <v>2015</v>
      </c>
      <c r="F4356">
        <v>2015</v>
      </c>
      <c r="G4356" t="s">
        <v>126</v>
      </c>
      <c r="H4356" t="s">
        <v>123</v>
      </c>
      <c r="I4356" t="s">
        <v>15</v>
      </c>
      <c r="J4356" s="10">
        <v>23.595398200000002</v>
      </c>
    </row>
    <row r="4357" spans="1:10" x14ac:dyDescent="0.35">
      <c r="A4357" t="s">
        <v>26</v>
      </c>
      <c r="B4357" t="s">
        <v>27</v>
      </c>
      <c r="C4357" t="s">
        <v>117</v>
      </c>
      <c r="D4357" t="s">
        <v>118</v>
      </c>
      <c r="E4357">
        <v>2015</v>
      </c>
      <c r="F4357">
        <v>2015</v>
      </c>
      <c r="G4357" t="s">
        <v>126</v>
      </c>
      <c r="H4357" t="s">
        <v>124</v>
      </c>
      <c r="I4357" t="s">
        <v>15</v>
      </c>
      <c r="J4357" s="10">
        <v>3.7190477710000001</v>
      </c>
    </row>
    <row r="4358" spans="1:10" x14ac:dyDescent="0.35">
      <c r="A4358" t="s">
        <v>26</v>
      </c>
      <c r="B4358" t="s">
        <v>27</v>
      </c>
      <c r="C4358" t="s">
        <v>117</v>
      </c>
      <c r="D4358" t="s">
        <v>118</v>
      </c>
      <c r="E4358">
        <v>2014</v>
      </c>
      <c r="F4358">
        <v>2014</v>
      </c>
      <c r="G4358" t="s">
        <v>14</v>
      </c>
      <c r="H4358" t="s">
        <v>119</v>
      </c>
      <c r="I4358" t="s">
        <v>15</v>
      </c>
      <c r="J4358" s="10">
        <v>15.183714650000001</v>
      </c>
    </row>
    <row r="4359" spans="1:10" x14ac:dyDescent="0.35">
      <c r="A4359" t="s">
        <v>26</v>
      </c>
      <c r="B4359" t="s">
        <v>27</v>
      </c>
      <c r="C4359" t="s">
        <v>117</v>
      </c>
      <c r="D4359" t="s">
        <v>118</v>
      </c>
      <c r="E4359">
        <v>2014</v>
      </c>
      <c r="F4359">
        <v>2014</v>
      </c>
      <c r="G4359" t="s">
        <v>14</v>
      </c>
      <c r="H4359" t="s">
        <v>120</v>
      </c>
      <c r="I4359" t="s">
        <v>15</v>
      </c>
      <c r="J4359" s="10">
        <v>9.1206430829999992</v>
      </c>
    </row>
    <row r="4360" spans="1:10" x14ac:dyDescent="0.35">
      <c r="A4360" t="s">
        <v>26</v>
      </c>
      <c r="B4360" t="s">
        <v>27</v>
      </c>
      <c r="C4360" t="s">
        <v>117</v>
      </c>
      <c r="D4360" t="s">
        <v>118</v>
      </c>
      <c r="E4360">
        <v>2014</v>
      </c>
      <c r="F4360">
        <v>2014</v>
      </c>
      <c r="G4360" t="s">
        <v>14</v>
      </c>
      <c r="H4360" t="s">
        <v>121</v>
      </c>
      <c r="I4360" t="s">
        <v>15</v>
      </c>
      <c r="J4360" s="10">
        <v>26.91932177</v>
      </c>
    </row>
    <row r="4361" spans="1:10" x14ac:dyDescent="0.35">
      <c r="A4361" t="s">
        <v>26</v>
      </c>
      <c r="B4361" t="s">
        <v>27</v>
      </c>
      <c r="C4361" t="s">
        <v>117</v>
      </c>
      <c r="D4361" t="s">
        <v>118</v>
      </c>
      <c r="E4361">
        <v>2014</v>
      </c>
      <c r="F4361">
        <v>2014</v>
      </c>
      <c r="G4361" t="s">
        <v>14</v>
      </c>
      <c r="H4361" t="s">
        <v>122</v>
      </c>
      <c r="I4361" t="s">
        <v>15</v>
      </c>
      <c r="J4361" s="10">
        <v>23.332899399999999</v>
      </c>
    </row>
    <row r="4362" spans="1:10" x14ac:dyDescent="0.35">
      <c r="A4362" t="s">
        <v>26</v>
      </c>
      <c r="B4362" t="s">
        <v>27</v>
      </c>
      <c r="C4362" t="s">
        <v>117</v>
      </c>
      <c r="D4362" t="s">
        <v>118</v>
      </c>
      <c r="E4362">
        <v>2014</v>
      </c>
      <c r="F4362">
        <v>2014</v>
      </c>
      <c r="G4362" t="s">
        <v>14</v>
      </c>
      <c r="H4362" t="s">
        <v>123</v>
      </c>
      <c r="I4362" t="s">
        <v>15</v>
      </c>
      <c r="J4362" s="10">
        <v>22.62017118</v>
      </c>
    </row>
    <row r="4363" spans="1:10" x14ac:dyDescent="0.35">
      <c r="A4363" t="s">
        <v>26</v>
      </c>
      <c r="B4363" t="s">
        <v>27</v>
      </c>
      <c r="C4363" t="s">
        <v>117</v>
      </c>
      <c r="D4363" t="s">
        <v>118</v>
      </c>
      <c r="E4363">
        <v>2014</v>
      </c>
      <c r="F4363">
        <v>2014</v>
      </c>
      <c r="G4363" t="s">
        <v>14</v>
      </c>
      <c r="H4363" t="s">
        <v>124</v>
      </c>
      <c r="I4363" t="s">
        <v>15</v>
      </c>
      <c r="J4363" s="10">
        <v>2.823249911</v>
      </c>
    </row>
    <row r="4364" spans="1:10" x14ac:dyDescent="0.35">
      <c r="A4364" t="s">
        <v>26</v>
      </c>
      <c r="B4364" t="s">
        <v>27</v>
      </c>
      <c r="C4364" t="s">
        <v>117</v>
      </c>
      <c r="D4364" t="s">
        <v>118</v>
      </c>
      <c r="E4364">
        <v>2014</v>
      </c>
      <c r="F4364">
        <v>2014</v>
      </c>
      <c r="G4364" t="s">
        <v>125</v>
      </c>
      <c r="H4364" t="s">
        <v>119</v>
      </c>
      <c r="I4364" t="s">
        <v>15</v>
      </c>
      <c r="J4364" s="10">
        <v>15.9798995</v>
      </c>
    </row>
    <row r="4365" spans="1:10" x14ac:dyDescent="0.35">
      <c r="A4365" t="s">
        <v>26</v>
      </c>
      <c r="B4365" t="s">
        <v>27</v>
      </c>
      <c r="C4365" t="s">
        <v>117</v>
      </c>
      <c r="D4365" t="s">
        <v>118</v>
      </c>
      <c r="E4365">
        <v>2014</v>
      </c>
      <c r="F4365">
        <v>2014</v>
      </c>
      <c r="G4365" t="s">
        <v>125</v>
      </c>
      <c r="H4365" t="s">
        <v>120</v>
      </c>
      <c r="I4365" t="s">
        <v>15</v>
      </c>
      <c r="J4365" s="10">
        <v>9.9664991619999999</v>
      </c>
    </row>
    <row r="4366" spans="1:10" x14ac:dyDescent="0.35">
      <c r="A4366" t="s">
        <v>26</v>
      </c>
      <c r="B4366" t="s">
        <v>27</v>
      </c>
      <c r="C4366" t="s">
        <v>117</v>
      </c>
      <c r="D4366" t="s">
        <v>118</v>
      </c>
      <c r="E4366">
        <v>2014</v>
      </c>
      <c r="F4366">
        <v>2014</v>
      </c>
      <c r="G4366" t="s">
        <v>125</v>
      </c>
      <c r="H4366" t="s">
        <v>121</v>
      </c>
      <c r="I4366" t="s">
        <v>15</v>
      </c>
      <c r="J4366" s="10">
        <v>26.92462312</v>
      </c>
    </row>
    <row r="4367" spans="1:10" x14ac:dyDescent="0.35">
      <c r="A4367" t="s">
        <v>26</v>
      </c>
      <c r="B4367" t="s">
        <v>27</v>
      </c>
      <c r="C4367" t="s">
        <v>117</v>
      </c>
      <c r="D4367" t="s">
        <v>118</v>
      </c>
      <c r="E4367">
        <v>2014</v>
      </c>
      <c r="F4367">
        <v>2014</v>
      </c>
      <c r="G4367" t="s">
        <v>125</v>
      </c>
      <c r="H4367" t="s">
        <v>122</v>
      </c>
      <c r="I4367" t="s">
        <v>15</v>
      </c>
      <c r="J4367" s="10">
        <v>23.33668342</v>
      </c>
    </row>
    <row r="4368" spans="1:10" x14ac:dyDescent="0.35">
      <c r="A4368" t="s">
        <v>26</v>
      </c>
      <c r="B4368" t="s">
        <v>27</v>
      </c>
      <c r="C4368" t="s">
        <v>117</v>
      </c>
      <c r="D4368" t="s">
        <v>118</v>
      </c>
      <c r="E4368">
        <v>2014</v>
      </c>
      <c r="F4368">
        <v>2014</v>
      </c>
      <c r="G4368" t="s">
        <v>125</v>
      </c>
      <c r="H4368" t="s">
        <v>123</v>
      </c>
      <c r="I4368" t="s">
        <v>15</v>
      </c>
      <c r="J4368" s="10">
        <v>21.889447239999999</v>
      </c>
    </row>
    <row r="4369" spans="1:10" x14ac:dyDescent="0.35">
      <c r="A4369" t="s">
        <v>26</v>
      </c>
      <c r="B4369" t="s">
        <v>27</v>
      </c>
      <c r="C4369" t="s">
        <v>117</v>
      </c>
      <c r="D4369" t="s">
        <v>118</v>
      </c>
      <c r="E4369">
        <v>2014</v>
      </c>
      <c r="F4369">
        <v>2014</v>
      </c>
      <c r="G4369" t="s">
        <v>125</v>
      </c>
      <c r="H4369" t="s">
        <v>124</v>
      </c>
      <c r="I4369" t="s">
        <v>15</v>
      </c>
      <c r="J4369" s="10">
        <v>1.9028475709999999</v>
      </c>
    </row>
    <row r="4370" spans="1:10" x14ac:dyDescent="0.35">
      <c r="A4370" t="s">
        <v>26</v>
      </c>
      <c r="B4370" t="s">
        <v>27</v>
      </c>
      <c r="C4370" t="s">
        <v>117</v>
      </c>
      <c r="D4370" t="s">
        <v>118</v>
      </c>
      <c r="E4370">
        <v>2014</v>
      </c>
      <c r="F4370">
        <v>2014</v>
      </c>
      <c r="G4370" t="s">
        <v>126</v>
      </c>
      <c r="H4370" t="s">
        <v>119</v>
      </c>
      <c r="I4370" t="s">
        <v>15</v>
      </c>
      <c r="J4370" s="10">
        <v>14.4317175</v>
      </c>
    </row>
    <row r="4371" spans="1:10" x14ac:dyDescent="0.35">
      <c r="A4371" t="s">
        <v>26</v>
      </c>
      <c r="B4371" t="s">
        <v>27</v>
      </c>
      <c r="C4371" t="s">
        <v>117</v>
      </c>
      <c r="D4371" t="s">
        <v>118</v>
      </c>
      <c r="E4371">
        <v>2014</v>
      </c>
      <c r="F4371">
        <v>2014</v>
      </c>
      <c r="G4371" t="s">
        <v>126</v>
      </c>
      <c r="H4371" t="s">
        <v>120</v>
      </c>
      <c r="I4371" t="s">
        <v>15</v>
      </c>
      <c r="J4371" s="10">
        <v>8.3217314259999995</v>
      </c>
    </row>
    <row r="4372" spans="1:10" x14ac:dyDescent="0.35">
      <c r="A4372" t="s">
        <v>26</v>
      </c>
      <c r="B4372" t="s">
        <v>27</v>
      </c>
      <c r="C4372" t="s">
        <v>117</v>
      </c>
      <c r="D4372" t="s">
        <v>118</v>
      </c>
      <c r="E4372">
        <v>2014</v>
      </c>
      <c r="F4372">
        <v>2014</v>
      </c>
      <c r="G4372" t="s">
        <v>126</v>
      </c>
      <c r="H4372" t="s">
        <v>121</v>
      </c>
      <c r="I4372" t="s">
        <v>15</v>
      </c>
      <c r="J4372" s="10">
        <v>26.914314640000001</v>
      </c>
    </row>
    <row r="4373" spans="1:10" x14ac:dyDescent="0.35">
      <c r="A4373" t="s">
        <v>26</v>
      </c>
      <c r="B4373" t="s">
        <v>27</v>
      </c>
      <c r="C4373" t="s">
        <v>117</v>
      </c>
      <c r="D4373" t="s">
        <v>118</v>
      </c>
      <c r="E4373">
        <v>2014</v>
      </c>
      <c r="F4373">
        <v>2014</v>
      </c>
      <c r="G4373" t="s">
        <v>126</v>
      </c>
      <c r="H4373" t="s">
        <v>122</v>
      </c>
      <c r="I4373" t="s">
        <v>15</v>
      </c>
      <c r="J4373" s="10">
        <v>23.329325399999998</v>
      </c>
    </row>
    <row r="4374" spans="1:10" x14ac:dyDescent="0.35">
      <c r="A4374" t="s">
        <v>26</v>
      </c>
      <c r="B4374" t="s">
        <v>27</v>
      </c>
      <c r="C4374" t="s">
        <v>117</v>
      </c>
      <c r="D4374" t="s">
        <v>118</v>
      </c>
      <c r="E4374">
        <v>2014</v>
      </c>
      <c r="F4374">
        <v>2014</v>
      </c>
      <c r="G4374" t="s">
        <v>126</v>
      </c>
      <c r="H4374" t="s">
        <v>123</v>
      </c>
      <c r="I4374" t="s">
        <v>15</v>
      </c>
      <c r="J4374" s="10">
        <v>23.310340459999999</v>
      </c>
    </row>
    <row r="4375" spans="1:10" x14ac:dyDescent="0.35">
      <c r="A4375" t="s">
        <v>26</v>
      </c>
      <c r="B4375" t="s">
        <v>27</v>
      </c>
      <c r="C4375" t="s">
        <v>117</v>
      </c>
      <c r="D4375" t="s">
        <v>118</v>
      </c>
      <c r="E4375">
        <v>2014</v>
      </c>
      <c r="F4375">
        <v>2014</v>
      </c>
      <c r="G4375" t="s">
        <v>126</v>
      </c>
      <c r="H4375" t="s">
        <v>124</v>
      </c>
      <c r="I4375" t="s">
        <v>15</v>
      </c>
      <c r="J4375" s="10">
        <v>3.6925705610000001</v>
      </c>
    </row>
    <row r="4376" spans="1:10" x14ac:dyDescent="0.35">
      <c r="A4376" t="s">
        <v>26</v>
      </c>
      <c r="B4376" t="s">
        <v>27</v>
      </c>
      <c r="C4376" t="s">
        <v>117</v>
      </c>
      <c r="D4376" t="s">
        <v>118</v>
      </c>
      <c r="E4376">
        <v>2013</v>
      </c>
      <c r="F4376">
        <v>2013</v>
      </c>
      <c r="G4376" t="s">
        <v>14</v>
      </c>
      <c r="H4376" t="s">
        <v>119</v>
      </c>
      <c r="I4376" t="s">
        <v>15</v>
      </c>
      <c r="J4376" s="10">
        <v>15.384863899999999</v>
      </c>
    </row>
    <row r="4377" spans="1:10" x14ac:dyDescent="0.35">
      <c r="A4377" t="s">
        <v>26</v>
      </c>
      <c r="B4377" t="s">
        <v>27</v>
      </c>
      <c r="C4377" t="s">
        <v>117</v>
      </c>
      <c r="D4377" t="s">
        <v>118</v>
      </c>
      <c r="E4377">
        <v>2013</v>
      </c>
      <c r="F4377">
        <v>2013</v>
      </c>
      <c r="G4377" t="s">
        <v>14</v>
      </c>
      <c r="H4377" t="s">
        <v>120</v>
      </c>
      <c r="I4377" t="s">
        <v>15</v>
      </c>
      <c r="J4377" s="10">
        <v>9.1381956219999996</v>
      </c>
    </row>
    <row r="4378" spans="1:10" x14ac:dyDescent="0.35">
      <c r="A4378" t="s">
        <v>26</v>
      </c>
      <c r="B4378" t="s">
        <v>27</v>
      </c>
      <c r="C4378" t="s">
        <v>117</v>
      </c>
      <c r="D4378" t="s">
        <v>118</v>
      </c>
      <c r="E4378">
        <v>2013</v>
      </c>
      <c r="F4378">
        <v>2013</v>
      </c>
      <c r="G4378" t="s">
        <v>14</v>
      </c>
      <c r="H4378" t="s">
        <v>121</v>
      </c>
      <c r="I4378" t="s">
        <v>15</v>
      </c>
      <c r="J4378" s="10">
        <v>27.75704709</v>
      </c>
    </row>
    <row r="4379" spans="1:10" x14ac:dyDescent="0.35">
      <c r="A4379" t="s">
        <v>26</v>
      </c>
      <c r="B4379" t="s">
        <v>27</v>
      </c>
      <c r="C4379" t="s">
        <v>117</v>
      </c>
      <c r="D4379" t="s">
        <v>118</v>
      </c>
      <c r="E4379">
        <v>2013</v>
      </c>
      <c r="F4379">
        <v>2013</v>
      </c>
      <c r="G4379" t="s">
        <v>14</v>
      </c>
      <c r="H4379" t="s">
        <v>122</v>
      </c>
      <c r="I4379" t="s">
        <v>15</v>
      </c>
      <c r="J4379" s="10">
        <v>22.994911559999998</v>
      </c>
    </row>
    <row r="4380" spans="1:10" x14ac:dyDescent="0.35">
      <c r="A4380" t="s">
        <v>26</v>
      </c>
      <c r="B4380" t="s">
        <v>27</v>
      </c>
      <c r="C4380" t="s">
        <v>117</v>
      </c>
      <c r="D4380" t="s">
        <v>118</v>
      </c>
      <c r="E4380">
        <v>2013</v>
      </c>
      <c r="F4380">
        <v>2013</v>
      </c>
      <c r="G4380" t="s">
        <v>14</v>
      </c>
      <c r="H4380" t="s">
        <v>123</v>
      </c>
      <c r="I4380" t="s">
        <v>15</v>
      </c>
      <c r="J4380" s="10">
        <v>21.977223160000001</v>
      </c>
    </row>
    <row r="4381" spans="1:10" x14ac:dyDescent="0.35">
      <c r="A4381" t="s">
        <v>26</v>
      </c>
      <c r="B4381" t="s">
        <v>27</v>
      </c>
      <c r="C4381" t="s">
        <v>117</v>
      </c>
      <c r="D4381" t="s">
        <v>118</v>
      </c>
      <c r="E4381">
        <v>2013</v>
      </c>
      <c r="F4381">
        <v>2013</v>
      </c>
      <c r="G4381" t="s">
        <v>14</v>
      </c>
      <c r="H4381" t="s">
        <v>124</v>
      </c>
      <c r="I4381" t="s">
        <v>15</v>
      </c>
      <c r="J4381" s="10">
        <v>2.7477586619999999</v>
      </c>
    </row>
    <row r="4382" spans="1:10" x14ac:dyDescent="0.35">
      <c r="A4382" t="s">
        <v>26</v>
      </c>
      <c r="B4382" t="s">
        <v>27</v>
      </c>
      <c r="C4382" t="s">
        <v>117</v>
      </c>
      <c r="D4382" t="s">
        <v>118</v>
      </c>
      <c r="E4382">
        <v>2013</v>
      </c>
      <c r="F4382">
        <v>2013</v>
      </c>
      <c r="G4382" t="s">
        <v>125</v>
      </c>
      <c r="H4382" t="s">
        <v>119</v>
      </c>
      <c r="I4382" t="s">
        <v>15</v>
      </c>
      <c r="J4382" s="10">
        <v>16.277753740000001</v>
      </c>
    </row>
    <row r="4383" spans="1:10" x14ac:dyDescent="0.35">
      <c r="A4383" t="s">
        <v>26</v>
      </c>
      <c r="B4383" t="s">
        <v>27</v>
      </c>
      <c r="C4383" t="s">
        <v>117</v>
      </c>
      <c r="D4383" t="s">
        <v>118</v>
      </c>
      <c r="E4383">
        <v>2013</v>
      </c>
      <c r="F4383">
        <v>2013</v>
      </c>
      <c r="G4383" t="s">
        <v>125</v>
      </c>
      <c r="H4383" t="s">
        <v>120</v>
      </c>
      <c r="I4383" t="s">
        <v>15</v>
      </c>
      <c r="J4383" s="10">
        <v>9.9297626579999996</v>
      </c>
    </row>
    <row r="4384" spans="1:10" x14ac:dyDescent="0.35">
      <c r="A4384" t="s">
        <v>26</v>
      </c>
      <c r="B4384" t="s">
        <v>27</v>
      </c>
      <c r="C4384" t="s">
        <v>117</v>
      </c>
      <c r="D4384" t="s">
        <v>118</v>
      </c>
      <c r="E4384">
        <v>2013</v>
      </c>
      <c r="F4384">
        <v>2013</v>
      </c>
      <c r="G4384" t="s">
        <v>125</v>
      </c>
      <c r="H4384" t="s">
        <v>121</v>
      </c>
      <c r="I4384" t="s">
        <v>15</v>
      </c>
      <c r="J4384" s="10">
        <v>27.702140409999998</v>
      </c>
    </row>
    <row r="4385" spans="1:10" x14ac:dyDescent="0.35">
      <c r="A4385" t="s">
        <v>26</v>
      </c>
      <c r="B4385" t="s">
        <v>27</v>
      </c>
      <c r="C4385" t="s">
        <v>117</v>
      </c>
      <c r="D4385" t="s">
        <v>118</v>
      </c>
      <c r="E4385">
        <v>2013</v>
      </c>
      <c r="F4385">
        <v>2013</v>
      </c>
      <c r="G4385" t="s">
        <v>125</v>
      </c>
      <c r="H4385" t="s">
        <v>122</v>
      </c>
      <c r="I4385" t="s">
        <v>15</v>
      </c>
      <c r="J4385" s="10">
        <v>23.135048770000001</v>
      </c>
    </row>
    <row r="4386" spans="1:10" x14ac:dyDescent="0.35">
      <c r="A4386" t="s">
        <v>26</v>
      </c>
      <c r="B4386" t="s">
        <v>27</v>
      </c>
      <c r="C4386" t="s">
        <v>117</v>
      </c>
      <c r="D4386" t="s">
        <v>118</v>
      </c>
      <c r="E4386">
        <v>2013</v>
      </c>
      <c r="F4386">
        <v>2013</v>
      </c>
      <c r="G4386" t="s">
        <v>125</v>
      </c>
      <c r="H4386" t="s">
        <v>123</v>
      </c>
      <c r="I4386" t="s">
        <v>15</v>
      </c>
      <c r="J4386" s="10">
        <v>21.131120800000001</v>
      </c>
    </row>
    <row r="4387" spans="1:10" x14ac:dyDescent="0.35">
      <c r="A4387" t="s">
        <v>26</v>
      </c>
      <c r="B4387" t="s">
        <v>27</v>
      </c>
      <c r="C4387" t="s">
        <v>117</v>
      </c>
      <c r="D4387" t="s">
        <v>118</v>
      </c>
      <c r="E4387">
        <v>2013</v>
      </c>
      <c r="F4387">
        <v>2013</v>
      </c>
      <c r="G4387" t="s">
        <v>125</v>
      </c>
      <c r="H4387" t="s">
        <v>124</v>
      </c>
      <c r="I4387" t="s">
        <v>15</v>
      </c>
      <c r="J4387" s="10">
        <v>1.8241736289999999</v>
      </c>
    </row>
    <row r="4388" spans="1:10" x14ac:dyDescent="0.35">
      <c r="A4388" t="s">
        <v>26</v>
      </c>
      <c r="B4388" t="s">
        <v>27</v>
      </c>
      <c r="C4388" t="s">
        <v>117</v>
      </c>
      <c r="D4388" t="s">
        <v>118</v>
      </c>
      <c r="E4388">
        <v>2013</v>
      </c>
      <c r="F4388">
        <v>2013</v>
      </c>
      <c r="G4388" t="s">
        <v>126</v>
      </c>
      <c r="H4388" t="s">
        <v>119</v>
      </c>
      <c r="I4388" t="s">
        <v>15</v>
      </c>
      <c r="J4388" s="10">
        <v>14.543058</v>
      </c>
    </row>
    <row r="4389" spans="1:10" x14ac:dyDescent="0.35">
      <c r="A4389" t="s">
        <v>26</v>
      </c>
      <c r="B4389" t="s">
        <v>27</v>
      </c>
      <c r="C4389" t="s">
        <v>117</v>
      </c>
      <c r="D4389" t="s">
        <v>118</v>
      </c>
      <c r="E4389">
        <v>2013</v>
      </c>
      <c r="F4389">
        <v>2013</v>
      </c>
      <c r="G4389" t="s">
        <v>126</v>
      </c>
      <c r="H4389" t="s">
        <v>120</v>
      </c>
      <c r="I4389" t="s">
        <v>15</v>
      </c>
      <c r="J4389" s="10">
        <v>8.3919156410000006</v>
      </c>
    </row>
    <row r="4390" spans="1:10" x14ac:dyDescent="0.35">
      <c r="A4390" t="s">
        <v>26</v>
      </c>
      <c r="B4390" t="s">
        <v>27</v>
      </c>
      <c r="C4390" t="s">
        <v>117</v>
      </c>
      <c r="D4390" t="s">
        <v>118</v>
      </c>
      <c r="E4390">
        <v>2013</v>
      </c>
      <c r="F4390">
        <v>2013</v>
      </c>
      <c r="G4390" t="s">
        <v>126</v>
      </c>
      <c r="H4390" t="s">
        <v>121</v>
      </c>
      <c r="I4390" t="s">
        <v>15</v>
      </c>
      <c r="J4390" s="10">
        <v>27.808812450000001</v>
      </c>
    </row>
    <row r="4391" spans="1:10" x14ac:dyDescent="0.35">
      <c r="A4391" t="s">
        <v>26</v>
      </c>
      <c r="B4391" t="s">
        <v>27</v>
      </c>
      <c r="C4391" t="s">
        <v>117</v>
      </c>
      <c r="D4391" t="s">
        <v>118</v>
      </c>
      <c r="E4391">
        <v>2013</v>
      </c>
      <c r="F4391">
        <v>2013</v>
      </c>
      <c r="G4391" t="s">
        <v>126</v>
      </c>
      <c r="H4391" t="s">
        <v>122</v>
      </c>
      <c r="I4391" t="s">
        <v>15</v>
      </c>
      <c r="J4391" s="10">
        <v>22.862791869999999</v>
      </c>
    </row>
    <row r="4392" spans="1:10" x14ac:dyDescent="0.35">
      <c r="A4392" t="s">
        <v>26</v>
      </c>
      <c r="B4392" t="s">
        <v>27</v>
      </c>
      <c r="C4392" t="s">
        <v>117</v>
      </c>
      <c r="D4392" t="s">
        <v>118</v>
      </c>
      <c r="E4392">
        <v>2013</v>
      </c>
      <c r="F4392">
        <v>2013</v>
      </c>
      <c r="G4392" t="s">
        <v>126</v>
      </c>
      <c r="H4392" t="s">
        <v>123</v>
      </c>
      <c r="I4392" t="s">
        <v>15</v>
      </c>
      <c r="J4392" s="10">
        <v>22.774918400000001</v>
      </c>
    </row>
    <row r="4393" spans="1:10" x14ac:dyDescent="0.35">
      <c r="A4393" t="s">
        <v>26</v>
      </c>
      <c r="B4393" t="s">
        <v>27</v>
      </c>
      <c r="C4393" t="s">
        <v>117</v>
      </c>
      <c r="D4393" t="s">
        <v>118</v>
      </c>
      <c r="E4393">
        <v>2013</v>
      </c>
      <c r="F4393">
        <v>2013</v>
      </c>
      <c r="G4393" t="s">
        <v>126</v>
      </c>
      <c r="H4393" t="s">
        <v>124</v>
      </c>
      <c r="I4393" t="s">
        <v>15</v>
      </c>
      <c r="J4393" s="10">
        <v>3.6185036400000001</v>
      </c>
    </row>
    <row r="4394" spans="1:10" x14ac:dyDescent="0.35">
      <c r="A4394" t="s">
        <v>26</v>
      </c>
      <c r="B4394" t="s">
        <v>27</v>
      </c>
      <c r="C4394" t="s">
        <v>117</v>
      </c>
      <c r="D4394" t="s">
        <v>118</v>
      </c>
      <c r="E4394">
        <v>2012</v>
      </c>
      <c r="F4394">
        <v>2012</v>
      </c>
      <c r="G4394" t="s">
        <v>14</v>
      </c>
      <c r="H4394" t="s">
        <v>119</v>
      </c>
      <c r="I4394" t="s">
        <v>15</v>
      </c>
      <c r="J4394" s="10">
        <v>15.60831626</v>
      </c>
    </row>
    <row r="4395" spans="1:10" x14ac:dyDescent="0.35">
      <c r="A4395" t="s">
        <v>26</v>
      </c>
      <c r="B4395" t="s">
        <v>27</v>
      </c>
      <c r="C4395" t="s">
        <v>117</v>
      </c>
      <c r="D4395" t="s">
        <v>118</v>
      </c>
      <c r="E4395">
        <v>2012</v>
      </c>
      <c r="F4395">
        <v>2012</v>
      </c>
      <c r="G4395" t="s">
        <v>14</v>
      </c>
      <c r="H4395" t="s">
        <v>120</v>
      </c>
      <c r="I4395" t="s">
        <v>15</v>
      </c>
      <c r="J4395" s="10">
        <v>9.0582106160000002</v>
      </c>
    </row>
    <row r="4396" spans="1:10" x14ac:dyDescent="0.35">
      <c r="A4396" t="s">
        <v>26</v>
      </c>
      <c r="B4396" t="s">
        <v>27</v>
      </c>
      <c r="C4396" t="s">
        <v>117</v>
      </c>
      <c r="D4396" t="s">
        <v>118</v>
      </c>
      <c r="E4396">
        <v>2012</v>
      </c>
      <c r="F4396">
        <v>2012</v>
      </c>
      <c r="G4396" t="s">
        <v>14</v>
      </c>
      <c r="H4396" t="s">
        <v>121</v>
      </c>
      <c r="I4396" t="s">
        <v>15</v>
      </c>
      <c r="J4396" s="10">
        <v>28.106904950000001</v>
      </c>
    </row>
    <row r="4397" spans="1:10" x14ac:dyDescent="0.35">
      <c r="A4397" t="s">
        <v>26</v>
      </c>
      <c r="B4397" t="s">
        <v>27</v>
      </c>
      <c r="C4397" t="s">
        <v>117</v>
      </c>
      <c r="D4397" t="s">
        <v>118</v>
      </c>
      <c r="E4397">
        <v>2012</v>
      </c>
      <c r="F4397">
        <v>2012</v>
      </c>
      <c r="G4397" t="s">
        <v>14</v>
      </c>
      <c r="H4397" t="s">
        <v>122</v>
      </c>
      <c r="I4397" t="s">
        <v>15</v>
      </c>
      <c r="J4397" s="10">
        <v>23.0294037</v>
      </c>
    </row>
    <row r="4398" spans="1:10" x14ac:dyDescent="0.35">
      <c r="A4398" t="s">
        <v>26</v>
      </c>
      <c r="B4398" t="s">
        <v>27</v>
      </c>
      <c r="C4398" t="s">
        <v>117</v>
      </c>
      <c r="D4398" t="s">
        <v>118</v>
      </c>
      <c r="E4398">
        <v>2012</v>
      </c>
      <c r="F4398">
        <v>2012</v>
      </c>
      <c r="G4398" t="s">
        <v>14</v>
      </c>
      <c r="H4398" t="s">
        <v>123</v>
      </c>
      <c r="I4398" t="s">
        <v>15</v>
      </c>
      <c r="J4398" s="10">
        <v>21.4406684</v>
      </c>
    </row>
    <row r="4399" spans="1:10" x14ac:dyDescent="0.35">
      <c r="A4399" t="s">
        <v>26</v>
      </c>
      <c r="B4399" t="s">
        <v>27</v>
      </c>
      <c r="C4399" t="s">
        <v>117</v>
      </c>
      <c r="D4399" t="s">
        <v>118</v>
      </c>
      <c r="E4399">
        <v>2012</v>
      </c>
      <c r="F4399">
        <v>2012</v>
      </c>
      <c r="G4399" t="s">
        <v>14</v>
      </c>
      <c r="H4399" t="s">
        <v>124</v>
      </c>
      <c r="I4399" t="s">
        <v>15</v>
      </c>
      <c r="J4399" s="10">
        <v>2.7564960730000001</v>
      </c>
    </row>
    <row r="4400" spans="1:10" x14ac:dyDescent="0.35">
      <c r="A4400" t="s">
        <v>26</v>
      </c>
      <c r="B4400" t="s">
        <v>27</v>
      </c>
      <c r="C4400" t="s">
        <v>117</v>
      </c>
      <c r="D4400" t="s">
        <v>118</v>
      </c>
      <c r="E4400">
        <v>2012</v>
      </c>
      <c r="F4400">
        <v>2012</v>
      </c>
      <c r="G4400" t="s">
        <v>125</v>
      </c>
      <c r="H4400" t="s">
        <v>119</v>
      </c>
      <c r="I4400" t="s">
        <v>15</v>
      </c>
      <c r="J4400" s="10">
        <v>16.67554608</v>
      </c>
    </row>
    <row r="4401" spans="1:10" x14ac:dyDescent="0.35">
      <c r="A4401" t="s">
        <v>26</v>
      </c>
      <c r="B4401" t="s">
        <v>27</v>
      </c>
      <c r="C4401" t="s">
        <v>117</v>
      </c>
      <c r="D4401" t="s">
        <v>118</v>
      </c>
      <c r="E4401">
        <v>2012</v>
      </c>
      <c r="F4401">
        <v>2012</v>
      </c>
      <c r="G4401" t="s">
        <v>125</v>
      </c>
      <c r="H4401" t="s">
        <v>120</v>
      </c>
      <c r="I4401" t="s">
        <v>15</v>
      </c>
      <c r="J4401" s="10">
        <v>9.8028769310000001</v>
      </c>
    </row>
    <row r="4402" spans="1:10" x14ac:dyDescent="0.35">
      <c r="A4402" t="s">
        <v>26</v>
      </c>
      <c r="B4402" t="s">
        <v>27</v>
      </c>
      <c r="C4402" t="s">
        <v>117</v>
      </c>
      <c r="D4402" t="s">
        <v>118</v>
      </c>
      <c r="E4402">
        <v>2012</v>
      </c>
      <c r="F4402">
        <v>2012</v>
      </c>
      <c r="G4402" t="s">
        <v>125</v>
      </c>
      <c r="H4402" t="s">
        <v>121</v>
      </c>
      <c r="I4402" t="s">
        <v>15</v>
      </c>
      <c r="J4402" s="10">
        <v>28.0167821</v>
      </c>
    </row>
    <row r="4403" spans="1:10" x14ac:dyDescent="0.35">
      <c r="A4403" t="s">
        <v>26</v>
      </c>
      <c r="B4403" t="s">
        <v>27</v>
      </c>
      <c r="C4403" t="s">
        <v>117</v>
      </c>
      <c r="D4403" t="s">
        <v>118</v>
      </c>
      <c r="E4403">
        <v>2012</v>
      </c>
      <c r="F4403">
        <v>2012</v>
      </c>
      <c r="G4403" t="s">
        <v>125</v>
      </c>
      <c r="H4403" t="s">
        <v>122</v>
      </c>
      <c r="I4403" t="s">
        <v>15</v>
      </c>
      <c r="J4403" s="10">
        <v>23.10202451</v>
      </c>
    </row>
    <row r="4404" spans="1:10" x14ac:dyDescent="0.35">
      <c r="A4404" t="s">
        <v>26</v>
      </c>
      <c r="B4404" t="s">
        <v>27</v>
      </c>
      <c r="C4404" t="s">
        <v>117</v>
      </c>
      <c r="D4404" t="s">
        <v>118</v>
      </c>
      <c r="E4404">
        <v>2012</v>
      </c>
      <c r="F4404">
        <v>2012</v>
      </c>
      <c r="G4404" t="s">
        <v>125</v>
      </c>
      <c r="H4404" t="s">
        <v>123</v>
      </c>
      <c r="I4404" t="s">
        <v>15</v>
      </c>
      <c r="J4404" s="10">
        <v>20.644645709999999</v>
      </c>
    </row>
    <row r="4405" spans="1:10" x14ac:dyDescent="0.35">
      <c r="A4405" t="s">
        <v>26</v>
      </c>
      <c r="B4405" t="s">
        <v>27</v>
      </c>
      <c r="C4405" t="s">
        <v>117</v>
      </c>
      <c r="D4405" t="s">
        <v>118</v>
      </c>
      <c r="E4405">
        <v>2012</v>
      </c>
      <c r="F4405">
        <v>2012</v>
      </c>
      <c r="G4405" t="s">
        <v>125</v>
      </c>
      <c r="H4405" t="s">
        <v>124</v>
      </c>
      <c r="I4405" t="s">
        <v>15</v>
      </c>
      <c r="J4405" s="10">
        <v>1.7581246669999999</v>
      </c>
    </row>
    <row r="4406" spans="1:10" x14ac:dyDescent="0.35">
      <c r="A4406" t="s">
        <v>26</v>
      </c>
      <c r="B4406" t="s">
        <v>27</v>
      </c>
      <c r="C4406" t="s">
        <v>117</v>
      </c>
      <c r="D4406" t="s">
        <v>118</v>
      </c>
      <c r="E4406">
        <v>2012</v>
      </c>
      <c r="F4406">
        <v>2012</v>
      </c>
      <c r="G4406" t="s">
        <v>126</v>
      </c>
      <c r="H4406" t="s">
        <v>119</v>
      </c>
      <c r="I4406" t="s">
        <v>15</v>
      </c>
      <c r="J4406" s="10">
        <v>14.60568711</v>
      </c>
    </row>
    <row r="4407" spans="1:10" x14ac:dyDescent="0.35">
      <c r="A4407" t="s">
        <v>26</v>
      </c>
      <c r="B4407" t="s">
        <v>27</v>
      </c>
      <c r="C4407" t="s">
        <v>117</v>
      </c>
      <c r="D4407" t="s">
        <v>118</v>
      </c>
      <c r="E4407">
        <v>2012</v>
      </c>
      <c r="F4407">
        <v>2012</v>
      </c>
      <c r="G4407" t="s">
        <v>126</v>
      </c>
      <c r="H4407" t="s">
        <v>120</v>
      </c>
      <c r="I4407" t="s">
        <v>15</v>
      </c>
      <c r="J4407" s="10">
        <v>8.3586198270000001</v>
      </c>
    </row>
    <row r="4408" spans="1:10" x14ac:dyDescent="0.35">
      <c r="A4408" t="s">
        <v>26</v>
      </c>
      <c r="B4408" t="s">
        <v>27</v>
      </c>
      <c r="C4408" t="s">
        <v>117</v>
      </c>
      <c r="D4408" t="s">
        <v>118</v>
      </c>
      <c r="E4408">
        <v>2012</v>
      </c>
      <c r="F4408">
        <v>2012</v>
      </c>
      <c r="G4408" t="s">
        <v>126</v>
      </c>
      <c r="H4408" t="s">
        <v>121</v>
      </c>
      <c r="I4408" t="s">
        <v>15</v>
      </c>
      <c r="J4408" s="10">
        <v>28.191572560000001</v>
      </c>
    </row>
    <row r="4409" spans="1:10" x14ac:dyDescent="0.35">
      <c r="A4409" t="s">
        <v>26</v>
      </c>
      <c r="B4409" t="s">
        <v>27</v>
      </c>
      <c r="C4409" t="s">
        <v>117</v>
      </c>
      <c r="D4409" t="s">
        <v>118</v>
      </c>
      <c r="E4409">
        <v>2012</v>
      </c>
      <c r="F4409">
        <v>2012</v>
      </c>
      <c r="G4409" t="s">
        <v>126</v>
      </c>
      <c r="H4409" t="s">
        <v>122</v>
      </c>
      <c r="I4409" t="s">
        <v>15</v>
      </c>
      <c r="J4409" s="10">
        <v>22.961178719999999</v>
      </c>
    </row>
    <row r="4410" spans="1:10" x14ac:dyDescent="0.35">
      <c r="A4410" t="s">
        <v>26</v>
      </c>
      <c r="B4410" t="s">
        <v>27</v>
      </c>
      <c r="C4410" t="s">
        <v>117</v>
      </c>
      <c r="D4410" t="s">
        <v>118</v>
      </c>
      <c r="E4410">
        <v>2012</v>
      </c>
      <c r="F4410">
        <v>2012</v>
      </c>
      <c r="G4410" t="s">
        <v>126</v>
      </c>
      <c r="H4410" t="s">
        <v>123</v>
      </c>
      <c r="I4410" t="s">
        <v>15</v>
      </c>
      <c r="J4410" s="10">
        <v>22.1885069</v>
      </c>
    </row>
    <row r="4411" spans="1:10" x14ac:dyDescent="0.35">
      <c r="A4411" t="s">
        <v>26</v>
      </c>
      <c r="B4411" t="s">
        <v>27</v>
      </c>
      <c r="C4411" t="s">
        <v>117</v>
      </c>
      <c r="D4411" t="s">
        <v>118</v>
      </c>
      <c r="E4411">
        <v>2012</v>
      </c>
      <c r="F4411">
        <v>2012</v>
      </c>
      <c r="G4411" t="s">
        <v>126</v>
      </c>
      <c r="H4411" t="s">
        <v>124</v>
      </c>
      <c r="I4411" t="s">
        <v>15</v>
      </c>
      <c r="J4411" s="10">
        <v>3.6944348859999998</v>
      </c>
    </row>
    <row r="4412" spans="1:10" x14ac:dyDescent="0.35">
      <c r="A4412" t="s">
        <v>26</v>
      </c>
      <c r="B4412" t="s">
        <v>27</v>
      </c>
      <c r="C4412" t="s">
        <v>117</v>
      </c>
      <c r="D4412" t="s">
        <v>118</v>
      </c>
      <c r="E4412">
        <v>2011</v>
      </c>
      <c r="F4412">
        <v>2011</v>
      </c>
      <c r="G4412" t="s">
        <v>14</v>
      </c>
      <c r="H4412" t="s">
        <v>119</v>
      </c>
      <c r="I4412" t="s">
        <v>15</v>
      </c>
      <c r="J4412" s="10">
        <v>15.92445455</v>
      </c>
    </row>
    <row r="4413" spans="1:10" x14ac:dyDescent="0.35">
      <c r="A4413" t="s">
        <v>26</v>
      </c>
      <c r="B4413" t="s">
        <v>27</v>
      </c>
      <c r="C4413" t="s">
        <v>117</v>
      </c>
      <c r="D4413" t="s">
        <v>118</v>
      </c>
      <c r="E4413">
        <v>2011</v>
      </c>
      <c r="F4413">
        <v>2011</v>
      </c>
      <c r="G4413" t="s">
        <v>14</v>
      </c>
      <c r="H4413" t="s">
        <v>120</v>
      </c>
      <c r="I4413" t="s">
        <v>15</v>
      </c>
      <c r="J4413" s="10">
        <v>9.0042610449999998</v>
      </c>
    </row>
    <row r="4414" spans="1:10" x14ac:dyDescent="0.35">
      <c r="A4414" t="s">
        <v>26</v>
      </c>
      <c r="B4414" t="s">
        <v>27</v>
      </c>
      <c r="C4414" t="s">
        <v>117</v>
      </c>
      <c r="D4414" t="s">
        <v>118</v>
      </c>
      <c r="E4414">
        <v>2011</v>
      </c>
      <c r="F4414">
        <v>2011</v>
      </c>
      <c r="G4414" t="s">
        <v>14</v>
      </c>
      <c r="H4414" t="s">
        <v>121</v>
      </c>
      <c r="I4414" t="s">
        <v>15</v>
      </c>
      <c r="J4414" s="10">
        <v>28.53778874</v>
      </c>
    </row>
    <row r="4415" spans="1:10" x14ac:dyDescent="0.35">
      <c r="A4415" t="s">
        <v>26</v>
      </c>
      <c r="B4415" t="s">
        <v>27</v>
      </c>
      <c r="C4415" t="s">
        <v>117</v>
      </c>
      <c r="D4415" t="s">
        <v>118</v>
      </c>
      <c r="E4415">
        <v>2011</v>
      </c>
      <c r="F4415">
        <v>2011</v>
      </c>
      <c r="G4415" t="s">
        <v>14</v>
      </c>
      <c r="H4415" t="s">
        <v>122</v>
      </c>
      <c r="I4415" t="s">
        <v>15</v>
      </c>
      <c r="J4415" s="10">
        <v>23.304392400000001</v>
      </c>
    </row>
    <row r="4416" spans="1:10" x14ac:dyDescent="0.35">
      <c r="A4416" t="s">
        <v>26</v>
      </c>
      <c r="B4416" t="s">
        <v>27</v>
      </c>
      <c r="C4416" t="s">
        <v>117</v>
      </c>
      <c r="D4416" t="s">
        <v>118</v>
      </c>
      <c r="E4416">
        <v>2011</v>
      </c>
      <c r="F4416">
        <v>2011</v>
      </c>
      <c r="G4416" t="s">
        <v>14</v>
      </c>
      <c r="H4416" t="s">
        <v>123</v>
      </c>
      <c r="I4416" t="s">
        <v>15</v>
      </c>
      <c r="J4416" s="10">
        <v>20.489859989999999</v>
      </c>
    </row>
    <row r="4417" spans="1:10" x14ac:dyDescent="0.35">
      <c r="A4417" t="s">
        <v>26</v>
      </c>
      <c r="B4417" t="s">
        <v>27</v>
      </c>
      <c r="C4417" t="s">
        <v>117</v>
      </c>
      <c r="D4417" t="s">
        <v>118</v>
      </c>
      <c r="E4417">
        <v>2011</v>
      </c>
      <c r="F4417">
        <v>2011</v>
      </c>
      <c r="G4417" t="s">
        <v>14</v>
      </c>
      <c r="H4417" t="s">
        <v>124</v>
      </c>
      <c r="I4417" t="s">
        <v>15</v>
      </c>
      <c r="J4417" s="10">
        <v>2.7392432640000002</v>
      </c>
    </row>
    <row r="4418" spans="1:10" x14ac:dyDescent="0.35">
      <c r="A4418" t="s">
        <v>26</v>
      </c>
      <c r="B4418" t="s">
        <v>27</v>
      </c>
      <c r="C4418" t="s">
        <v>117</v>
      </c>
      <c r="D4418" t="s">
        <v>118</v>
      </c>
      <c r="E4418">
        <v>2011</v>
      </c>
      <c r="F4418">
        <v>2011</v>
      </c>
      <c r="G4418" t="s">
        <v>125</v>
      </c>
      <c r="H4418" t="s">
        <v>119</v>
      </c>
      <c r="I4418" t="s">
        <v>15</v>
      </c>
      <c r="J4418" s="10">
        <v>17.005857240000001</v>
      </c>
    </row>
    <row r="4419" spans="1:10" x14ac:dyDescent="0.35">
      <c r="A4419" t="s">
        <v>26</v>
      </c>
      <c r="B4419" t="s">
        <v>27</v>
      </c>
      <c r="C4419" t="s">
        <v>117</v>
      </c>
      <c r="D4419" t="s">
        <v>118</v>
      </c>
      <c r="E4419">
        <v>2011</v>
      </c>
      <c r="F4419">
        <v>2011</v>
      </c>
      <c r="G4419" t="s">
        <v>125</v>
      </c>
      <c r="H4419" t="s">
        <v>120</v>
      </c>
      <c r="I4419" t="s">
        <v>15</v>
      </c>
      <c r="J4419" s="10">
        <v>9.7753069260000007</v>
      </c>
    </row>
    <row r="4420" spans="1:10" x14ac:dyDescent="0.35">
      <c r="A4420" t="s">
        <v>26</v>
      </c>
      <c r="B4420" t="s">
        <v>27</v>
      </c>
      <c r="C4420" t="s">
        <v>117</v>
      </c>
      <c r="D4420" t="s">
        <v>118</v>
      </c>
      <c r="E4420">
        <v>2011</v>
      </c>
      <c r="F4420">
        <v>2011</v>
      </c>
      <c r="G4420" t="s">
        <v>125</v>
      </c>
      <c r="H4420" t="s">
        <v>121</v>
      </c>
      <c r="I4420" t="s">
        <v>15</v>
      </c>
      <c r="J4420" s="10">
        <v>28.448989050000002</v>
      </c>
    </row>
    <row r="4421" spans="1:10" x14ac:dyDescent="0.35">
      <c r="A4421" t="s">
        <v>26</v>
      </c>
      <c r="B4421" t="s">
        <v>27</v>
      </c>
      <c r="C4421" t="s">
        <v>117</v>
      </c>
      <c r="D4421" t="s">
        <v>118</v>
      </c>
      <c r="E4421">
        <v>2011</v>
      </c>
      <c r="F4421">
        <v>2011</v>
      </c>
      <c r="G4421" t="s">
        <v>125</v>
      </c>
      <c r="H4421" t="s">
        <v>122</v>
      </c>
      <c r="I4421" t="s">
        <v>15</v>
      </c>
      <c r="J4421" s="10">
        <v>23.41242265</v>
      </c>
    </row>
    <row r="4422" spans="1:10" x14ac:dyDescent="0.35">
      <c r="A4422" t="s">
        <v>26</v>
      </c>
      <c r="B4422" t="s">
        <v>27</v>
      </c>
      <c r="C4422" t="s">
        <v>117</v>
      </c>
      <c r="D4422" t="s">
        <v>118</v>
      </c>
      <c r="E4422">
        <v>2011</v>
      </c>
      <c r="F4422">
        <v>2011</v>
      </c>
      <c r="G4422" t="s">
        <v>125</v>
      </c>
      <c r="H4422" t="s">
        <v>123</v>
      </c>
      <c r="I4422" t="s">
        <v>15</v>
      </c>
      <c r="J4422" s="10">
        <v>19.60356067</v>
      </c>
    </row>
    <row r="4423" spans="1:10" x14ac:dyDescent="0.35">
      <c r="A4423" t="s">
        <v>26</v>
      </c>
      <c r="B4423" t="s">
        <v>27</v>
      </c>
      <c r="C4423" t="s">
        <v>117</v>
      </c>
      <c r="D4423" t="s">
        <v>118</v>
      </c>
      <c r="E4423">
        <v>2011</v>
      </c>
      <c r="F4423">
        <v>2011</v>
      </c>
      <c r="G4423" t="s">
        <v>125</v>
      </c>
      <c r="H4423" t="s">
        <v>124</v>
      </c>
      <c r="I4423" t="s">
        <v>15</v>
      </c>
      <c r="J4423" s="10">
        <v>1.7538634630000001</v>
      </c>
    </row>
    <row r="4424" spans="1:10" x14ac:dyDescent="0.35">
      <c r="A4424" t="s">
        <v>26</v>
      </c>
      <c r="B4424" t="s">
        <v>27</v>
      </c>
      <c r="C4424" t="s">
        <v>117</v>
      </c>
      <c r="D4424" t="s">
        <v>118</v>
      </c>
      <c r="E4424">
        <v>2011</v>
      </c>
      <c r="F4424">
        <v>2011</v>
      </c>
      <c r="G4424" t="s">
        <v>126</v>
      </c>
      <c r="H4424" t="s">
        <v>119</v>
      </c>
      <c r="I4424" t="s">
        <v>15</v>
      </c>
      <c r="J4424" s="10">
        <v>14.90980222</v>
      </c>
    </row>
    <row r="4425" spans="1:10" x14ac:dyDescent="0.35">
      <c r="A4425" t="s">
        <v>26</v>
      </c>
      <c r="B4425" t="s">
        <v>27</v>
      </c>
      <c r="C4425" t="s">
        <v>117</v>
      </c>
      <c r="D4425" t="s">
        <v>118</v>
      </c>
      <c r="E4425">
        <v>2011</v>
      </c>
      <c r="F4425">
        <v>2011</v>
      </c>
      <c r="G4425" t="s">
        <v>126</v>
      </c>
      <c r="H4425" t="s">
        <v>120</v>
      </c>
      <c r="I4425" t="s">
        <v>15</v>
      </c>
      <c r="J4425" s="10">
        <v>8.2808085200000008</v>
      </c>
    </row>
    <row r="4426" spans="1:10" x14ac:dyDescent="0.35">
      <c r="A4426" t="s">
        <v>26</v>
      </c>
      <c r="B4426" t="s">
        <v>27</v>
      </c>
      <c r="C4426" t="s">
        <v>117</v>
      </c>
      <c r="D4426" t="s">
        <v>118</v>
      </c>
      <c r="E4426">
        <v>2011</v>
      </c>
      <c r="F4426">
        <v>2011</v>
      </c>
      <c r="G4426" t="s">
        <v>126</v>
      </c>
      <c r="H4426" t="s">
        <v>121</v>
      </c>
      <c r="I4426" t="s">
        <v>15</v>
      </c>
      <c r="J4426" s="10">
        <v>28.621107210000002</v>
      </c>
    </row>
    <row r="4427" spans="1:10" x14ac:dyDescent="0.35">
      <c r="A4427" t="s">
        <v>26</v>
      </c>
      <c r="B4427" t="s">
        <v>27</v>
      </c>
      <c r="C4427" t="s">
        <v>117</v>
      </c>
      <c r="D4427" t="s">
        <v>118</v>
      </c>
      <c r="E4427">
        <v>2011</v>
      </c>
      <c r="F4427">
        <v>2011</v>
      </c>
      <c r="G4427" t="s">
        <v>126</v>
      </c>
      <c r="H4427" t="s">
        <v>122</v>
      </c>
      <c r="I4427" t="s">
        <v>15</v>
      </c>
      <c r="J4427" s="10">
        <v>23.203030399999999</v>
      </c>
    </row>
    <row r="4428" spans="1:10" x14ac:dyDescent="0.35">
      <c r="A4428" t="s">
        <v>26</v>
      </c>
      <c r="B4428" t="s">
        <v>27</v>
      </c>
      <c r="C4428" t="s">
        <v>117</v>
      </c>
      <c r="D4428" t="s">
        <v>118</v>
      </c>
      <c r="E4428">
        <v>2011</v>
      </c>
      <c r="F4428">
        <v>2011</v>
      </c>
      <c r="G4428" t="s">
        <v>126</v>
      </c>
      <c r="H4428" t="s">
        <v>123</v>
      </c>
      <c r="I4428" t="s">
        <v>15</v>
      </c>
      <c r="J4428" s="10">
        <v>21.32145186</v>
      </c>
    </row>
    <row r="4429" spans="1:10" x14ac:dyDescent="0.35">
      <c r="A4429" t="s">
        <v>26</v>
      </c>
      <c r="B4429" t="s">
        <v>27</v>
      </c>
      <c r="C4429" t="s">
        <v>117</v>
      </c>
      <c r="D4429" t="s">
        <v>118</v>
      </c>
      <c r="E4429">
        <v>2011</v>
      </c>
      <c r="F4429">
        <v>2011</v>
      </c>
      <c r="G4429" t="s">
        <v>126</v>
      </c>
      <c r="H4429" t="s">
        <v>124</v>
      </c>
      <c r="I4429" t="s">
        <v>15</v>
      </c>
      <c r="J4429" s="10">
        <v>3.6637997950000001</v>
      </c>
    </row>
    <row r="4430" spans="1:10" x14ac:dyDescent="0.35">
      <c r="A4430" t="s">
        <v>28</v>
      </c>
      <c r="B4430" t="s">
        <v>29</v>
      </c>
      <c r="C4430" t="s">
        <v>117</v>
      </c>
      <c r="D4430" t="s">
        <v>118</v>
      </c>
      <c r="E4430">
        <v>2020</v>
      </c>
      <c r="F4430">
        <v>2020</v>
      </c>
      <c r="G4430" t="s">
        <v>14</v>
      </c>
      <c r="H4430" t="s">
        <v>119</v>
      </c>
      <c r="I4430" t="s">
        <v>15</v>
      </c>
      <c r="J4430" s="10">
        <v>14.96636846</v>
      </c>
    </row>
    <row r="4431" spans="1:10" x14ac:dyDescent="0.35">
      <c r="A4431" t="s">
        <v>28</v>
      </c>
      <c r="B4431" t="s">
        <v>29</v>
      </c>
      <c r="C4431" t="s">
        <v>117</v>
      </c>
      <c r="D4431" t="s">
        <v>118</v>
      </c>
      <c r="E4431">
        <v>2020</v>
      </c>
      <c r="F4431">
        <v>2020</v>
      </c>
      <c r="G4431" t="s">
        <v>14</v>
      </c>
      <c r="H4431" t="s">
        <v>120</v>
      </c>
      <c r="I4431" t="s">
        <v>15</v>
      </c>
      <c r="J4431" s="10">
        <v>8.9969377250000004</v>
      </c>
    </row>
    <row r="4432" spans="1:10" x14ac:dyDescent="0.35">
      <c r="A4432" t="s">
        <v>28</v>
      </c>
      <c r="B4432" t="s">
        <v>29</v>
      </c>
      <c r="C4432" t="s">
        <v>117</v>
      </c>
      <c r="D4432" t="s">
        <v>118</v>
      </c>
      <c r="E4432">
        <v>2020</v>
      </c>
      <c r="F4432">
        <v>2020</v>
      </c>
      <c r="G4432" t="s">
        <v>14</v>
      </c>
      <c r="H4432" t="s">
        <v>121</v>
      </c>
      <c r="I4432" t="s">
        <v>15</v>
      </c>
      <c r="J4432" s="10">
        <v>26.385044329999999</v>
      </c>
    </row>
    <row r="4433" spans="1:10" x14ac:dyDescent="0.35">
      <c r="A4433" t="s">
        <v>28</v>
      </c>
      <c r="B4433" t="s">
        <v>29</v>
      </c>
      <c r="C4433" t="s">
        <v>117</v>
      </c>
      <c r="D4433" t="s">
        <v>118</v>
      </c>
      <c r="E4433">
        <v>2020</v>
      </c>
      <c r="F4433">
        <v>2020</v>
      </c>
      <c r="G4433" t="s">
        <v>14</v>
      </c>
      <c r="H4433" t="s">
        <v>122</v>
      </c>
      <c r="I4433" t="s">
        <v>15</v>
      </c>
      <c r="J4433" s="10">
        <v>22.806595260000002</v>
      </c>
    </row>
    <row r="4434" spans="1:10" x14ac:dyDescent="0.35">
      <c r="A4434" t="s">
        <v>28</v>
      </c>
      <c r="B4434" t="s">
        <v>29</v>
      </c>
      <c r="C4434" t="s">
        <v>117</v>
      </c>
      <c r="D4434" t="s">
        <v>118</v>
      </c>
      <c r="E4434">
        <v>2020</v>
      </c>
      <c r="F4434">
        <v>2020</v>
      </c>
      <c r="G4434" t="s">
        <v>14</v>
      </c>
      <c r="H4434" t="s">
        <v>123</v>
      </c>
      <c r="I4434" t="s">
        <v>15</v>
      </c>
      <c r="J4434" s="10">
        <v>23.330792580000001</v>
      </c>
    </row>
    <row r="4435" spans="1:10" x14ac:dyDescent="0.35">
      <c r="A4435" t="s">
        <v>28</v>
      </c>
      <c r="B4435" t="s">
        <v>29</v>
      </c>
      <c r="C4435" t="s">
        <v>117</v>
      </c>
      <c r="D4435" t="s">
        <v>118</v>
      </c>
      <c r="E4435">
        <v>2020</v>
      </c>
      <c r="F4435">
        <v>2020</v>
      </c>
      <c r="G4435" t="s">
        <v>14</v>
      </c>
      <c r="H4435" t="s">
        <v>124</v>
      </c>
      <c r="I4435" t="s">
        <v>15</v>
      </c>
      <c r="J4435" s="10">
        <v>3.5142616439999999</v>
      </c>
    </row>
    <row r="4436" spans="1:10" x14ac:dyDescent="0.35">
      <c r="A4436" t="s">
        <v>28</v>
      </c>
      <c r="B4436" t="s">
        <v>29</v>
      </c>
      <c r="C4436" t="s">
        <v>117</v>
      </c>
      <c r="D4436" t="s">
        <v>118</v>
      </c>
      <c r="E4436">
        <v>2020</v>
      </c>
      <c r="F4436">
        <v>2020</v>
      </c>
      <c r="G4436" t="s">
        <v>125</v>
      </c>
      <c r="H4436" t="s">
        <v>119</v>
      </c>
      <c r="I4436" t="s">
        <v>15</v>
      </c>
      <c r="J4436" s="10">
        <v>15.864086410000001</v>
      </c>
    </row>
    <row r="4437" spans="1:10" x14ac:dyDescent="0.35">
      <c r="A4437" t="s">
        <v>28</v>
      </c>
      <c r="B4437" t="s">
        <v>29</v>
      </c>
      <c r="C4437" t="s">
        <v>117</v>
      </c>
      <c r="D4437" t="s">
        <v>118</v>
      </c>
      <c r="E4437">
        <v>2020</v>
      </c>
      <c r="F4437">
        <v>2020</v>
      </c>
      <c r="G4437" t="s">
        <v>125</v>
      </c>
      <c r="H4437" t="s">
        <v>120</v>
      </c>
      <c r="I4437" t="s">
        <v>15</v>
      </c>
      <c r="J4437" s="10">
        <v>9.6084608459999998</v>
      </c>
    </row>
    <row r="4438" spans="1:10" x14ac:dyDescent="0.35">
      <c r="A4438" t="s">
        <v>28</v>
      </c>
      <c r="B4438" t="s">
        <v>29</v>
      </c>
      <c r="C4438" t="s">
        <v>117</v>
      </c>
      <c r="D4438" t="s">
        <v>118</v>
      </c>
      <c r="E4438">
        <v>2020</v>
      </c>
      <c r="F4438">
        <v>2020</v>
      </c>
      <c r="G4438" t="s">
        <v>125</v>
      </c>
      <c r="H4438" t="s">
        <v>121</v>
      </c>
      <c r="I4438" t="s">
        <v>15</v>
      </c>
      <c r="J4438" s="10">
        <v>26.904252929999998</v>
      </c>
    </row>
    <row r="4439" spans="1:10" x14ac:dyDescent="0.35">
      <c r="A4439" t="s">
        <v>28</v>
      </c>
      <c r="B4439" t="s">
        <v>29</v>
      </c>
      <c r="C4439" t="s">
        <v>117</v>
      </c>
      <c r="D4439" t="s">
        <v>118</v>
      </c>
      <c r="E4439">
        <v>2020</v>
      </c>
      <c r="F4439">
        <v>2020</v>
      </c>
      <c r="G4439" t="s">
        <v>125</v>
      </c>
      <c r="H4439" t="s">
        <v>122</v>
      </c>
      <c r="I4439" t="s">
        <v>15</v>
      </c>
      <c r="J4439" s="10">
        <v>22.496624659999998</v>
      </c>
    </row>
    <row r="4440" spans="1:10" x14ac:dyDescent="0.35">
      <c r="A4440" t="s">
        <v>28</v>
      </c>
      <c r="B4440" t="s">
        <v>29</v>
      </c>
      <c r="C4440" t="s">
        <v>117</v>
      </c>
      <c r="D4440" t="s">
        <v>118</v>
      </c>
      <c r="E4440">
        <v>2020</v>
      </c>
      <c r="F4440">
        <v>2020</v>
      </c>
      <c r="G4440" t="s">
        <v>125</v>
      </c>
      <c r="H4440" t="s">
        <v>123</v>
      </c>
      <c r="I4440" t="s">
        <v>15</v>
      </c>
      <c r="J4440" s="10">
        <v>22.37567507</v>
      </c>
    </row>
    <row r="4441" spans="1:10" x14ac:dyDescent="0.35">
      <c r="A4441" t="s">
        <v>28</v>
      </c>
      <c r="B4441" t="s">
        <v>29</v>
      </c>
      <c r="C4441" t="s">
        <v>117</v>
      </c>
      <c r="D4441" t="s">
        <v>118</v>
      </c>
      <c r="E4441">
        <v>2020</v>
      </c>
      <c r="F4441">
        <v>2020</v>
      </c>
      <c r="G4441" t="s">
        <v>125</v>
      </c>
      <c r="H4441" t="s">
        <v>124</v>
      </c>
      <c r="I4441" t="s">
        <v>15</v>
      </c>
      <c r="J4441" s="10">
        <v>2.75090009</v>
      </c>
    </row>
    <row r="4442" spans="1:10" x14ac:dyDescent="0.35">
      <c r="A4442" t="s">
        <v>28</v>
      </c>
      <c r="B4442" t="s">
        <v>29</v>
      </c>
      <c r="C4442" t="s">
        <v>117</v>
      </c>
      <c r="D4442" t="s">
        <v>118</v>
      </c>
      <c r="E4442">
        <v>2020</v>
      </c>
      <c r="F4442">
        <v>2020</v>
      </c>
      <c r="G4442" t="s">
        <v>126</v>
      </c>
      <c r="H4442" t="s">
        <v>119</v>
      </c>
      <c r="I4442" t="s">
        <v>15</v>
      </c>
      <c r="J4442" s="10">
        <v>14.152795129999999</v>
      </c>
    </row>
    <row r="4443" spans="1:10" x14ac:dyDescent="0.35">
      <c r="A4443" t="s">
        <v>28</v>
      </c>
      <c r="B4443" t="s">
        <v>29</v>
      </c>
      <c r="C4443" t="s">
        <v>117</v>
      </c>
      <c r="D4443" t="s">
        <v>118</v>
      </c>
      <c r="E4443">
        <v>2020</v>
      </c>
      <c r="F4443">
        <v>2020</v>
      </c>
      <c r="G4443" t="s">
        <v>126</v>
      </c>
      <c r="H4443" t="s">
        <v>120</v>
      </c>
      <c r="I4443" t="s">
        <v>15</v>
      </c>
      <c r="J4443" s="10">
        <v>8.4427336919999991</v>
      </c>
    </row>
    <row r="4444" spans="1:10" x14ac:dyDescent="0.35">
      <c r="A4444" t="s">
        <v>28</v>
      </c>
      <c r="B4444" t="s">
        <v>29</v>
      </c>
      <c r="C4444" t="s">
        <v>117</v>
      </c>
      <c r="D4444" t="s">
        <v>118</v>
      </c>
      <c r="E4444">
        <v>2020</v>
      </c>
      <c r="F4444">
        <v>2020</v>
      </c>
      <c r="G4444" t="s">
        <v>126</v>
      </c>
      <c r="H4444" t="s">
        <v>121</v>
      </c>
      <c r="I4444" t="s">
        <v>15</v>
      </c>
      <c r="J4444" s="10">
        <v>25.914502030000001</v>
      </c>
    </row>
    <row r="4445" spans="1:10" x14ac:dyDescent="0.35">
      <c r="A4445" t="s">
        <v>28</v>
      </c>
      <c r="B4445" t="s">
        <v>29</v>
      </c>
      <c r="C4445" t="s">
        <v>117</v>
      </c>
      <c r="D4445" t="s">
        <v>118</v>
      </c>
      <c r="E4445">
        <v>2020</v>
      </c>
      <c r="F4445">
        <v>2020</v>
      </c>
      <c r="G4445" t="s">
        <v>126</v>
      </c>
      <c r="H4445" t="s">
        <v>122</v>
      </c>
      <c r="I4445" t="s">
        <v>15</v>
      </c>
      <c r="J4445" s="10">
        <v>23.087511790000001</v>
      </c>
    </row>
    <row r="4446" spans="1:10" x14ac:dyDescent="0.35">
      <c r="A4446" t="s">
        <v>28</v>
      </c>
      <c r="B4446" t="s">
        <v>29</v>
      </c>
      <c r="C4446" t="s">
        <v>117</v>
      </c>
      <c r="D4446" t="s">
        <v>118</v>
      </c>
      <c r="E4446">
        <v>2020</v>
      </c>
      <c r="F4446">
        <v>2020</v>
      </c>
      <c r="G4446" t="s">
        <v>126</v>
      </c>
      <c r="H4446" t="s">
        <v>123</v>
      </c>
      <c r="I4446" t="s">
        <v>15</v>
      </c>
      <c r="J4446" s="10">
        <v>24.196385329999998</v>
      </c>
    </row>
    <row r="4447" spans="1:10" x14ac:dyDescent="0.35">
      <c r="A4447" t="s">
        <v>28</v>
      </c>
      <c r="B4447" t="s">
        <v>29</v>
      </c>
      <c r="C4447" t="s">
        <v>117</v>
      </c>
      <c r="D4447" t="s">
        <v>118</v>
      </c>
      <c r="E4447">
        <v>2020</v>
      </c>
      <c r="F4447">
        <v>2020</v>
      </c>
      <c r="G4447" t="s">
        <v>126</v>
      </c>
      <c r="H4447" t="s">
        <v>124</v>
      </c>
      <c r="I4447" t="s">
        <v>15</v>
      </c>
      <c r="J4447" s="10">
        <v>4.2060720390000004</v>
      </c>
    </row>
    <row r="4448" spans="1:10" x14ac:dyDescent="0.35">
      <c r="A4448" t="s">
        <v>28</v>
      </c>
      <c r="B4448" t="s">
        <v>29</v>
      </c>
      <c r="C4448" t="s">
        <v>117</v>
      </c>
      <c r="D4448" t="s">
        <v>118</v>
      </c>
      <c r="E4448">
        <v>2019</v>
      </c>
      <c r="F4448">
        <v>2019</v>
      </c>
      <c r="G4448" t="s">
        <v>14</v>
      </c>
      <c r="H4448" t="s">
        <v>119</v>
      </c>
      <c r="I4448" t="s">
        <v>15</v>
      </c>
      <c r="J4448" s="10">
        <v>15.13123012</v>
      </c>
    </row>
    <row r="4449" spans="1:10" x14ac:dyDescent="0.35">
      <c r="A4449" t="s">
        <v>28</v>
      </c>
      <c r="B4449" t="s">
        <v>29</v>
      </c>
      <c r="C4449" t="s">
        <v>117</v>
      </c>
      <c r="D4449" t="s">
        <v>118</v>
      </c>
      <c r="E4449">
        <v>2019</v>
      </c>
      <c r="F4449">
        <v>2019</v>
      </c>
      <c r="G4449" t="s">
        <v>14</v>
      </c>
      <c r="H4449" t="s">
        <v>120</v>
      </c>
      <c r="I4449" t="s">
        <v>15</v>
      </c>
      <c r="J4449" s="10">
        <v>9.113202545</v>
      </c>
    </row>
    <row r="4450" spans="1:10" x14ac:dyDescent="0.35">
      <c r="A4450" t="s">
        <v>28</v>
      </c>
      <c r="B4450" t="s">
        <v>29</v>
      </c>
      <c r="C4450" t="s">
        <v>117</v>
      </c>
      <c r="D4450" t="s">
        <v>118</v>
      </c>
      <c r="E4450">
        <v>2019</v>
      </c>
      <c r="F4450">
        <v>2019</v>
      </c>
      <c r="G4450" t="s">
        <v>14</v>
      </c>
      <c r="H4450" t="s">
        <v>121</v>
      </c>
      <c r="I4450" t="s">
        <v>15</v>
      </c>
      <c r="J4450" s="10">
        <v>26.658271469999999</v>
      </c>
    </row>
    <row r="4451" spans="1:10" x14ac:dyDescent="0.35">
      <c r="A4451" t="s">
        <v>28</v>
      </c>
      <c r="B4451" t="s">
        <v>29</v>
      </c>
      <c r="C4451" t="s">
        <v>117</v>
      </c>
      <c r="D4451" t="s">
        <v>118</v>
      </c>
      <c r="E4451">
        <v>2019</v>
      </c>
      <c r="F4451">
        <v>2019</v>
      </c>
      <c r="G4451" t="s">
        <v>14</v>
      </c>
      <c r="H4451" t="s">
        <v>122</v>
      </c>
      <c r="I4451" t="s">
        <v>15</v>
      </c>
      <c r="J4451" s="10">
        <v>22.669671260000001</v>
      </c>
    </row>
    <row r="4452" spans="1:10" x14ac:dyDescent="0.35">
      <c r="A4452" t="s">
        <v>28</v>
      </c>
      <c r="B4452" t="s">
        <v>29</v>
      </c>
      <c r="C4452" t="s">
        <v>117</v>
      </c>
      <c r="D4452" t="s">
        <v>118</v>
      </c>
      <c r="E4452">
        <v>2019</v>
      </c>
      <c r="F4452">
        <v>2019</v>
      </c>
      <c r="G4452" t="s">
        <v>14</v>
      </c>
      <c r="H4452" t="s">
        <v>123</v>
      </c>
      <c r="I4452" t="s">
        <v>15</v>
      </c>
      <c r="J4452" s="10">
        <v>22.945387060000002</v>
      </c>
    </row>
    <row r="4453" spans="1:10" x14ac:dyDescent="0.35">
      <c r="A4453" t="s">
        <v>28</v>
      </c>
      <c r="B4453" t="s">
        <v>29</v>
      </c>
      <c r="C4453" t="s">
        <v>117</v>
      </c>
      <c r="D4453" t="s">
        <v>118</v>
      </c>
      <c r="E4453">
        <v>2019</v>
      </c>
      <c r="F4453">
        <v>2019</v>
      </c>
      <c r="G4453" t="s">
        <v>14</v>
      </c>
      <c r="H4453" t="s">
        <v>124</v>
      </c>
      <c r="I4453" t="s">
        <v>15</v>
      </c>
      <c r="J4453" s="10">
        <v>3.4822375399999999</v>
      </c>
    </row>
    <row r="4454" spans="1:10" x14ac:dyDescent="0.35">
      <c r="A4454" t="s">
        <v>28</v>
      </c>
      <c r="B4454" t="s">
        <v>29</v>
      </c>
      <c r="C4454" t="s">
        <v>117</v>
      </c>
      <c r="D4454" t="s">
        <v>118</v>
      </c>
      <c r="E4454">
        <v>2019</v>
      </c>
      <c r="F4454">
        <v>2019</v>
      </c>
      <c r="G4454" t="s">
        <v>125</v>
      </c>
      <c r="H4454" t="s">
        <v>119</v>
      </c>
      <c r="I4454" t="s">
        <v>15</v>
      </c>
      <c r="J4454" s="10">
        <v>16.112460559999999</v>
      </c>
    </row>
    <row r="4455" spans="1:10" x14ac:dyDescent="0.35">
      <c r="A4455" t="s">
        <v>28</v>
      </c>
      <c r="B4455" t="s">
        <v>29</v>
      </c>
      <c r="C4455" t="s">
        <v>117</v>
      </c>
      <c r="D4455" t="s">
        <v>118</v>
      </c>
      <c r="E4455">
        <v>2019</v>
      </c>
      <c r="F4455">
        <v>2019</v>
      </c>
      <c r="G4455" t="s">
        <v>125</v>
      </c>
      <c r="H4455" t="s">
        <v>120</v>
      </c>
      <c r="I4455" t="s">
        <v>15</v>
      </c>
      <c r="J4455" s="10">
        <v>9.7942317889999995</v>
      </c>
    </row>
    <row r="4456" spans="1:10" x14ac:dyDescent="0.35">
      <c r="A4456" t="s">
        <v>28</v>
      </c>
      <c r="B4456" t="s">
        <v>29</v>
      </c>
      <c r="C4456" t="s">
        <v>117</v>
      </c>
      <c r="D4456" t="s">
        <v>118</v>
      </c>
      <c r="E4456">
        <v>2019</v>
      </c>
      <c r="F4456">
        <v>2019</v>
      </c>
      <c r="G4456" t="s">
        <v>125</v>
      </c>
      <c r="H4456" t="s">
        <v>121</v>
      </c>
      <c r="I4456" t="s">
        <v>15</v>
      </c>
      <c r="J4456" s="10">
        <v>26.928553480000001</v>
      </c>
    </row>
    <row r="4457" spans="1:10" x14ac:dyDescent="0.35">
      <c r="A4457" t="s">
        <v>28</v>
      </c>
      <c r="B4457" t="s">
        <v>29</v>
      </c>
      <c r="C4457" t="s">
        <v>117</v>
      </c>
      <c r="D4457" t="s">
        <v>118</v>
      </c>
      <c r="E4457">
        <v>2019</v>
      </c>
      <c r="F4457">
        <v>2019</v>
      </c>
      <c r="G4457" t="s">
        <v>125</v>
      </c>
      <c r="H4457" t="s">
        <v>122</v>
      </c>
      <c r="I4457" t="s">
        <v>15</v>
      </c>
      <c r="J4457" s="10">
        <v>22.39439372</v>
      </c>
    </row>
    <row r="4458" spans="1:10" x14ac:dyDescent="0.35">
      <c r="A4458" t="s">
        <v>28</v>
      </c>
      <c r="B4458" t="s">
        <v>29</v>
      </c>
      <c r="C4458" t="s">
        <v>117</v>
      </c>
      <c r="D4458" t="s">
        <v>118</v>
      </c>
      <c r="E4458">
        <v>2019</v>
      </c>
      <c r="F4458">
        <v>2019</v>
      </c>
      <c r="G4458" t="s">
        <v>125</v>
      </c>
      <c r="H4458" t="s">
        <v>123</v>
      </c>
      <c r="I4458" t="s">
        <v>15</v>
      </c>
      <c r="J4458" s="10">
        <v>22.101236839999999</v>
      </c>
    </row>
    <row r="4459" spans="1:10" x14ac:dyDescent="0.35">
      <c r="A4459" t="s">
        <v>28</v>
      </c>
      <c r="B4459" t="s">
        <v>29</v>
      </c>
      <c r="C4459" t="s">
        <v>117</v>
      </c>
      <c r="D4459" t="s">
        <v>118</v>
      </c>
      <c r="E4459">
        <v>2019</v>
      </c>
      <c r="F4459">
        <v>2019</v>
      </c>
      <c r="G4459" t="s">
        <v>125</v>
      </c>
      <c r="H4459" t="s">
        <v>124</v>
      </c>
      <c r="I4459" t="s">
        <v>15</v>
      </c>
      <c r="J4459" s="10">
        <v>2.6691236009999999</v>
      </c>
    </row>
    <row r="4460" spans="1:10" x14ac:dyDescent="0.35">
      <c r="A4460" t="s">
        <v>28</v>
      </c>
      <c r="B4460" t="s">
        <v>29</v>
      </c>
      <c r="C4460" t="s">
        <v>117</v>
      </c>
      <c r="D4460" t="s">
        <v>118</v>
      </c>
      <c r="E4460">
        <v>2019</v>
      </c>
      <c r="F4460">
        <v>2019</v>
      </c>
      <c r="G4460" t="s">
        <v>126</v>
      </c>
      <c r="H4460" t="s">
        <v>119</v>
      </c>
      <c r="I4460" t="s">
        <v>15</v>
      </c>
      <c r="J4460" s="10">
        <v>14.244252080000001</v>
      </c>
    </row>
    <row r="4461" spans="1:10" x14ac:dyDescent="0.35">
      <c r="A4461" t="s">
        <v>28</v>
      </c>
      <c r="B4461" t="s">
        <v>29</v>
      </c>
      <c r="C4461" t="s">
        <v>117</v>
      </c>
      <c r="D4461" t="s">
        <v>118</v>
      </c>
      <c r="E4461">
        <v>2019</v>
      </c>
      <c r="F4461">
        <v>2019</v>
      </c>
      <c r="G4461" t="s">
        <v>126</v>
      </c>
      <c r="H4461" t="s">
        <v>120</v>
      </c>
      <c r="I4461" t="s">
        <v>15</v>
      </c>
      <c r="J4461" s="10">
        <v>8.4975897840000005</v>
      </c>
    </row>
    <row r="4462" spans="1:10" x14ac:dyDescent="0.35">
      <c r="A4462" t="s">
        <v>28</v>
      </c>
      <c r="B4462" t="s">
        <v>29</v>
      </c>
      <c r="C4462" t="s">
        <v>117</v>
      </c>
      <c r="D4462" t="s">
        <v>118</v>
      </c>
      <c r="E4462">
        <v>2019</v>
      </c>
      <c r="F4462">
        <v>2019</v>
      </c>
      <c r="G4462" t="s">
        <v>126</v>
      </c>
      <c r="H4462" t="s">
        <v>121</v>
      </c>
      <c r="I4462" t="s">
        <v>15</v>
      </c>
      <c r="J4462" s="10">
        <v>26.413951489999999</v>
      </c>
    </row>
    <row r="4463" spans="1:10" x14ac:dyDescent="0.35">
      <c r="A4463" t="s">
        <v>28</v>
      </c>
      <c r="B4463" t="s">
        <v>29</v>
      </c>
      <c r="C4463" t="s">
        <v>117</v>
      </c>
      <c r="D4463" t="s">
        <v>118</v>
      </c>
      <c r="E4463">
        <v>2019</v>
      </c>
      <c r="F4463">
        <v>2019</v>
      </c>
      <c r="G4463" t="s">
        <v>126</v>
      </c>
      <c r="H4463" t="s">
        <v>122</v>
      </c>
      <c r="I4463" t="s">
        <v>15</v>
      </c>
      <c r="J4463" s="10">
        <v>22.918506929999999</v>
      </c>
    </row>
    <row r="4464" spans="1:10" x14ac:dyDescent="0.35">
      <c r="A4464" t="s">
        <v>28</v>
      </c>
      <c r="B4464" t="s">
        <v>29</v>
      </c>
      <c r="C4464" t="s">
        <v>117</v>
      </c>
      <c r="D4464" t="s">
        <v>118</v>
      </c>
      <c r="E4464">
        <v>2019</v>
      </c>
      <c r="F4464">
        <v>2019</v>
      </c>
      <c r="G4464" t="s">
        <v>126</v>
      </c>
      <c r="H4464" t="s">
        <v>123</v>
      </c>
      <c r="I4464" t="s">
        <v>15</v>
      </c>
      <c r="J4464" s="10">
        <v>23.70845216</v>
      </c>
    </row>
    <row r="4465" spans="1:10" x14ac:dyDescent="0.35">
      <c r="A4465" t="s">
        <v>28</v>
      </c>
      <c r="B4465" t="s">
        <v>29</v>
      </c>
      <c r="C4465" t="s">
        <v>117</v>
      </c>
      <c r="D4465" t="s">
        <v>118</v>
      </c>
      <c r="E4465">
        <v>2019</v>
      </c>
      <c r="F4465">
        <v>2019</v>
      </c>
      <c r="G4465" t="s">
        <v>126</v>
      </c>
      <c r="H4465" t="s">
        <v>124</v>
      </c>
      <c r="I4465" t="s">
        <v>15</v>
      </c>
      <c r="J4465" s="10">
        <v>4.2172475580000004</v>
      </c>
    </row>
    <row r="4466" spans="1:10" x14ac:dyDescent="0.35">
      <c r="A4466" t="s">
        <v>28</v>
      </c>
      <c r="B4466" t="s">
        <v>29</v>
      </c>
      <c r="C4466" t="s">
        <v>117</v>
      </c>
      <c r="D4466" t="s">
        <v>118</v>
      </c>
      <c r="E4466">
        <v>2018</v>
      </c>
      <c r="F4466">
        <v>2018</v>
      </c>
      <c r="G4466" t="s">
        <v>14</v>
      </c>
      <c r="H4466" t="s">
        <v>119</v>
      </c>
      <c r="I4466" t="s">
        <v>15</v>
      </c>
      <c r="J4466" s="10">
        <v>15.139289399999999</v>
      </c>
    </row>
    <row r="4467" spans="1:10" x14ac:dyDescent="0.35">
      <c r="A4467" t="s">
        <v>28</v>
      </c>
      <c r="B4467" t="s">
        <v>29</v>
      </c>
      <c r="C4467" t="s">
        <v>117</v>
      </c>
      <c r="D4467" t="s">
        <v>118</v>
      </c>
      <c r="E4467">
        <v>2018</v>
      </c>
      <c r="F4467">
        <v>2018</v>
      </c>
      <c r="G4467" t="s">
        <v>14</v>
      </c>
      <c r="H4467" t="s">
        <v>120</v>
      </c>
      <c r="I4467" t="s">
        <v>15</v>
      </c>
      <c r="J4467" s="10">
        <v>9.3401941849999996</v>
      </c>
    </row>
    <row r="4468" spans="1:10" x14ac:dyDescent="0.35">
      <c r="A4468" t="s">
        <v>28</v>
      </c>
      <c r="B4468" t="s">
        <v>29</v>
      </c>
      <c r="C4468" t="s">
        <v>117</v>
      </c>
      <c r="D4468" t="s">
        <v>118</v>
      </c>
      <c r="E4468">
        <v>2018</v>
      </c>
      <c r="F4468">
        <v>2018</v>
      </c>
      <c r="G4468" t="s">
        <v>14</v>
      </c>
      <c r="H4468" t="s">
        <v>121</v>
      </c>
      <c r="I4468" t="s">
        <v>15</v>
      </c>
      <c r="J4468" s="10">
        <v>26.852562240000001</v>
      </c>
    </row>
    <row r="4469" spans="1:10" x14ac:dyDescent="0.35">
      <c r="A4469" t="s">
        <v>28</v>
      </c>
      <c r="B4469" t="s">
        <v>29</v>
      </c>
      <c r="C4469" t="s">
        <v>117</v>
      </c>
      <c r="D4469" t="s">
        <v>118</v>
      </c>
      <c r="E4469">
        <v>2018</v>
      </c>
      <c r="F4469">
        <v>2018</v>
      </c>
      <c r="G4469" t="s">
        <v>14</v>
      </c>
      <c r="H4469" t="s">
        <v>122</v>
      </c>
      <c r="I4469" t="s">
        <v>15</v>
      </c>
      <c r="J4469" s="10">
        <v>22.750601870000001</v>
      </c>
    </row>
    <row r="4470" spans="1:10" x14ac:dyDescent="0.35">
      <c r="A4470" t="s">
        <v>28</v>
      </c>
      <c r="B4470" t="s">
        <v>29</v>
      </c>
      <c r="C4470" t="s">
        <v>117</v>
      </c>
      <c r="D4470" t="s">
        <v>118</v>
      </c>
      <c r="E4470">
        <v>2018</v>
      </c>
      <c r="F4470">
        <v>2018</v>
      </c>
      <c r="G4470" t="s">
        <v>14</v>
      </c>
      <c r="H4470" t="s">
        <v>123</v>
      </c>
      <c r="I4470" t="s">
        <v>15</v>
      </c>
      <c r="J4470" s="10">
        <v>22.467525599999998</v>
      </c>
    </row>
    <row r="4471" spans="1:10" x14ac:dyDescent="0.35">
      <c r="A4471" t="s">
        <v>28</v>
      </c>
      <c r="B4471" t="s">
        <v>29</v>
      </c>
      <c r="C4471" t="s">
        <v>117</v>
      </c>
      <c r="D4471" t="s">
        <v>118</v>
      </c>
      <c r="E4471">
        <v>2018</v>
      </c>
      <c r="F4471">
        <v>2018</v>
      </c>
      <c r="G4471" t="s">
        <v>14</v>
      </c>
      <c r="H4471" t="s">
        <v>124</v>
      </c>
      <c r="I4471" t="s">
        <v>15</v>
      </c>
      <c r="J4471" s="10">
        <v>3.4498267149999999</v>
      </c>
    </row>
    <row r="4472" spans="1:10" x14ac:dyDescent="0.35">
      <c r="A4472" t="s">
        <v>28</v>
      </c>
      <c r="B4472" t="s">
        <v>29</v>
      </c>
      <c r="C4472" t="s">
        <v>117</v>
      </c>
      <c r="D4472" t="s">
        <v>118</v>
      </c>
      <c r="E4472">
        <v>2018</v>
      </c>
      <c r="F4472">
        <v>2018</v>
      </c>
      <c r="G4472" t="s">
        <v>125</v>
      </c>
      <c r="H4472" t="s">
        <v>119</v>
      </c>
      <c r="I4472" t="s">
        <v>15</v>
      </c>
      <c r="J4472" s="10">
        <v>16.089012520000001</v>
      </c>
    </row>
    <row r="4473" spans="1:10" x14ac:dyDescent="0.35">
      <c r="A4473" t="s">
        <v>28</v>
      </c>
      <c r="B4473" t="s">
        <v>29</v>
      </c>
      <c r="C4473" t="s">
        <v>117</v>
      </c>
      <c r="D4473" t="s">
        <v>118</v>
      </c>
      <c r="E4473">
        <v>2018</v>
      </c>
      <c r="F4473">
        <v>2018</v>
      </c>
      <c r="G4473" t="s">
        <v>125</v>
      </c>
      <c r="H4473" t="s">
        <v>120</v>
      </c>
      <c r="I4473" t="s">
        <v>15</v>
      </c>
      <c r="J4473" s="10">
        <v>9.9749652290000004</v>
      </c>
    </row>
    <row r="4474" spans="1:10" x14ac:dyDescent="0.35">
      <c r="A4474" t="s">
        <v>28</v>
      </c>
      <c r="B4474" t="s">
        <v>29</v>
      </c>
      <c r="C4474" t="s">
        <v>117</v>
      </c>
      <c r="D4474" t="s">
        <v>118</v>
      </c>
      <c r="E4474">
        <v>2018</v>
      </c>
      <c r="F4474">
        <v>2018</v>
      </c>
      <c r="G4474" t="s">
        <v>125</v>
      </c>
      <c r="H4474" t="s">
        <v>121</v>
      </c>
      <c r="I4474" t="s">
        <v>15</v>
      </c>
      <c r="J4474" s="10">
        <v>27.143254519999999</v>
      </c>
    </row>
    <row r="4475" spans="1:10" x14ac:dyDescent="0.35">
      <c r="A4475" t="s">
        <v>28</v>
      </c>
      <c r="B4475" t="s">
        <v>29</v>
      </c>
      <c r="C4475" t="s">
        <v>117</v>
      </c>
      <c r="D4475" t="s">
        <v>118</v>
      </c>
      <c r="E4475">
        <v>2018</v>
      </c>
      <c r="F4475">
        <v>2018</v>
      </c>
      <c r="G4475" t="s">
        <v>125</v>
      </c>
      <c r="H4475" t="s">
        <v>122</v>
      </c>
      <c r="I4475" t="s">
        <v>15</v>
      </c>
      <c r="J4475" s="10">
        <v>22.52573018</v>
      </c>
    </row>
    <row r="4476" spans="1:10" x14ac:dyDescent="0.35">
      <c r="A4476" t="s">
        <v>28</v>
      </c>
      <c r="B4476" t="s">
        <v>29</v>
      </c>
      <c r="C4476" t="s">
        <v>117</v>
      </c>
      <c r="D4476" t="s">
        <v>118</v>
      </c>
      <c r="E4476">
        <v>2018</v>
      </c>
      <c r="F4476">
        <v>2018</v>
      </c>
      <c r="G4476" t="s">
        <v>125</v>
      </c>
      <c r="H4476" t="s">
        <v>123</v>
      </c>
      <c r="I4476" t="s">
        <v>15</v>
      </c>
      <c r="J4476" s="10">
        <v>21.61335188</v>
      </c>
    </row>
    <row r="4477" spans="1:10" x14ac:dyDescent="0.35">
      <c r="A4477" t="s">
        <v>28</v>
      </c>
      <c r="B4477" t="s">
        <v>29</v>
      </c>
      <c r="C4477" t="s">
        <v>117</v>
      </c>
      <c r="D4477" t="s">
        <v>118</v>
      </c>
      <c r="E4477">
        <v>2018</v>
      </c>
      <c r="F4477">
        <v>2018</v>
      </c>
      <c r="G4477" t="s">
        <v>125</v>
      </c>
      <c r="H4477" t="s">
        <v>124</v>
      </c>
      <c r="I4477" t="s">
        <v>15</v>
      </c>
      <c r="J4477" s="10">
        <v>2.6536856750000002</v>
      </c>
    </row>
    <row r="4478" spans="1:10" x14ac:dyDescent="0.35">
      <c r="A4478" t="s">
        <v>28</v>
      </c>
      <c r="B4478" t="s">
        <v>29</v>
      </c>
      <c r="C4478" t="s">
        <v>117</v>
      </c>
      <c r="D4478" t="s">
        <v>118</v>
      </c>
      <c r="E4478">
        <v>2018</v>
      </c>
      <c r="F4478">
        <v>2018</v>
      </c>
      <c r="G4478" t="s">
        <v>126</v>
      </c>
      <c r="H4478" t="s">
        <v>119</v>
      </c>
      <c r="I4478" t="s">
        <v>15</v>
      </c>
      <c r="J4478" s="10">
        <v>14.2781477</v>
      </c>
    </row>
    <row r="4479" spans="1:10" x14ac:dyDescent="0.35">
      <c r="A4479" t="s">
        <v>28</v>
      </c>
      <c r="B4479" t="s">
        <v>29</v>
      </c>
      <c r="C4479" t="s">
        <v>117</v>
      </c>
      <c r="D4479" t="s">
        <v>118</v>
      </c>
      <c r="E4479">
        <v>2018</v>
      </c>
      <c r="F4479">
        <v>2018</v>
      </c>
      <c r="G4479" t="s">
        <v>126</v>
      </c>
      <c r="H4479" t="s">
        <v>120</v>
      </c>
      <c r="I4479" t="s">
        <v>15</v>
      </c>
      <c r="J4479" s="10">
        <v>8.7646287330000003</v>
      </c>
    </row>
    <row r="4480" spans="1:10" x14ac:dyDescent="0.35">
      <c r="A4480" t="s">
        <v>28</v>
      </c>
      <c r="B4480" t="s">
        <v>29</v>
      </c>
      <c r="C4480" t="s">
        <v>117</v>
      </c>
      <c r="D4480" t="s">
        <v>118</v>
      </c>
      <c r="E4480">
        <v>2018</v>
      </c>
      <c r="F4480">
        <v>2018</v>
      </c>
      <c r="G4480" t="s">
        <v>126</v>
      </c>
      <c r="H4480" t="s">
        <v>121</v>
      </c>
      <c r="I4480" t="s">
        <v>15</v>
      </c>
      <c r="J4480" s="10">
        <v>26.58898305</v>
      </c>
    </row>
    <row r="4481" spans="1:10" x14ac:dyDescent="0.35">
      <c r="A4481" t="s">
        <v>28</v>
      </c>
      <c r="B4481" t="s">
        <v>29</v>
      </c>
      <c r="C4481" t="s">
        <v>117</v>
      </c>
      <c r="D4481" t="s">
        <v>118</v>
      </c>
      <c r="E4481">
        <v>2018</v>
      </c>
      <c r="F4481">
        <v>2018</v>
      </c>
      <c r="G4481" t="s">
        <v>126</v>
      </c>
      <c r="H4481" t="s">
        <v>122</v>
      </c>
      <c r="I4481" t="s">
        <v>15</v>
      </c>
      <c r="J4481" s="10">
        <v>22.954499599999998</v>
      </c>
    </row>
    <row r="4482" spans="1:10" x14ac:dyDescent="0.35">
      <c r="A4482" t="s">
        <v>28</v>
      </c>
      <c r="B4482" t="s">
        <v>29</v>
      </c>
      <c r="C4482" t="s">
        <v>117</v>
      </c>
      <c r="D4482" t="s">
        <v>118</v>
      </c>
      <c r="E4482">
        <v>2018</v>
      </c>
      <c r="F4482">
        <v>2018</v>
      </c>
      <c r="G4482" t="s">
        <v>126</v>
      </c>
      <c r="H4482" t="s">
        <v>123</v>
      </c>
      <c r="I4482" t="s">
        <v>15</v>
      </c>
      <c r="J4482" s="10">
        <v>23.242029859999999</v>
      </c>
    </row>
    <row r="4483" spans="1:10" x14ac:dyDescent="0.35">
      <c r="A4483" t="s">
        <v>28</v>
      </c>
      <c r="B4483" t="s">
        <v>29</v>
      </c>
      <c r="C4483" t="s">
        <v>117</v>
      </c>
      <c r="D4483" t="s">
        <v>118</v>
      </c>
      <c r="E4483">
        <v>2018</v>
      </c>
      <c r="F4483">
        <v>2018</v>
      </c>
      <c r="G4483" t="s">
        <v>126</v>
      </c>
      <c r="H4483" t="s">
        <v>124</v>
      </c>
      <c r="I4483" t="s">
        <v>15</v>
      </c>
      <c r="J4483" s="10">
        <v>4.1717110569999996</v>
      </c>
    </row>
    <row r="4484" spans="1:10" x14ac:dyDescent="0.35">
      <c r="A4484" t="s">
        <v>28</v>
      </c>
      <c r="B4484" t="s">
        <v>29</v>
      </c>
      <c r="C4484" t="s">
        <v>117</v>
      </c>
      <c r="D4484" t="s">
        <v>118</v>
      </c>
      <c r="E4484">
        <v>2017</v>
      </c>
      <c r="F4484">
        <v>2017</v>
      </c>
      <c r="G4484" t="s">
        <v>14</v>
      </c>
      <c r="H4484" t="s">
        <v>119</v>
      </c>
      <c r="I4484" t="s">
        <v>15</v>
      </c>
      <c r="J4484" s="10">
        <v>15.19272584</v>
      </c>
    </row>
    <row r="4485" spans="1:10" x14ac:dyDescent="0.35">
      <c r="A4485" t="s">
        <v>28</v>
      </c>
      <c r="B4485" t="s">
        <v>29</v>
      </c>
      <c r="C4485" t="s">
        <v>117</v>
      </c>
      <c r="D4485" t="s">
        <v>118</v>
      </c>
      <c r="E4485">
        <v>2017</v>
      </c>
      <c r="F4485">
        <v>2017</v>
      </c>
      <c r="G4485" t="s">
        <v>14</v>
      </c>
      <c r="H4485" t="s">
        <v>120</v>
      </c>
      <c r="I4485" t="s">
        <v>15</v>
      </c>
      <c r="J4485" s="10">
        <v>9.5736970419999992</v>
      </c>
    </row>
    <row r="4486" spans="1:10" x14ac:dyDescent="0.35">
      <c r="A4486" t="s">
        <v>28</v>
      </c>
      <c r="B4486" t="s">
        <v>29</v>
      </c>
      <c r="C4486" t="s">
        <v>117</v>
      </c>
      <c r="D4486" t="s">
        <v>118</v>
      </c>
      <c r="E4486">
        <v>2017</v>
      </c>
      <c r="F4486">
        <v>2017</v>
      </c>
      <c r="G4486" t="s">
        <v>14</v>
      </c>
      <c r="H4486" t="s">
        <v>121</v>
      </c>
      <c r="I4486" t="s">
        <v>15</v>
      </c>
      <c r="J4486" s="10">
        <v>27.209593460000001</v>
      </c>
    </row>
    <row r="4487" spans="1:10" x14ac:dyDescent="0.35">
      <c r="A4487" t="s">
        <v>28</v>
      </c>
      <c r="B4487" t="s">
        <v>29</v>
      </c>
      <c r="C4487" t="s">
        <v>117</v>
      </c>
      <c r="D4487" t="s">
        <v>118</v>
      </c>
      <c r="E4487">
        <v>2017</v>
      </c>
      <c r="F4487">
        <v>2017</v>
      </c>
      <c r="G4487" t="s">
        <v>14</v>
      </c>
      <c r="H4487" t="s">
        <v>122</v>
      </c>
      <c r="I4487" t="s">
        <v>15</v>
      </c>
      <c r="J4487" s="10">
        <v>22.594715690000001</v>
      </c>
    </row>
    <row r="4488" spans="1:10" x14ac:dyDescent="0.35">
      <c r="A4488" t="s">
        <v>28</v>
      </c>
      <c r="B4488" t="s">
        <v>29</v>
      </c>
      <c r="C4488" t="s">
        <v>117</v>
      </c>
      <c r="D4488" t="s">
        <v>118</v>
      </c>
      <c r="E4488">
        <v>2017</v>
      </c>
      <c r="F4488">
        <v>2017</v>
      </c>
      <c r="G4488" t="s">
        <v>14</v>
      </c>
      <c r="H4488" t="s">
        <v>123</v>
      </c>
      <c r="I4488" t="s">
        <v>15</v>
      </c>
      <c r="J4488" s="10">
        <v>22.05442446</v>
      </c>
    </row>
    <row r="4489" spans="1:10" x14ac:dyDescent="0.35">
      <c r="A4489" t="s">
        <v>28</v>
      </c>
      <c r="B4489" t="s">
        <v>29</v>
      </c>
      <c r="C4489" t="s">
        <v>117</v>
      </c>
      <c r="D4489" t="s">
        <v>118</v>
      </c>
      <c r="E4489">
        <v>2017</v>
      </c>
      <c r="F4489">
        <v>2017</v>
      </c>
      <c r="G4489" t="s">
        <v>14</v>
      </c>
      <c r="H4489" t="s">
        <v>124</v>
      </c>
      <c r="I4489" t="s">
        <v>15</v>
      </c>
      <c r="J4489" s="10">
        <v>3.3748435130000001</v>
      </c>
    </row>
    <row r="4490" spans="1:10" x14ac:dyDescent="0.35">
      <c r="A4490" t="s">
        <v>28</v>
      </c>
      <c r="B4490" t="s">
        <v>29</v>
      </c>
      <c r="C4490" t="s">
        <v>117</v>
      </c>
      <c r="D4490" t="s">
        <v>118</v>
      </c>
      <c r="E4490">
        <v>2017</v>
      </c>
      <c r="F4490">
        <v>2017</v>
      </c>
      <c r="G4490" t="s">
        <v>125</v>
      </c>
      <c r="H4490" t="s">
        <v>119</v>
      </c>
      <c r="I4490" t="s">
        <v>15</v>
      </c>
      <c r="J4490" s="10">
        <v>16.18585298</v>
      </c>
    </row>
    <row r="4491" spans="1:10" x14ac:dyDescent="0.35">
      <c r="A4491" t="s">
        <v>28</v>
      </c>
      <c r="B4491" t="s">
        <v>29</v>
      </c>
      <c r="C4491" t="s">
        <v>117</v>
      </c>
      <c r="D4491" t="s">
        <v>118</v>
      </c>
      <c r="E4491">
        <v>2017</v>
      </c>
      <c r="F4491">
        <v>2017</v>
      </c>
      <c r="G4491" t="s">
        <v>125</v>
      </c>
      <c r="H4491" t="s">
        <v>120</v>
      </c>
      <c r="I4491" t="s">
        <v>15</v>
      </c>
      <c r="J4491" s="10">
        <v>10.274618589999999</v>
      </c>
    </row>
    <row r="4492" spans="1:10" x14ac:dyDescent="0.35">
      <c r="A4492" t="s">
        <v>28</v>
      </c>
      <c r="B4492" t="s">
        <v>29</v>
      </c>
      <c r="C4492" t="s">
        <v>117</v>
      </c>
      <c r="D4492" t="s">
        <v>118</v>
      </c>
      <c r="E4492">
        <v>2017</v>
      </c>
      <c r="F4492">
        <v>2017</v>
      </c>
      <c r="G4492" t="s">
        <v>125</v>
      </c>
      <c r="H4492" t="s">
        <v>121</v>
      </c>
      <c r="I4492" t="s">
        <v>15</v>
      </c>
      <c r="J4492" s="10">
        <v>27.30929265</v>
      </c>
    </row>
    <row r="4493" spans="1:10" x14ac:dyDescent="0.35">
      <c r="A4493" t="s">
        <v>28</v>
      </c>
      <c r="B4493" t="s">
        <v>29</v>
      </c>
      <c r="C4493" t="s">
        <v>117</v>
      </c>
      <c r="D4493" t="s">
        <v>118</v>
      </c>
      <c r="E4493">
        <v>2017</v>
      </c>
      <c r="F4493">
        <v>2017</v>
      </c>
      <c r="G4493" t="s">
        <v>125</v>
      </c>
      <c r="H4493" t="s">
        <v>122</v>
      </c>
      <c r="I4493" t="s">
        <v>15</v>
      </c>
      <c r="J4493" s="10">
        <v>22.50485437</v>
      </c>
    </row>
    <row r="4494" spans="1:10" x14ac:dyDescent="0.35">
      <c r="A4494" t="s">
        <v>28</v>
      </c>
      <c r="B4494" t="s">
        <v>29</v>
      </c>
      <c r="C4494" t="s">
        <v>117</v>
      </c>
      <c r="D4494" t="s">
        <v>118</v>
      </c>
      <c r="E4494">
        <v>2017</v>
      </c>
      <c r="F4494">
        <v>2017</v>
      </c>
      <c r="G4494" t="s">
        <v>125</v>
      </c>
      <c r="H4494" t="s">
        <v>123</v>
      </c>
      <c r="I4494" t="s">
        <v>15</v>
      </c>
      <c r="J4494" s="10">
        <v>21.167822470000001</v>
      </c>
    </row>
    <row r="4495" spans="1:10" x14ac:dyDescent="0.35">
      <c r="A4495" t="s">
        <v>28</v>
      </c>
      <c r="B4495" t="s">
        <v>29</v>
      </c>
      <c r="C4495" t="s">
        <v>117</v>
      </c>
      <c r="D4495" t="s">
        <v>118</v>
      </c>
      <c r="E4495">
        <v>2017</v>
      </c>
      <c r="F4495">
        <v>2017</v>
      </c>
      <c r="G4495" t="s">
        <v>125</v>
      </c>
      <c r="H4495" t="s">
        <v>124</v>
      </c>
      <c r="I4495" t="s">
        <v>15</v>
      </c>
      <c r="J4495" s="10">
        <v>2.5575589459999999</v>
      </c>
    </row>
    <row r="4496" spans="1:10" x14ac:dyDescent="0.35">
      <c r="A4496" t="s">
        <v>28</v>
      </c>
      <c r="B4496" t="s">
        <v>29</v>
      </c>
      <c r="C4496" t="s">
        <v>117</v>
      </c>
      <c r="D4496" t="s">
        <v>118</v>
      </c>
      <c r="E4496">
        <v>2017</v>
      </c>
      <c r="F4496">
        <v>2017</v>
      </c>
      <c r="G4496" t="s">
        <v>126</v>
      </c>
      <c r="H4496" t="s">
        <v>119</v>
      </c>
      <c r="I4496" t="s">
        <v>15</v>
      </c>
      <c r="J4496" s="10">
        <v>14.2939626</v>
      </c>
    </row>
    <row r="4497" spans="1:10" x14ac:dyDescent="0.35">
      <c r="A4497" t="s">
        <v>28</v>
      </c>
      <c r="B4497" t="s">
        <v>29</v>
      </c>
      <c r="C4497" t="s">
        <v>117</v>
      </c>
      <c r="D4497" t="s">
        <v>118</v>
      </c>
      <c r="E4497">
        <v>2017</v>
      </c>
      <c r="F4497">
        <v>2017</v>
      </c>
      <c r="G4497" t="s">
        <v>126</v>
      </c>
      <c r="H4497" t="s">
        <v>120</v>
      </c>
      <c r="I4497" t="s">
        <v>15</v>
      </c>
      <c r="J4497" s="10">
        <v>8.9393749220000007</v>
      </c>
    </row>
    <row r="4498" spans="1:10" x14ac:dyDescent="0.35">
      <c r="A4498" t="s">
        <v>28</v>
      </c>
      <c r="B4498" t="s">
        <v>29</v>
      </c>
      <c r="C4498" t="s">
        <v>117</v>
      </c>
      <c r="D4498" t="s">
        <v>118</v>
      </c>
      <c r="E4498">
        <v>2017</v>
      </c>
      <c r="F4498">
        <v>2017</v>
      </c>
      <c r="G4498" t="s">
        <v>126</v>
      </c>
      <c r="H4498" t="s">
        <v>121</v>
      </c>
      <c r="I4498" t="s">
        <v>15</v>
      </c>
      <c r="J4498" s="10">
        <v>27.119367390000001</v>
      </c>
    </row>
    <row r="4499" spans="1:10" x14ac:dyDescent="0.35">
      <c r="A4499" t="s">
        <v>28</v>
      </c>
      <c r="B4499" t="s">
        <v>29</v>
      </c>
      <c r="C4499" t="s">
        <v>117</v>
      </c>
      <c r="D4499" t="s">
        <v>118</v>
      </c>
      <c r="E4499">
        <v>2017</v>
      </c>
      <c r="F4499">
        <v>2017</v>
      </c>
      <c r="G4499" t="s">
        <v>126</v>
      </c>
      <c r="H4499" t="s">
        <v>122</v>
      </c>
      <c r="I4499" t="s">
        <v>15</v>
      </c>
      <c r="J4499" s="10">
        <v>22.67603866</v>
      </c>
    </row>
    <row r="4500" spans="1:10" x14ac:dyDescent="0.35">
      <c r="A4500" t="s">
        <v>28</v>
      </c>
      <c r="B4500" t="s">
        <v>29</v>
      </c>
      <c r="C4500" t="s">
        <v>117</v>
      </c>
      <c r="D4500" t="s">
        <v>118</v>
      </c>
      <c r="E4500">
        <v>2017</v>
      </c>
      <c r="F4500">
        <v>2017</v>
      </c>
      <c r="G4500" t="s">
        <v>126</v>
      </c>
      <c r="H4500" t="s">
        <v>123</v>
      </c>
      <c r="I4500" t="s">
        <v>15</v>
      </c>
      <c r="J4500" s="10">
        <v>22.856784229999999</v>
      </c>
    </row>
    <row r="4501" spans="1:10" x14ac:dyDescent="0.35">
      <c r="A4501" t="s">
        <v>28</v>
      </c>
      <c r="B4501" t="s">
        <v>29</v>
      </c>
      <c r="C4501" t="s">
        <v>117</v>
      </c>
      <c r="D4501" t="s">
        <v>118</v>
      </c>
      <c r="E4501">
        <v>2017</v>
      </c>
      <c r="F4501">
        <v>2017</v>
      </c>
      <c r="G4501" t="s">
        <v>126</v>
      </c>
      <c r="H4501" t="s">
        <v>124</v>
      </c>
      <c r="I4501" t="s">
        <v>15</v>
      </c>
      <c r="J4501" s="10">
        <v>4.1144721979999996</v>
      </c>
    </row>
    <row r="4502" spans="1:10" x14ac:dyDescent="0.35">
      <c r="A4502" t="s">
        <v>28</v>
      </c>
      <c r="B4502" t="s">
        <v>29</v>
      </c>
      <c r="C4502" t="s">
        <v>117</v>
      </c>
      <c r="D4502" t="s">
        <v>118</v>
      </c>
      <c r="E4502">
        <v>2016</v>
      </c>
      <c r="F4502">
        <v>2016</v>
      </c>
      <c r="G4502" t="s">
        <v>14</v>
      </c>
      <c r="H4502" t="s">
        <v>119</v>
      </c>
      <c r="I4502" t="s">
        <v>15</v>
      </c>
      <c r="J4502" s="10">
        <v>15.2499868</v>
      </c>
    </row>
    <row r="4503" spans="1:10" x14ac:dyDescent="0.35">
      <c r="A4503" t="s">
        <v>28</v>
      </c>
      <c r="B4503" t="s">
        <v>29</v>
      </c>
      <c r="C4503" t="s">
        <v>117</v>
      </c>
      <c r="D4503" t="s">
        <v>118</v>
      </c>
      <c r="E4503">
        <v>2016</v>
      </c>
      <c r="F4503">
        <v>2016</v>
      </c>
      <c r="G4503" t="s">
        <v>14</v>
      </c>
      <c r="H4503" t="s">
        <v>120</v>
      </c>
      <c r="I4503" t="s">
        <v>15</v>
      </c>
      <c r="J4503" s="10">
        <v>9.7632120800000006</v>
      </c>
    </row>
    <row r="4504" spans="1:10" x14ac:dyDescent="0.35">
      <c r="A4504" t="s">
        <v>28</v>
      </c>
      <c r="B4504" t="s">
        <v>29</v>
      </c>
      <c r="C4504" t="s">
        <v>117</v>
      </c>
      <c r="D4504" t="s">
        <v>118</v>
      </c>
      <c r="E4504">
        <v>2016</v>
      </c>
      <c r="F4504">
        <v>2016</v>
      </c>
      <c r="G4504" t="s">
        <v>14</v>
      </c>
      <c r="H4504" t="s">
        <v>121</v>
      </c>
      <c r="I4504" t="s">
        <v>15</v>
      </c>
      <c r="J4504" s="10">
        <v>27.555303309999999</v>
      </c>
    </row>
    <row r="4505" spans="1:10" x14ac:dyDescent="0.35">
      <c r="A4505" t="s">
        <v>28</v>
      </c>
      <c r="B4505" t="s">
        <v>29</v>
      </c>
      <c r="C4505" t="s">
        <v>117</v>
      </c>
      <c r="D4505" t="s">
        <v>118</v>
      </c>
      <c r="E4505">
        <v>2016</v>
      </c>
      <c r="F4505">
        <v>2016</v>
      </c>
      <c r="G4505" t="s">
        <v>14</v>
      </c>
      <c r="H4505" t="s">
        <v>122</v>
      </c>
      <c r="I4505" t="s">
        <v>15</v>
      </c>
      <c r="J4505" s="10">
        <v>22.405100050000001</v>
      </c>
    </row>
    <row r="4506" spans="1:10" x14ac:dyDescent="0.35">
      <c r="A4506" t="s">
        <v>28</v>
      </c>
      <c r="B4506" t="s">
        <v>29</v>
      </c>
      <c r="C4506" t="s">
        <v>117</v>
      </c>
      <c r="D4506" t="s">
        <v>118</v>
      </c>
      <c r="E4506">
        <v>2016</v>
      </c>
      <c r="F4506">
        <v>2016</v>
      </c>
      <c r="G4506" t="s">
        <v>14</v>
      </c>
      <c r="H4506" t="s">
        <v>123</v>
      </c>
      <c r="I4506" t="s">
        <v>15</v>
      </c>
      <c r="J4506" s="10">
        <v>21.708199140000001</v>
      </c>
    </row>
    <row r="4507" spans="1:10" x14ac:dyDescent="0.35">
      <c r="A4507" t="s">
        <v>28</v>
      </c>
      <c r="B4507" t="s">
        <v>29</v>
      </c>
      <c r="C4507" t="s">
        <v>117</v>
      </c>
      <c r="D4507" t="s">
        <v>118</v>
      </c>
      <c r="E4507">
        <v>2016</v>
      </c>
      <c r="F4507">
        <v>2016</v>
      </c>
      <c r="G4507" t="s">
        <v>14</v>
      </c>
      <c r="H4507" t="s">
        <v>124</v>
      </c>
      <c r="I4507" t="s">
        <v>15</v>
      </c>
      <c r="J4507" s="10">
        <v>3.3181986170000002</v>
      </c>
    </row>
    <row r="4508" spans="1:10" x14ac:dyDescent="0.35">
      <c r="A4508" t="s">
        <v>28</v>
      </c>
      <c r="B4508" t="s">
        <v>29</v>
      </c>
      <c r="C4508" t="s">
        <v>117</v>
      </c>
      <c r="D4508" t="s">
        <v>118</v>
      </c>
      <c r="E4508">
        <v>2016</v>
      </c>
      <c r="F4508">
        <v>2016</v>
      </c>
      <c r="G4508" t="s">
        <v>125</v>
      </c>
      <c r="H4508" t="s">
        <v>119</v>
      </c>
      <c r="I4508" t="s">
        <v>15</v>
      </c>
      <c r="J4508" s="10">
        <v>16.265546310000001</v>
      </c>
    </row>
    <row r="4509" spans="1:10" x14ac:dyDescent="0.35">
      <c r="A4509" t="s">
        <v>28</v>
      </c>
      <c r="B4509" t="s">
        <v>29</v>
      </c>
      <c r="C4509" t="s">
        <v>117</v>
      </c>
      <c r="D4509" t="s">
        <v>118</v>
      </c>
      <c r="E4509">
        <v>2016</v>
      </c>
      <c r="F4509">
        <v>2016</v>
      </c>
      <c r="G4509" t="s">
        <v>125</v>
      </c>
      <c r="H4509" t="s">
        <v>120</v>
      </c>
      <c r="I4509" t="s">
        <v>15</v>
      </c>
      <c r="J4509" s="10">
        <v>10.35307866</v>
      </c>
    </row>
    <row r="4510" spans="1:10" x14ac:dyDescent="0.35">
      <c r="A4510" t="s">
        <v>28</v>
      </c>
      <c r="B4510" t="s">
        <v>29</v>
      </c>
      <c r="C4510" t="s">
        <v>117</v>
      </c>
      <c r="D4510" t="s">
        <v>118</v>
      </c>
      <c r="E4510">
        <v>2016</v>
      </c>
      <c r="F4510">
        <v>2016</v>
      </c>
      <c r="G4510" t="s">
        <v>125</v>
      </c>
      <c r="H4510" t="s">
        <v>121</v>
      </c>
      <c r="I4510" t="s">
        <v>15</v>
      </c>
      <c r="J4510" s="10">
        <v>27.75938343</v>
      </c>
    </row>
    <row r="4511" spans="1:10" x14ac:dyDescent="0.35">
      <c r="A4511" t="s">
        <v>28</v>
      </c>
      <c r="B4511" t="s">
        <v>29</v>
      </c>
      <c r="C4511" t="s">
        <v>117</v>
      </c>
      <c r="D4511" t="s">
        <v>118</v>
      </c>
      <c r="E4511">
        <v>2016</v>
      </c>
      <c r="F4511">
        <v>2016</v>
      </c>
      <c r="G4511" t="s">
        <v>125</v>
      </c>
      <c r="H4511" t="s">
        <v>122</v>
      </c>
      <c r="I4511" t="s">
        <v>15</v>
      </c>
      <c r="J4511" s="10">
        <v>22.339389560000001</v>
      </c>
    </row>
    <row r="4512" spans="1:10" x14ac:dyDescent="0.35">
      <c r="A4512" t="s">
        <v>28</v>
      </c>
      <c r="B4512" t="s">
        <v>29</v>
      </c>
      <c r="C4512" t="s">
        <v>117</v>
      </c>
      <c r="D4512" t="s">
        <v>118</v>
      </c>
      <c r="E4512">
        <v>2016</v>
      </c>
      <c r="F4512">
        <v>2016</v>
      </c>
      <c r="G4512" t="s">
        <v>125</v>
      </c>
      <c r="H4512" t="s">
        <v>123</v>
      </c>
      <c r="I4512" t="s">
        <v>15</v>
      </c>
      <c r="J4512" s="10">
        <v>20.842491859999999</v>
      </c>
    </row>
    <row r="4513" spans="1:10" x14ac:dyDescent="0.35">
      <c r="A4513" t="s">
        <v>28</v>
      </c>
      <c r="B4513" t="s">
        <v>29</v>
      </c>
      <c r="C4513" t="s">
        <v>117</v>
      </c>
      <c r="D4513" t="s">
        <v>118</v>
      </c>
      <c r="E4513">
        <v>2016</v>
      </c>
      <c r="F4513">
        <v>2016</v>
      </c>
      <c r="G4513" t="s">
        <v>125</v>
      </c>
      <c r="H4513" t="s">
        <v>124</v>
      </c>
      <c r="I4513" t="s">
        <v>15</v>
      </c>
      <c r="J4513" s="10">
        <v>2.4401101810000001</v>
      </c>
    </row>
    <row r="4514" spans="1:10" x14ac:dyDescent="0.35">
      <c r="A4514" t="s">
        <v>28</v>
      </c>
      <c r="B4514" t="s">
        <v>29</v>
      </c>
      <c r="C4514" t="s">
        <v>117</v>
      </c>
      <c r="D4514" t="s">
        <v>118</v>
      </c>
      <c r="E4514">
        <v>2016</v>
      </c>
      <c r="F4514">
        <v>2016</v>
      </c>
      <c r="G4514" t="s">
        <v>126</v>
      </c>
      <c r="H4514" t="s">
        <v>119</v>
      </c>
      <c r="I4514" t="s">
        <v>15</v>
      </c>
      <c r="J4514" s="10">
        <v>14.33342541</v>
      </c>
    </row>
    <row r="4515" spans="1:10" x14ac:dyDescent="0.35">
      <c r="A4515" t="s">
        <v>28</v>
      </c>
      <c r="B4515" t="s">
        <v>29</v>
      </c>
      <c r="C4515" t="s">
        <v>117</v>
      </c>
      <c r="D4515" t="s">
        <v>118</v>
      </c>
      <c r="E4515">
        <v>2016</v>
      </c>
      <c r="F4515">
        <v>2016</v>
      </c>
      <c r="G4515" t="s">
        <v>126</v>
      </c>
      <c r="H4515" t="s">
        <v>120</v>
      </c>
      <c r="I4515" t="s">
        <v>15</v>
      </c>
      <c r="J4515" s="10">
        <v>9.2308464959999998</v>
      </c>
    </row>
    <row r="4516" spans="1:10" x14ac:dyDescent="0.35">
      <c r="A4516" t="s">
        <v>28</v>
      </c>
      <c r="B4516" t="s">
        <v>29</v>
      </c>
      <c r="C4516" t="s">
        <v>117</v>
      </c>
      <c r="D4516" t="s">
        <v>118</v>
      </c>
      <c r="E4516">
        <v>2016</v>
      </c>
      <c r="F4516">
        <v>2016</v>
      </c>
      <c r="G4516" t="s">
        <v>126</v>
      </c>
      <c r="H4516" t="s">
        <v>121</v>
      </c>
      <c r="I4516" t="s">
        <v>15</v>
      </c>
      <c r="J4516" s="10">
        <v>27.37111719</v>
      </c>
    </row>
    <row r="4517" spans="1:10" x14ac:dyDescent="0.35">
      <c r="A4517" t="s">
        <v>28</v>
      </c>
      <c r="B4517" t="s">
        <v>29</v>
      </c>
      <c r="C4517" t="s">
        <v>117</v>
      </c>
      <c r="D4517" t="s">
        <v>118</v>
      </c>
      <c r="E4517">
        <v>2016</v>
      </c>
      <c r="F4517">
        <v>2016</v>
      </c>
      <c r="G4517" t="s">
        <v>126</v>
      </c>
      <c r="H4517" t="s">
        <v>122</v>
      </c>
      <c r="I4517" t="s">
        <v>15</v>
      </c>
      <c r="J4517" s="10">
        <v>22.464404989999998</v>
      </c>
    </row>
    <row r="4518" spans="1:10" x14ac:dyDescent="0.35">
      <c r="A4518" t="s">
        <v>28</v>
      </c>
      <c r="B4518" t="s">
        <v>29</v>
      </c>
      <c r="C4518" t="s">
        <v>117</v>
      </c>
      <c r="D4518" t="s">
        <v>118</v>
      </c>
      <c r="E4518">
        <v>2016</v>
      </c>
      <c r="F4518">
        <v>2016</v>
      </c>
      <c r="G4518" t="s">
        <v>126</v>
      </c>
      <c r="H4518" t="s">
        <v>123</v>
      </c>
      <c r="I4518" t="s">
        <v>15</v>
      </c>
      <c r="J4518" s="10">
        <v>22.48951611</v>
      </c>
    </row>
    <row r="4519" spans="1:10" x14ac:dyDescent="0.35">
      <c r="A4519" t="s">
        <v>28</v>
      </c>
      <c r="B4519" t="s">
        <v>29</v>
      </c>
      <c r="C4519" t="s">
        <v>117</v>
      </c>
      <c r="D4519" t="s">
        <v>118</v>
      </c>
      <c r="E4519">
        <v>2016</v>
      </c>
      <c r="F4519">
        <v>2016</v>
      </c>
      <c r="G4519" t="s">
        <v>126</v>
      </c>
      <c r="H4519" t="s">
        <v>124</v>
      </c>
      <c r="I4519" t="s">
        <v>15</v>
      </c>
      <c r="J4519" s="10">
        <v>4.1106898019999996</v>
      </c>
    </row>
    <row r="4520" spans="1:10" x14ac:dyDescent="0.35">
      <c r="A4520" t="s">
        <v>28</v>
      </c>
      <c r="B4520" t="s">
        <v>29</v>
      </c>
      <c r="C4520" t="s">
        <v>117</v>
      </c>
      <c r="D4520" t="s">
        <v>118</v>
      </c>
      <c r="E4520">
        <v>2015</v>
      </c>
      <c r="F4520">
        <v>2015</v>
      </c>
      <c r="G4520" t="s">
        <v>14</v>
      </c>
      <c r="H4520" t="s">
        <v>119</v>
      </c>
      <c r="I4520" t="s">
        <v>15</v>
      </c>
      <c r="J4520" s="10">
        <v>15.371752839999999</v>
      </c>
    </row>
    <row r="4521" spans="1:10" x14ac:dyDescent="0.35">
      <c r="A4521" t="s">
        <v>28</v>
      </c>
      <c r="B4521" t="s">
        <v>29</v>
      </c>
      <c r="C4521" t="s">
        <v>117</v>
      </c>
      <c r="D4521" t="s">
        <v>118</v>
      </c>
      <c r="E4521">
        <v>2015</v>
      </c>
      <c r="F4521">
        <v>2015</v>
      </c>
      <c r="G4521" t="s">
        <v>14</v>
      </c>
      <c r="H4521" t="s">
        <v>120</v>
      </c>
      <c r="I4521" t="s">
        <v>15</v>
      </c>
      <c r="J4521" s="10">
        <v>9.760240155</v>
      </c>
    </row>
    <row r="4522" spans="1:10" x14ac:dyDescent="0.35">
      <c r="A4522" t="s">
        <v>28</v>
      </c>
      <c r="B4522" t="s">
        <v>29</v>
      </c>
      <c r="C4522" t="s">
        <v>117</v>
      </c>
      <c r="D4522" t="s">
        <v>118</v>
      </c>
      <c r="E4522">
        <v>2015</v>
      </c>
      <c r="F4522">
        <v>2015</v>
      </c>
      <c r="G4522" t="s">
        <v>14</v>
      </c>
      <c r="H4522" t="s">
        <v>121</v>
      </c>
      <c r="I4522" t="s">
        <v>15</v>
      </c>
      <c r="J4522" s="10">
        <v>27.968032019999999</v>
      </c>
    </row>
    <row r="4523" spans="1:10" x14ac:dyDescent="0.35">
      <c r="A4523" t="s">
        <v>28</v>
      </c>
      <c r="B4523" t="s">
        <v>29</v>
      </c>
      <c r="C4523" t="s">
        <v>117</v>
      </c>
      <c r="D4523" t="s">
        <v>118</v>
      </c>
      <c r="E4523">
        <v>2015</v>
      </c>
      <c r="F4523">
        <v>2015</v>
      </c>
      <c r="G4523" t="s">
        <v>14</v>
      </c>
      <c r="H4523" t="s">
        <v>122</v>
      </c>
      <c r="I4523" t="s">
        <v>15</v>
      </c>
      <c r="J4523" s="10">
        <v>22.386802020000001</v>
      </c>
    </row>
    <row r="4524" spans="1:10" x14ac:dyDescent="0.35">
      <c r="A4524" t="s">
        <v>28</v>
      </c>
      <c r="B4524" t="s">
        <v>29</v>
      </c>
      <c r="C4524" t="s">
        <v>117</v>
      </c>
      <c r="D4524" t="s">
        <v>118</v>
      </c>
      <c r="E4524">
        <v>2015</v>
      </c>
      <c r="F4524">
        <v>2015</v>
      </c>
      <c r="G4524" t="s">
        <v>14</v>
      </c>
      <c r="H4524" t="s">
        <v>123</v>
      </c>
      <c r="I4524" t="s">
        <v>15</v>
      </c>
      <c r="J4524" s="10">
        <v>21.251859750000001</v>
      </c>
    </row>
    <row r="4525" spans="1:10" x14ac:dyDescent="0.35">
      <c r="A4525" t="s">
        <v>28</v>
      </c>
      <c r="B4525" t="s">
        <v>29</v>
      </c>
      <c r="C4525" t="s">
        <v>117</v>
      </c>
      <c r="D4525" t="s">
        <v>118</v>
      </c>
      <c r="E4525">
        <v>2015</v>
      </c>
      <c r="F4525">
        <v>2015</v>
      </c>
      <c r="G4525" t="s">
        <v>14</v>
      </c>
      <c r="H4525" t="s">
        <v>124</v>
      </c>
      <c r="I4525" t="s">
        <v>15</v>
      </c>
      <c r="J4525" s="10">
        <v>3.2613132149999999</v>
      </c>
    </row>
    <row r="4526" spans="1:10" x14ac:dyDescent="0.35">
      <c r="A4526" t="s">
        <v>28</v>
      </c>
      <c r="B4526" t="s">
        <v>29</v>
      </c>
      <c r="C4526" t="s">
        <v>117</v>
      </c>
      <c r="D4526" t="s">
        <v>118</v>
      </c>
      <c r="E4526">
        <v>2015</v>
      </c>
      <c r="F4526">
        <v>2015</v>
      </c>
      <c r="G4526" t="s">
        <v>125</v>
      </c>
      <c r="H4526" t="s">
        <v>119</v>
      </c>
      <c r="I4526" t="s">
        <v>15</v>
      </c>
      <c r="J4526" s="10">
        <v>16.40792068</v>
      </c>
    </row>
    <row r="4527" spans="1:10" x14ac:dyDescent="0.35">
      <c r="A4527" t="s">
        <v>28</v>
      </c>
      <c r="B4527" t="s">
        <v>29</v>
      </c>
      <c r="C4527" t="s">
        <v>117</v>
      </c>
      <c r="D4527" t="s">
        <v>118</v>
      </c>
      <c r="E4527">
        <v>2015</v>
      </c>
      <c r="F4527">
        <v>2015</v>
      </c>
      <c r="G4527" t="s">
        <v>125</v>
      </c>
      <c r="H4527" t="s">
        <v>120</v>
      </c>
      <c r="I4527" t="s">
        <v>15</v>
      </c>
      <c r="J4527" s="10">
        <v>10.33687894</v>
      </c>
    </row>
    <row r="4528" spans="1:10" x14ac:dyDescent="0.35">
      <c r="A4528" t="s">
        <v>28</v>
      </c>
      <c r="B4528" t="s">
        <v>29</v>
      </c>
      <c r="C4528" t="s">
        <v>117</v>
      </c>
      <c r="D4528" t="s">
        <v>118</v>
      </c>
      <c r="E4528">
        <v>2015</v>
      </c>
      <c r="F4528">
        <v>2015</v>
      </c>
      <c r="G4528" t="s">
        <v>125</v>
      </c>
      <c r="H4528" t="s">
        <v>121</v>
      </c>
      <c r="I4528" t="s">
        <v>15</v>
      </c>
      <c r="J4528" s="10">
        <v>28.133418500000001</v>
      </c>
    </row>
    <row r="4529" spans="1:10" x14ac:dyDescent="0.35">
      <c r="A4529" t="s">
        <v>28</v>
      </c>
      <c r="B4529" t="s">
        <v>29</v>
      </c>
      <c r="C4529" t="s">
        <v>117</v>
      </c>
      <c r="D4529" t="s">
        <v>118</v>
      </c>
      <c r="E4529">
        <v>2015</v>
      </c>
      <c r="F4529">
        <v>2015</v>
      </c>
      <c r="G4529" t="s">
        <v>125</v>
      </c>
      <c r="H4529" t="s">
        <v>122</v>
      </c>
      <c r="I4529" t="s">
        <v>15</v>
      </c>
      <c r="J4529" s="10">
        <v>22.37898186</v>
      </c>
    </row>
    <row r="4530" spans="1:10" x14ac:dyDescent="0.35">
      <c r="A4530" t="s">
        <v>28</v>
      </c>
      <c r="B4530" t="s">
        <v>29</v>
      </c>
      <c r="C4530" t="s">
        <v>117</v>
      </c>
      <c r="D4530" t="s">
        <v>118</v>
      </c>
      <c r="E4530">
        <v>2015</v>
      </c>
      <c r="F4530">
        <v>2015</v>
      </c>
      <c r="G4530" t="s">
        <v>125</v>
      </c>
      <c r="H4530" t="s">
        <v>123</v>
      </c>
      <c r="I4530" t="s">
        <v>15</v>
      </c>
      <c r="J4530" s="10">
        <v>20.437692670000001</v>
      </c>
    </row>
    <row r="4531" spans="1:10" x14ac:dyDescent="0.35">
      <c r="A4531" t="s">
        <v>28</v>
      </c>
      <c r="B4531" t="s">
        <v>29</v>
      </c>
      <c r="C4531" t="s">
        <v>117</v>
      </c>
      <c r="D4531" t="s">
        <v>118</v>
      </c>
      <c r="E4531">
        <v>2015</v>
      </c>
      <c r="F4531">
        <v>2015</v>
      </c>
      <c r="G4531" t="s">
        <v>125</v>
      </c>
      <c r="H4531" t="s">
        <v>124</v>
      </c>
      <c r="I4531" t="s">
        <v>15</v>
      </c>
      <c r="J4531" s="10">
        <v>2.3051073400000002</v>
      </c>
    </row>
    <row r="4532" spans="1:10" x14ac:dyDescent="0.35">
      <c r="A4532" t="s">
        <v>28</v>
      </c>
      <c r="B4532" t="s">
        <v>29</v>
      </c>
      <c r="C4532" t="s">
        <v>117</v>
      </c>
      <c r="D4532" t="s">
        <v>118</v>
      </c>
      <c r="E4532">
        <v>2015</v>
      </c>
      <c r="F4532">
        <v>2015</v>
      </c>
      <c r="G4532" t="s">
        <v>126</v>
      </c>
      <c r="H4532" t="s">
        <v>119</v>
      </c>
      <c r="I4532" t="s">
        <v>15</v>
      </c>
      <c r="J4532" s="10">
        <v>14.4377128</v>
      </c>
    </row>
    <row r="4533" spans="1:10" x14ac:dyDescent="0.35">
      <c r="A4533" t="s">
        <v>28</v>
      </c>
      <c r="B4533" t="s">
        <v>29</v>
      </c>
      <c r="C4533" t="s">
        <v>117</v>
      </c>
      <c r="D4533" t="s">
        <v>118</v>
      </c>
      <c r="E4533">
        <v>2015</v>
      </c>
      <c r="F4533">
        <v>2015</v>
      </c>
      <c r="G4533" t="s">
        <v>126</v>
      </c>
      <c r="H4533" t="s">
        <v>120</v>
      </c>
      <c r="I4533" t="s">
        <v>15</v>
      </c>
      <c r="J4533" s="10">
        <v>9.2404366109999998</v>
      </c>
    </row>
    <row r="4534" spans="1:10" x14ac:dyDescent="0.35">
      <c r="A4534" t="s">
        <v>28</v>
      </c>
      <c r="B4534" t="s">
        <v>29</v>
      </c>
      <c r="C4534" t="s">
        <v>117</v>
      </c>
      <c r="D4534" t="s">
        <v>118</v>
      </c>
      <c r="E4534">
        <v>2015</v>
      </c>
      <c r="F4534">
        <v>2015</v>
      </c>
      <c r="G4534" t="s">
        <v>126</v>
      </c>
      <c r="H4534" t="s">
        <v>121</v>
      </c>
      <c r="I4534" t="s">
        <v>15</v>
      </c>
      <c r="J4534" s="10">
        <v>27.818946530000002</v>
      </c>
    </row>
    <row r="4535" spans="1:10" x14ac:dyDescent="0.35">
      <c r="A4535" t="s">
        <v>28</v>
      </c>
      <c r="B4535" t="s">
        <v>29</v>
      </c>
      <c r="C4535" t="s">
        <v>117</v>
      </c>
      <c r="D4535" t="s">
        <v>118</v>
      </c>
      <c r="E4535">
        <v>2015</v>
      </c>
      <c r="F4535">
        <v>2015</v>
      </c>
      <c r="G4535" t="s">
        <v>126</v>
      </c>
      <c r="H4535" t="s">
        <v>122</v>
      </c>
      <c r="I4535" t="s">
        <v>15</v>
      </c>
      <c r="J4535" s="10">
        <v>22.393851389999998</v>
      </c>
    </row>
    <row r="4536" spans="1:10" x14ac:dyDescent="0.35">
      <c r="A4536" t="s">
        <v>28</v>
      </c>
      <c r="B4536" t="s">
        <v>29</v>
      </c>
      <c r="C4536" t="s">
        <v>117</v>
      </c>
      <c r="D4536" t="s">
        <v>118</v>
      </c>
      <c r="E4536">
        <v>2015</v>
      </c>
      <c r="F4536">
        <v>2015</v>
      </c>
      <c r="G4536" t="s">
        <v>126</v>
      </c>
      <c r="H4536" t="s">
        <v>123</v>
      </c>
      <c r="I4536" t="s">
        <v>15</v>
      </c>
      <c r="J4536" s="10">
        <v>21.985780089999999</v>
      </c>
    </row>
    <row r="4537" spans="1:10" x14ac:dyDescent="0.35">
      <c r="A4537" t="s">
        <v>28</v>
      </c>
      <c r="B4537" t="s">
        <v>29</v>
      </c>
      <c r="C4537" t="s">
        <v>117</v>
      </c>
      <c r="D4537" t="s">
        <v>118</v>
      </c>
      <c r="E4537">
        <v>2015</v>
      </c>
      <c r="F4537">
        <v>2015</v>
      </c>
      <c r="G4537" t="s">
        <v>126</v>
      </c>
      <c r="H4537" t="s">
        <v>124</v>
      </c>
      <c r="I4537" t="s">
        <v>15</v>
      </c>
      <c r="J4537" s="10">
        <v>4.1232725820000002</v>
      </c>
    </row>
    <row r="4538" spans="1:10" x14ac:dyDescent="0.35">
      <c r="A4538" t="s">
        <v>28</v>
      </c>
      <c r="B4538" t="s">
        <v>29</v>
      </c>
      <c r="C4538" t="s">
        <v>117</v>
      </c>
      <c r="D4538" t="s">
        <v>118</v>
      </c>
      <c r="E4538">
        <v>2014</v>
      </c>
      <c r="F4538">
        <v>2014</v>
      </c>
      <c r="G4538" t="s">
        <v>14</v>
      </c>
      <c r="H4538" t="s">
        <v>119</v>
      </c>
      <c r="I4538" t="s">
        <v>15</v>
      </c>
      <c r="J4538" s="10">
        <v>15.39826498</v>
      </c>
    </row>
    <row r="4539" spans="1:10" x14ac:dyDescent="0.35">
      <c r="A4539" t="s">
        <v>28</v>
      </c>
      <c r="B4539" t="s">
        <v>29</v>
      </c>
      <c r="C4539" t="s">
        <v>117</v>
      </c>
      <c r="D4539" t="s">
        <v>118</v>
      </c>
      <c r="E4539">
        <v>2014</v>
      </c>
      <c r="F4539">
        <v>2014</v>
      </c>
      <c r="G4539" t="s">
        <v>14</v>
      </c>
      <c r="H4539" t="s">
        <v>120</v>
      </c>
      <c r="I4539" t="s">
        <v>15</v>
      </c>
      <c r="J4539" s="10">
        <v>9.9513669819999997</v>
      </c>
    </row>
    <row r="4540" spans="1:10" x14ac:dyDescent="0.35">
      <c r="A4540" t="s">
        <v>28</v>
      </c>
      <c r="B4540" t="s">
        <v>29</v>
      </c>
      <c r="C4540" t="s">
        <v>117</v>
      </c>
      <c r="D4540" t="s">
        <v>118</v>
      </c>
      <c r="E4540">
        <v>2014</v>
      </c>
      <c r="F4540">
        <v>2014</v>
      </c>
      <c r="G4540" t="s">
        <v>14</v>
      </c>
      <c r="H4540" t="s">
        <v>121</v>
      </c>
      <c r="I4540" t="s">
        <v>15</v>
      </c>
      <c r="J4540" s="10">
        <v>28.41876972</v>
      </c>
    </row>
    <row r="4541" spans="1:10" x14ac:dyDescent="0.35">
      <c r="A4541" t="s">
        <v>28</v>
      </c>
      <c r="B4541" t="s">
        <v>29</v>
      </c>
      <c r="C4541" t="s">
        <v>117</v>
      </c>
      <c r="D4541" t="s">
        <v>118</v>
      </c>
      <c r="E4541">
        <v>2014</v>
      </c>
      <c r="F4541">
        <v>2014</v>
      </c>
      <c r="G4541" t="s">
        <v>14</v>
      </c>
      <c r="H4541" t="s">
        <v>122</v>
      </c>
      <c r="I4541" t="s">
        <v>15</v>
      </c>
      <c r="J4541" s="10">
        <v>22.154311249999999</v>
      </c>
    </row>
    <row r="4542" spans="1:10" x14ac:dyDescent="0.35">
      <c r="A4542" t="s">
        <v>28</v>
      </c>
      <c r="B4542" t="s">
        <v>29</v>
      </c>
      <c r="C4542" t="s">
        <v>117</v>
      </c>
      <c r="D4542" t="s">
        <v>118</v>
      </c>
      <c r="E4542">
        <v>2014</v>
      </c>
      <c r="F4542">
        <v>2014</v>
      </c>
      <c r="G4542" t="s">
        <v>14</v>
      </c>
      <c r="H4542" t="s">
        <v>123</v>
      </c>
      <c r="I4542" t="s">
        <v>15</v>
      </c>
      <c r="J4542" s="10">
        <v>20.81361725</v>
      </c>
    </row>
    <row r="4543" spans="1:10" x14ac:dyDescent="0.35">
      <c r="A4543" t="s">
        <v>28</v>
      </c>
      <c r="B4543" t="s">
        <v>29</v>
      </c>
      <c r="C4543" t="s">
        <v>117</v>
      </c>
      <c r="D4543" t="s">
        <v>118</v>
      </c>
      <c r="E4543">
        <v>2014</v>
      </c>
      <c r="F4543">
        <v>2014</v>
      </c>
      <c r="G4543" t="s">
        <v>14</v>
      </c>
      <c r="H4543" t="s">
        <v>124</v>
      </c>
      <c r="I4543" t="s">
        <v>15</v>
      </c>
      <c r="J4543" s="10">
        <v>3.2636698210000001</v>
      </c>
    </row>
    <row r="4544" spans="1:10" x14ac:dyDescent="0.35">
      <c r="A4544" t="s">
        <v>28</v>
      </c>
      <c r="B4544" t="s">
        <v>29</v>
      </c>
      <c r="C4544" t="s">
        <v>117</v>
      </c>
      <c r="D4544" t="s">
        <v>118</v>
      </c>
      <c r="E4544">
        <v>2014</v>
      </c>
      <c r="F4544">
        <v>2014</v>
      </c>
      <c r="G4544" t="s">
        <v>125</v>
      </c>
      <c r="H4544" t="s">
        <v>119</v>
      </c>
      <c r="I4544" t="s">
        <v>15</v>
      </c>
      <c r="J4544" s="10">
        <v>16.500734909999998</v>
      </c>
    </row>
    <row r="4545" spans="1:10" x14ac:dyDescent="0.35">
      <c r="A4545" t="s">
        <v>28</v>
      </c>
      <c r="B4545" t="s">
        <v>29</v>
      </c>
      <c r="C4545" t="s">
        <v>117</v>
      </c>
      <c r="D4545" t="s">
        <v>118</v>
      </c>
      <c r="E4545">
        <v>2014</v>
      </c>
      <c r="F4545">
        <v>2014</v>
      </c>
      <c r="G4545" t="s">
        <v>125</v>
      </c>
      <c r="H4545" t="s">
        <v>120</v>
      </c>
      <c r="I4545" t="s">
        <v>15</v>
      </c>
      <c r="J4545" s="10">
        <v>10.441221329999999</v>
      </c>
    </row>
    <row r="4546" spans="1:10" x14ac:dyDescent="0.35">
      <c r="A4546" t="s">
        <v>28</v>
      </c>
      <c r="B4546" t="s">
        <v>29</v>
      </c>
      <c r="C4546" t="s">
        <v>117</v>
      </c>
      <c r="D4546" t="s">
        <v>118</v>
      </c>
      <c r="E4546">
        <v>2014</v>
      </c>
      <c r="F4546">
        <v>2014</v>
      </c>
      <c r="G4546" t="s">
        <v>125</v>
      </c>
      <c r="H4546" t="s">
        <v>121</v>
      </c>
      <c r="I4546" t="s">
        <v>15</v>
      </c>
      <c r="J4546" s="10">
        <v>28.597576190000002</v>
      </c>
    </row>
    <row r="4547" spans="1:10" x14ac:dyDescent="0.35">
      <c r="A4547" t="s">
        <v>28</v>
      </c>
      <c r="B4547" t="s">
        <v>29</v>
      </c>
      <c r="C4547" t="s">
        <v>117</v>
      </c>
      <c r="D4547" t="s">
        <v>118</v>
      </c>
      <c r="E4547">
        <v>2014</v>
      </c>
      <c r="F4547">
        <v>2014</v>
      </c>
      <c r="G4547" t="s">
        <v>125</v>
      </c>
      <c r="H4547" t="s">
        <v>122</v>
      </c>
      <c r="I4547" t="s">
        <v>15</v>
      </c>
      <c r="J4547" s="10">
        <v>22.25241965</v>
      </c>
    </row>
    <row r="4548" spans="1:10" x14ac:dyDescent="0.35">
      <c r="A4548" t="s">
        <v>28</v>
      </c>
      <c r="B4548" t="s">
        <v>29</v>
      </c>
      <c r="C4548" t="s">
        <v>117</v>
      </c>
      <c r="D4548" t="s">
        <v>118</v>
      </c>
      <c r="E4548">
        <v>2014</v>
      </c>
      <c r="F4548">
        <v>2014</v>
      </c>
      <c r="G4548" t="s">
        <v>125</v>
      </c>
      <c r="H4548" t="s">
        <v>123</v>
      </c>
      <c r="I4548" t="s">
        <v>15</v>
      </c>
      <c r="J4548" s="10">
        <v>19.947863219999999</v>
      </c>
    </row>
    <row r="4549" spans="1:10" x14ac:dyDescent="0.35">
      <c r="A4549" t="s">
        <v>28</v>
      </c>
      <c r="B4549" t="s">
        <v>29</v>
      </c>
      <c r="C4549" t="s">
        <v>117</v>
      </c>
      <c r="D4549" t="s">
        <v>118</v>
      </c>
      <c r="E4549">
        <v>2014</v>
      </c>
      <c r="F4549">
        <v>2014</v>
      </c>
      <c r="G4549" t="s">
        <v>125</v>
      </c>
      <c r="H4549" t="s">
        <v>124</v>
      </c>
      <c r="I4549" t="s">
        <v>15</v>
      </c>
      <c r="J4549" s="10">
        <v>2.2601846970000001</v>
      </c>
    </row>
    <row r="4550" spans="1:10" x14ac:dyDescent="0.35">
      <c r="A4550" t="s">
        <v>28</v>
      </c>
      <c r="B4550" t="s">
        <v>29</v>
      </c>
      <c r="C4550" t="s">
        <v>117</v>
      </c>
      <c r="D4550" t="s">
        <v>118</v>
      </c>
      <c r="E4550">
        <v>2014</v>
      </c>
      <c r="F4550">
        <v>2014</v>
      </c>
      <c r="G4550" t="s">
        <v>126</v>
      </c>
      <c r="H4550" t="s">
        <v>119</v>
      </c>
      <c r="I4550" t="s">
        <v>15</v>
      </c>
      <c r="J4550" s="10">
        <v>14.40493741</v>
      </c>
    </row>
    <row r="4551" spans="1:10" x14ac:dyDescent="0.35">
      <c r="A4551" t="s">
        <v>28</v>
      </c>
      <c r="B4551" t="s">
        <v>29</v>
      </c>
      <c r="C4551" t="s">
        <v>117</v>
      </c>
      <c r="D4551" t="s">
        <v>118</v>
      </c>
      <c r="E4551">
        <v>2014</v>
      </c>
      <c r="F4551">
        <v>2014</v>
      </c>
      <c r="G4551" t="s">
        <v>126</v>
      </c>
      <c r="H4551" t="s">
        <v>120</v>
      </c>
      <c r="I4551" t="s">
        <v>15</v>
      </c>
      <c r="J4551" s="10">
        <v>9.5100072460000007</v>
      </c>
    </row>
    <row r="4552" spans="1:10" x14ac:dyDescent="0.35">
      <c r="A4552" t="s">
        <v>28</v>
      </c>
      <c r="B4552" t="s">
        <v>29</v>
      </c>
      <c r="C4552" t="s">
        <v>117</v>
      </c>
      <c r="D4552" t="s">
        <v>118</v>
      </c>
      <c r="E4552">
        <v>2014</v>
      </c>
      <c r="F4552">
        <v>2014</v>
      </c>
      <c r="G4552" t="s">
        <v>126</v>
      </c>
      <c r="H4552" t="s">
        <v>121</v>
      </c>
      <c r="I4552" t="s">
        <v>15</v>
      </c>
      <c r="J4552" s="10">
        <v>28.257664729999998</v>
      </c>
    </row>
    <row r="4553" spans="1:10" x14ac:dyDescent="0.35">
      <c r="A4553" t="s">
        <v>28</v>
      </c>
      <c r="B4553" t="s">
        <v>29</v>
      </c>
      <c r="C4553" t="s">
        <v>117</v>
      </c>
      <c r="D4553" t="s">
        <v>118</v>
      </c>
      <c r="E4553">
        <v>2014</v>
      </c>
      <c r="F4553">
        <v>2014</v>
      </c>
      <c r="G4553" t="s">
        <v>126</v>
      </c>
      <c r="H4553" t="s">
        <v>122</v>
      </c>
      <c r="I4553" t="s">
        <v>15</v>
      </c>
      <c r="J4553" s="10">
        <v>22.065915390000001</v>
      </c>
    </row>
    <row r="4554" spans="1:10" x14ac:dyDescent="0.35">
      <c r="A4554" t="s">
        <v>28</v>
      </c>
      <c r="B4554" t="s">
        <v>29</v>
      </c>
      <c r="C4554" t="s">
        <v>117</v>
      </c>
      <c r="D4554" t="s">
        <v>118</v>
      </c>
      <c r="E4554">
        <v>2014</v>
      </c>
      <c r="F4554">
        <v>2014</v>
      </c>
      <c r="G4554" t="s">
        <v>126</v>
      </c>
      <c r="H4554" t="s">
        <v>123</v>
      </c>
      <c r="I4554" t="s">
        <v>15</v>
      </c>
      <c r="J4554" s="10">
        <v>21.593663329999998</v>
      </c>
    </row>
    <row r="4555" spans="1:10" x14ac:dyDescent="0.35">
      <c r="A4555" t="s">
        <v>28</v>
      </c>
      <c r="B4555" t="s">
        <v>29</v>
      </c>
      <c r="C4555" t="s">
        <v>117</v>
      </c>
      <c r="D4555" t="s">
        <v>118</v>
      </c>
      <c r="E4555">
        <v>2014</v>
      </c>
      <c r="F4555">
        <v>2014</v>
      </c>
      <c r="G4555" t="s">
        <v>126</v>
      </c>
      <c r="H4555" t="s">
        <v>124</v>
      </c>
      <c r="I4555" t="s">
        <v>15</v>
      </c>
      <c r="J4555" s="10">
        <v>4.1678118990000002</v>
      </c>
    </row>
    <row r="4556" spans="1:10" x14ac:dyDescent="0.35">
      <c r="A4556" t="s">
        <v>28</v>
      </c>
      <c r="B4556" t="s">
        <v>29</v>
      </c>
      <c r="C4556" t="s">
        <v>117</v>
      </c>
      <c r="D4556" t="s">
        <v>118</v>
      </c>
      <c r="E4556">
        <v>2013</v>
      </c>
      <c r="F4556">
        <v>2013</v>
      </c>
      <c r="G4556" t="s">
        <v>14</v>
      </c>
      <c r="H4556" t="s">
        <v>119</v>
      </c>
      <c r="I4556" t="s">
        <v>15</v>
      </c>
      <c r="J4556" s="10">
        <v>15.604812340000001</v>
      </c>
    </row>
    <row r="4557" spans="1:10" x14ac:dyDescent="0.35">
      <c r="A4557" t="s">
        <v>28</v>
      </c>
      <c r="B4557" t="s">
        <v>29</v>
      </c>
      <c r="C4557" t="s">
        <v>117</v>
      </c>
      <c r="D4557" t="s">
        <v>118</v>
      </c>
      <c r="E4557">
        <v>2013</v>
      </c>
      <c r="F4557">
        <v>2013</v>
      </c>
      <c r="G4557" t="s">
        <v>14</v>
      </c>
      <c r="H4557" t="s">
        <v>120</v>
      </c>
      <c r="I4557" t="s">
        <v>15</v>
      </c>
      <c r="J4557" s="10">
        <v>9.9372302860000001</v>
      </c>
    </row>
    <row r="4558" spans="1:10" x14ac:dyDescent="0.35">
      <c r="A4558" t="s">
        <v>28</v>
      </c>
      <c r="B4558" t="s">
        <v>29</v>
      </c>
      <c r="C4558" t="s">
        <v>117</v>
      </c>
      <c r="D4558" t="s">
        <v>118</v>
      </c>
      <c r="E4558">
        <v>2013</v>
      </c>
      <c r="F4558">
        <v>2013</v>
      </c>
      <c r="G4558" t="s">
        <v>14</v>
      </c>
      <c r="H4558" t="s">
        <v>121</v>
      </c>
      <c r="I4558" t="s">
        <v>15</v>
      </c>
      <c r="J4558" s="10">
        <v>28.978684449999999</v>
      </c>
    </row>
    <row r="4559" spans="1:10" x14ac:dyDescent="0.35">
      <c r="A4559" t="s">
        <v>28</v>
      </c>
      <c r="B4559" t="s">
        <v>29</v>
      </c>
      <c r="C4559" t="s">
        <v>117</v>
      </c>
      <c r="D4559" t="s">
        <v>118</v>
      </c>
      <c r="E4559">
        <v>2013</v>
      </c>
      <c r="F4559">
        <v>2013</v>
      </c>
      <c r="G4559" t="s">
        <v>14</v>
      </c>
      <c r="H4559" t="s">
        <v>122</v>
      </c>
      <c r="I4559" t="s">
        <v>15</v>
      </c>
      <c r="J4559" s="10">
        <v>22.04916961</v>
      </c>
    </row>
    <row r="4560" spans="1:10" x14ac:dyDescent="0.35">
      <c r="A4560" t="s">
        <v>28</v>
      </c>
      <c r="B4560" t="s">
        <v>29</v>
      </c>
      <c r="C4560" t="s">
        <v>117</v>
      </c>
      <c r="D4560" t="s">
        <v>118</v>
      </c>
      <c r="E4560">
        <v>2013</v>
      </c>
      <c r="F4560">
        <v>2013</v>
      </c>
      <c r="G4560" t="s">
        <v>14</v>
      </c>
      <c r="H4560" t="s">
        <v>123</v>
      </c>
      <c r="I4560" t="s">
        <v>15</v>
      </c>
      <c r="J4560" s="10">
        <v>20.28377141</v>
      </c>
    </row>
    <row r="4561" spans="1:10" x14ac:dyDescent="0.35">
      <c r="A4561" t="s">
        <v>28</v>
      </c>
      <c r="B4561" t="s">
        <v>29</v>
      </c>
      <c r="C4561" t="s">
        <v>117</v>
      </c>
      <c r="D4561" t="s">
        <v>118</v>
      </c>
      <c r="E4561">
        <v>2013</v>
      </c>
      <c r="F4561">
        <v>2013</v>
      </c>
      <c r="G4561" t="s">
        <v>14</v>
      </c>
      <c r="H4561" t="s">
        <v>124</v>
      </c>
      <c r="I4561" t="s">
        <v>15</v>
      </c>
      <c r="J4561" s="10">
        <v>3.1463318949999999</v>
      </c>
    </row>
    <row r="4562" spans="1:10" x14ac:dyDescent="0.35">
      <c r="A4562" t="s">
        <v>28</v>
      </c>
      <c r="B4562" t="s">
        <v>29</v>
      </c>
      <c r="C4562" t="s">
        <v>117</v>
      </c>
      <c r="D4562" t="s">
        <v>118</v>
      </c>
      <c r="E4562">
        <v>2013</v>
      </c>
      <c r="F4562">
        <v>2013</v>
      </c>
      <c r="G4562" t="s">
        <v>125</v>
      </c>
      <c r="H4562" t="s">
        <v>119</v>
      </c>
      <c r="I4562" t="s">
        <v>15</v>
      </c>
      <c r="J4562" s="10">
        <v>16.741256419999999</v>
      </c>
    </row>
    <row r="4563" spans="1:10" x14ac:dyDescent="0.35">
      <c r="A4563" t="s">
        <v>28</v>
      </c>
      <c r="B4563" t="s">
        <v>29</v>
      </c>
      <c r="C4563" t="s">
        <v>117</v>
      </c>
      <c r="D4563" t="s">
        <v>118</v>
      </c>
      <c r="E4563">
        <v>2013</v>
      </c>
      <c r="F4563">
        <v>2013</v>
      </c>
      <c r="G4563" t="s">
        <v>125</v>
      </c>
      <c r="H4563" t="s">
        <v>120</v>
      </c>
      <c r="I4563" t="s">
        <v>15</v>
      </c>
      <c r="J4563" s="10">
        <v>10.384551630000001</v>
      </c>
    </row>
    <row r="4564" spans="1:10" x14ac:dyDescent="0.35">
      <c r="A4564" t="s">
        <v>28</v>
      </c>
      <c r="B4564" t="s">
        <v>29</v>
      </c>
      <c r="C4564" t="s">
        <v>117</v>
      </c>
      <c r="D4564" t="s">
        <v>118</v>
      </c>
      <c r="E4564">
        <v>2013</v>
      </c>
      <c r="F4564">
        <v>2013</v>
      </c>
      <c r="G4564" t="s">
        <v>125</v>
      </c>
      <c r="H4564" t="s">
        <v>121</v>
      </c>
      <c r="I4564" t="s">
        <v>15</v>
      </c>
      <c r="J4564" s="10">
        <v>29.208796069999998</v>
      </c>
    </row>
    <row r="4565" spans="1:10" x14ac:dyDescent="0.35">
      <c r="A4565" t="s">
        <v>28</v>
      </c>
      <c r="B4565" t="s">
        <v>29</v>
      </c>
      <c r="C4565" t="s">
        <v>117</v>
      </c>
      <c r="D4565" t="s">
        <v>118</v>
      </c>
      <c r="E4565">
        <v>2013</v>
      </c>
      <c r="F4565">
        <v>2013</v>
      </c>
      <c r="G4565" t="s">
        <v>125</v>
      </c>
      <c r="H4565" t="s">
        <v>122</v>
      </c>
      <c r="I4565" t="s">
        <v>15</v>
      </c>
      <c r="J4565" s="10">
        <v>22.18630864</v>
      </c>
    </row>
    <row r="4566" spans="1:10" x14ac:dyDescent="0.35">
      <c r="A4566" t="s">
        <v>28</v>
      </c>
      <c r="B4566" t="s">
        <v>29</v>
      </c>
      <c r="C4566" t="s">
        <v>117</v>
      </c>
      <c r="D4566" t="s">
        <v>118</v>
      </c>
      <c r="E4566">
        <v>2013</v>
      </c>
      <c r="F4566">
        <v>2013</v>
      </c>
      <c r="G4566" t="s">
        <v>125</v>
      </c>
      <c r="H4566" t="s">
        <v>123</v>
      </c>
      <c r="I4566" t="s">
        <v>15</v>
      </c>
      <c r="J4566" s="10">
        <v>19.360185649999998</v>
      </c>
    </row>
    <row r="4567" spans="1:10" x14ac:dyDescent="0.35">
      <c r="A4567" t="s">
        <v>28</v>
      </c>
      <c r="B4567" t="s">
        <v>29</v>
      </c>
      <c r="C4567" t="s">
        <v>117</v>
      </c>
      <c r="D4567" t="s">
        <v>118</v>
      </c>
      <c r="E4567">
        <v>2013</v>
      </c>
      <c r="F4567">
        <v>2013</v>
      </c>
      <c r="G4567" t="s">
        <v>125</v>
      </c>
      <c r="H4567" t="s">
        <v>124</v>
      </c>
      <c r="I4567" t="s">
        <v>15</v>
      </c>
      <c r="J4567" s="10">
        <v>2.1189015969999998</v>
      </c>
    </row>
    <row r="4568" spans="1:10" x14ac:dyDescent="0.35">
      <c r="A4568" t="s">
        <v>28</v>
      </c>
      <c r="B4568" t="s">
        <v>29</v>
      </c>
      <c r="C4568" t="s">
        <v>117</v>
      </c>
      <c r="D4568" t="s">
        <v>118</v>
      </c>
      <c r="E4568">
        <v>2013</v>
      </c>
      <c r="F4568">
        <v>2013</v>
      </c>
      <c r="G4568" t="s">
        <v>126</v>
      </c>
      <c r="H4568" t="s">
        <v>119</v>
      </c>
      <c r="I4568" t="s">
        <v>15</v>
      </c>
      <c r="J4568" s="10">
        <v>14.58333333</v>
      </c>
    </row>
    <row r="4569" spans="1:10" x14ac:dyDescent="0.35">
      <c r="A4569" t="s">
        <v>28</v>
      </c>
      <c r="B4569" t="s">
        <v>29</v>
      </c>
      <c r="C4569" t="s">
        <v>117</v>
      </c>
      <c r="D4569" t="s">
        <v>118</v>
      </c>
      <c r="E4569">
        <v>2013</v>
      </c>
      <c r="F4569">
        <v>2013</v>
      </c>
      <c r="G4569" t="s">
        <v>126</v>
      </c>
      <c r="H4569" t="s">
        <v>120</v>
      </c>
      <c r="I4569" t="s">
        <v>15</v>
      </c>
      <c r="J4569" s="10">
        <v>9.5351609059999998</v>
      </c>
    </row>
    <row r="4570" spans="1:10" x14ac:dyDescent="0.35">
      <c r="A4570" t="s">
        <v>28</v>
      </c>
      <c r="B4570" t="s">
        <v>29</v>
      </c>
      <c r="C4570" t="s">
        <v>117</v>
      </c>
      <c r="D4570" t="s">
        <v>118</v>
      </c>
      <c r="E4570">
        <v>2013</v>
      </c>
      <c r="F4570">
        <v>2013</v>
      </c>
      <c r="G4570" t="s">
        <v>126</v>
      </c>
      <c r="H4570" t="s">
        <v>121</v>
      </c>
      <c r="I4570" t="s">
        <v>15</v>
      </c>
      <c r="J4570" s="10">
        <v>28.77185141</v>
      </c>
    </row>
    <row r="4571" spans="1:10" x14ac:dyDescent="0.35">
      <c r="A4571" t="s">
        <v>28</v>
      </c>
      <c r="B4571" t="s">
        <v>29</v>
      </c>
      <c r="C4571" t="s">
        <v>117</v>
      </c>
      <c r="D4571" t="s">
        <v>118</v>
      </c>
      <c r="E4571">
        <v>2013</v>
      </c>
      <c r="F4571">
        <v>2013</v>
      </c>
      <c r="G4571" t="s">
        <v>126</v>
      </c>
      <c r="H4571" t="s">
        <v>122</v>
      </c>
      <c r="I4571" t="s">
        <v>15</v>
      </c>
      <c r="J4571" s="10">
        <v>21.925903850000001</v>
      </c>
    </row>
    <row r="4572" spans="1:10" x14ac:dyDescent="0.35">
      <c r="A4572" t="s">
        <v>28</v>
      </c>
      <c r="B4572" t="s">
        <v>29</v>
      </c>
      <c r="C4572" t="s">
        <v>117</v>
      </c>
      <c r="D4572" t="s">
        <v>118</v>
      </c>
      <c r="E4572">
        <v>2013</v>
      </c>
      <c r="F4572">
        <v>2013</v>
      </c>
      <c r="G4572" t="s">
        <v>126</v>
      </c>
      <c r="H4572" t="s">
        <v>123</v>
      </c>
      <c r="I4572" t="s">
        <v>15</v>
      </c>
      <c r="J4572" s="10">
        <v>21.113925309999999</v>
      </c>
    </row>
    <row r="4573" spans="1:10" x14ac:dyDescent="0.35">
      <c r="A4573" t="s">
        <v>28</v>
      </c>
      <c r="B4573" t="s">
        <v>29</v>
      </c>
      <c r="C4573" t="s">
        <v>117</v>
      </c>
      <c r="D4573" t="s">
        <v>118</v>
      </c>
      <c r="E4573">
        <v>2013</v>
      </c>
      <c r="F4573">
        <v>2013</v>
      </c>
      <c r="G4573" t="s">
        <v>126</v>
      </c>
      <c r="H4573" t="s">
        <v>124</v>
      </c>
      <c r="I4573" t="s">
        <v>15</v>
      </c>
      <c r="J4573" s="10">
        <v>4.0698251890000003</v>
      </c>
    </row>
    <row r="4574" spans="1:10" x14ac:dyDescent="0.35">
      <c r="A4574" t="s">
        <v>28</v>
      </c>
      <c r="B4574" t="s">
        <v>29</v>
      </c>
      <c r="C4574" t="s">
        <v>117</v>
      </c>
      <c r="D4574" t="s">
        <v>118</v>
      </c>
      <c r="E4574">
        <v>2012</v>
      </c>
      <c r="F4574">
        <v>2012</v>
      </c>
      <c r="G4574" t="s">
        <v>14</v>
      </c>
      <c r="H4574" t="s">
        <v>119</v>
      </c>
      <c r="I4574" t="s">
        <v>15</v>
      </c>
      <c r="J4574" s="10">
        <v>15.750648399999999</v>
      </c>
    </row>
    <row r="4575" spans="1:10" x14ac:dyDescent="0.35">
      <c r="A4575" t="s">
        <v>28</v>
      </c>
      <c r="B4575" t="s">
        <v>29</v>
      </c>
      <c r="C4575" t="s">
        <v>117</v>
      </c>
      <c r="D4575" t="s">
        <v>118</v>
      </c>
      <c r="E4575">
        <v>2012</v>
      </c>
      <c r="F4575">
        <v>2012</v>
      </c>
      <c r="G4575" t="s">
        <v>14</v>
      </c>
      <c r="H4575" t="s">
        <v>120</v>
      </c>
      <c r="I4575" t="s">
        <v>15</v>
      </c>
      <c r="J4575" s="10">
        <v>10.043400630000001</v>
      </c>
    </row>
    <row r="4576" spans="1:10" x14ac:dyDescent="0.35">
      <c r="A4576" t="s">
        <v>28</v>
      </c>
      <c r="B4576" t="s">
        <v>29</v>
      </c>
      <c r="C4576" t="s">
        <v>117</v>
      </c>
      <c r="D4576" t="s">
        <v>118</v>
      </c>
      <c r="E4576">
        <v>2012</v>
      </c>
      <c r="F4576">
        <v>2012</v>
      </c>
      <c r="G4576" t="s">
        <v>14</v>
      </c>
      <c r="H4576" t="s">
        <v>121</v>
      </c>
      <c r="I4576" t="s">
        <v>15</v>
      </c>
      <c r="J4576" s="10">
        <v>29.323445459999999</v>
      </c>
    </row>
    <row r="4577" spans="1:10" x14ac:dyDescent="0.35">
      <c r="A4577" t="s">
        <v>28</v>
      </c>
      <c r="B4577" t="s">
        <v>29</v>
      </c>
      <c r="C4577" t="s">
        <v>117</v>
      </c>
      <c r="D4577" t="s">
        <v>118</v>
      </c>
      <c r="E4577">
        <v>2012</v>
      </c>
      <c r="F4577">
        <v>2012</v>
      </c>
      <c r="G4577" t="s">
        <v>14</v>
      </c>
      <c r="H4577" t="s">
        <v>122</v>
      </c>
      <c r="I4577" t="s">
        <v>15</v>
      </c>
      <c r="J4577" s="10">
        <v>21.980528369999998</v>
      </c>
    </row>
    <row r="4578" spans="1:10" x14ac:dyDescent="0.35">
      <c r="A4578" t="s">
        <v>28</v>
      </c>
      <c r="B4578" t="s">
        <v>29</v>
      </c>
      <c r="C4578" t="s">
        <v>117</v>
      </c>
      <c r="D4578" t="s">
        <v>118</v>
      </c>
      <c r="E4578">
        <v>2012</v>
      </c>
      <c r="F4578">
        <v>2012</v>
      </c>
      <c r="G4578" t="s">
        <v>14</v>
      </c>
      <c r="H4578" t="s">
        <v>123</v>
      </c>
      <c r="I4578" t="s">
        <v>15</v>
      </c>
      <c r="J4578" s="10">
        <v>19.775307260000002</v>
      </c>
    </row>
    <row r="4579" spans="1:10" x14ac:dyDescent="0.35">
      <c r="A4579" t="s">
        <v>28</v>
      </c>
      <c r="B4579" t="s">
        <v>29</v>
      </c>
      <c r="C4579" t="s">
        <v>117</v>
      </c>
      <c r="D4579" t="s">
        <v>118</v>
      </c>
      <c r="E4579">
        <v>2012</v>
      </c>
      <c r="F4579">
        <v>2012</v>
      </c>
      <c r="G4579" t="s">
        <v>14</v>
      </c>
      <c r="H4579" t="s">
        <v>124</v>
      </c>
      <c r="I4579" t="s">
        <v>15</v>
      </c>
      <c r="J4579" s="10">
        <v>3.1266698819999998</v>
      </c>
    </row>
    <row r="4580" spans="1:10" x14ac:dyDescent="0.35">
      <c r="A4580" t="s">
        <v>28</v>
      </c>
      <c r="B4580" t="s">
        <v>29</v>
      </c>
      <c r="C4580" t="s">
        <v>117</v>
      </c>
      <c r="D4580" t="s">
        <v>118</v>
      </c>
      <c r="E4580">
        <v>2012</v>
      </c>
      <c r="F4580">
        <v>2012</v>
      </c>
      <c r="G4580" t="s">
        <v>125</v>
      </c>
      <c r="H4580" t="s">
        <v>119</v>
      </c>
      <c r="I4580" t="s">
        <v>15</v>
      </c>
      <c r="J4580" s="10">
        <v>16.796370140000001</v>
      </c>
    </row>
    <row r="4581" spans="1:10" x14ac:dyDescent="0.35">
      <c r="A4581" t="s">
        <v>28</v>
      </c>
      <c r="B4581" t="s">
        <v>29</v>
      </c>
      <c r="C4581" t="s">
        <v>117</v>
      </c>
      <c r="D4581" t="s">
        <v>118</v>
      </c>
      <c r="E4581">
        <v>2012</v>
      </c>
      <c r="F4581">
        <v>2012</v>
      </c>
      <c r="G4581" t="s">
        <v>125</v>
      </c>
      <c r="H4581" t="s">
        <v>120</v>
      </c>
      <c r="I4581" t="s">
        <v>15</v>
      </c>
      <c r="J4581" s="10">
        <v>10.64485082</v>
      </c>
    </row>
    <row r="4582" spans="1:10" x14ac:dyDescent="0.35">
      <c r="A4582" t="s">
        <v>28</v>
      </c>
      <c r="B4582" t="s">
        <v>29</v>
      </c>
      <c r="C4582" t="s">
        <v>117</v>
      </c>
      <c r="D4582" t="s">
        <v>118</v>
      </c>
      <c r="E4582">
        <v>2012</v>
      </c>
      <c r="F4582">
        <v>2012</v>
      </c>
      <c r="G4582" t="s">
        <v>125</v>
      </c>
      <c r="H4582" t="s">
        <v>121</v>
      </c>
      <c r="I4582" t="s">
        <v>15</v>
      </c>
      <c r="J4582" s="10">
        <v>29.503643610000001</v>
      </c>
    </row>
    <row r="4583" spans="1:10" x14ac:dyDescent="0.35">
      <c r="A4583" t="s">
        <v>28</v>
      </c>
      <c r="B4583" t="s">
        <v>29</v>
      </c>
      <c r="C4583" t="s">
        <v>117</v>
      </c>
      <c r="D4583" t="s">
        <v>118</v>
      </c>
      <c r="E4583">
        <v>2012</v>
      </c>
      <c r="F4583">
        <v>2012</v>
      </c>
      <c r="G4583" t="s">
        <v>125</v>
      </c>
      <c r="H4583" t="s">
        <v>122</v>
      </c>
      <c r="I4583" t="s">
        <v>15</v>
      </c>
      <c r="J4583" s="10">
        <v>22.263165130000001</v>
      </c>
    </row>
    <row r="4584" spans="1:10" x14ac:dyDescent="0.35">
      <c r="A4584" t="s">
        <v>28</v>
      </c>
      <c r="B4584" t="s">
        <v>29</v>
      </c>
      <c r="C4584" t="s">
        <v>117</v>
      </c>
      <c r="D4584" t="s">
        <v>118</v>
      </c>
      <c r="E4584">
        <v>2012</v>
      </c>
      <c r="F4584">
        <v>2012</v>
      </c>
      <c r="G4584" t="s">
        <v>125</v>
      </c>
      <c r="H4584" t="s">
        <v>123</v>
      </c>
      <c r="I4584" t="s">
        <v>15</v>
      </c>
      <c r="J4584" s="10">
        <v>18.710298359999999</v>
      </c>
    </row>
    <row r="4585" spans="1:10" x14ac:dyDescent="0.35">
      <c r="A4585" t="s">
        <v>28</v>
      </c>
      <c r="B4585" t="s">
        <v>29</v>
      </c>
      <c r="C4585" t="s">
        <v>117</v>
      </c>
      <c r="D4585" t="s">
        <v>118</v>
      </c>
      <c r="E4585">
        <v>2012</v>
      </c>
      <c r="F4585">
        <v>2012</v>
      </c>
      <c r="G4585" t="s">
        <v>125</v>
      </c>
      <c r="H4585" t="s">
        <v>124</v>
      </c>
      <c r="I4585" t="s">
        <v>15</v>
      </c>
      <c r="J4585" s="10">
        <v>2.0816719369999999</v>
      </c>
    </row>
    <row r="4586" spans="1:10" x14ac:dyDescent="0.35">
      <c r="A4586" t="s">
        <v>28</v>
      </c>
      <c r="B4586" t="s">
        <v>29</v>
      </c>
      <c r="C4586" t="s">
        <v>117</v>
      </c>
      <c r="D4586" t="s">
        <v>118</v>
      </c>
      <c r="E4586">
        <v>2012</v>
      </c>
      <c r="F4586">
        <v>2012</v>
      </c>
      <c r="G4586" t="s">
        <v>126</v>
      </c>
      <c r="H4586" t="s">
        <v>119</v>
      </c>
      <c r="I4586" t="s">
        <v>15</v>
      </c>
      <c r="J4586" s="10">
        <v>14.80848323</v>
      </c>
    </row>
    <row r="4587" spans="1:10" x14ac:dyDescent="0.35">
      <c r="A4587" t="s">
        <v>28</v>
      </c>
      <c r="B4587" t="s">
        <v>29</v>
      </c>
      <c r="C4587" t="s">
        <v>117</v>
      </c>
      <c r="D4587" t="s">
        <v>118</v>
      </c>
      <c r="E4587">
        <v>2012</v>
      </c>
      <c r="F4587">
        <v>2012</v>
      </c>
      <c r="G4587" t="s">
        <v>126</v>
      </c>
      <c r="H4587" t="s">
        <v>120</v>
      </c>
      <c r="I4587" t="s">
        <v>15</v>
      </c>
      <c r="J4587" s="10">
        <v>9.5015113230000008</v>
      </c>
    </row>
    <row r="4588" spans="1:10" x14ac:dyDescent="0.35">
      <c r="A4588" t="s">
        <v>28</v>
      </c>
      <c r="B4588" t="s">
        <v>29</v>
      </c>
      <c r="C4588" t="s">
        <v>117</v>
      </c>
      <c r="D4588" t="s">
        <v>118</v>
      </c>
      <c r="E4588">
        <v>2012</v>
      </c>
      <c r="F4588">
        <v>2012</v>
      </c>
      <c r="G4588" t="s">
        <v>126</v>
      </c>
      <c r="H4588" t="s">
        <v>121</v>
      </c>
      <c r="I4588" t="s">
        <v>15</v>
      </c>
      <c r="J4588" s="10">
        <v>29.161092119999999</v>
      </c>
    </row>
    <row r="4589" spans="1:10" x14ac:dyDescent="0.35">
      <c r="A4589" t="s">
        <v>28</v>
      </c>
      <c r="B4589" t="s">
        <v>29</v>
      </c>
      <c r="C4589" t="s">
        <v>117</v>
      </c>
      <c r="D4589" t="s">
        <v>118</v>
      </c>
      <c r="E4589">
        <v>2012</v>
      </c>
      <c r="F4589">
        <v>2012</v>
      </c>
      <c r="G4589" t="s">
        <v>126</v>
      </c>
      <c r="H4589" t="s">
        <v>122</v>
      </c>
      <c r="I4589" t="s">
        <v>15</v>
      </c>
      <c r="J4589" s="10">
        <v>21.725880780000001</v>
      </c>
    </row>
    <row r="4590" spans="1:10" x14ac:dyDescent="0.35">
      <c r="A4590" t="s">
        <v>28</v>
      </c>
      <c r="B4590" t="s">
        <v>29</v>
      </c>
      <c r="C4590" t="s">
        <v>117</v>
      </c>
      <c r="D4590" t="s">
        <v>118</v>
      </c>
      <c r="E4590">
        <v>2012</v>
      </c>
      <c r="F4590">
        <v>2012</v>
      </c>
      <c r="G4590" t="s">
        <v>126</v>
      </c>
      <c r="H4590" t="s">
        <v>123</v>
      </c>
      <c r="I4590" t="s">
        <v>15</v>
      </c>
      <c r="J4590" s="10">
        <v>20.734849610000001</v>
      </c>
    </row>
    <row r="4591" spans="1:10" x14ac:dyDescent="0.35">
      <c r="A4591" t="s">
        <v>28</v>
      </c>
      <c r="B4591" t="s">
        <v>29</v>
      </c>
      <c r="C4591" t="s">
        <v>117</v>
      </c>
      <c r="D4591" t="s">
        <v>118</v>
      </c>
      <c r="E4591">
        <v>2012</v>
      </c>
      <c r="F4591">
        <v>2012</v>
      </c>
      <c r="G4591" t="s">
        <v>126</v>
      </c>
      <c r="H4591" t="s">
        <v>124</v>
      </c>
      <c r="I4591" t="s">
        <v>15</v>
      </c>
      <c r="J4591" s="10">
        <v>4.0681829440000001</v>
      </c>
    </row>
    <row r="4592" spans="1:10" x14ac:dyDescent="0.35">
      <c r="A4592" t="s">
        <v>28</v>
      </c>
      <c r="B4592" t="s">
        <v>29</v>
      </c>
      <c r="C4592" t="s">
        <v>117</v>
      </c>
      <c r="D4592" t="s">
        <v>118</v>
      </c>
      <c r="E4592">
        <v>2011</v>
      </c>
      <c r="F4592">
        <v>2011</v>
      </c>
      <c r="G4592" t="s">
        <v>14</v>
      </c>
      <c r="H4592" t="s">
        <v>119</v>
      </c>
      <c r="I4592" t="s">
        <v>15</v>
      </c>
      <c r="J4592" s="10">
        <v>15.796193280000001</v>
      </c>
    </row>
    <row r="4593" spans="1:10" x14ac:dyDescent="0.35">
      <c r="A4593" t="s">
        <v>28</v>
      </c>
      <c r="B4593" t="s">
        <v>29</v>
      </c>
      <c r="C4593" t="s">
        <v>117</v>
      </c>
      <c r="D4593" t="s">
        <v>118</v>
      </c>
      <c r="E4593">
        <v>2011</v>
      </c>
      <c r="F4593">
        <v>2011</v>
      </c>
      <c r="G4593" t="s">
        <v>14</v>
      </c>
      <c r="H4593" t="s">
        <v>120</v>
      </c>
      <c r="I4593" t="s">
        <v>15</v>
      </c>
      <c r="J4593" s="10">
        <v>10.143435950000001</v>
      </c>
    </row>
    <row r="4594" spans="1:10" x14ac:dyDescent="0.35">
      <c r="A4594" t="s">
        <v>28</v>
      </c>
      <c r="B4594" t="s">
        <v>29</v>
      </c>
      <c r="C4594" t="s">
        <v>117</v>
      </c>
      <c r="D4594" t="s">
        <v>118</v>
      </c>
      <c r="E4594">
        <v>2011</v>
      </c>
      <c r="F4594">
        <v>2011</v>
      </c>
      <c r="G4594" t="s">
        <v>14</v>
      </c>
      <c r="H4594" t="s">
        <v>121</v>
      </c>
      <c r="I4594" t="s">
        <v>15</v>
      </c>
      <c r="J4594" s="10">
        <v>29.708568379999999</v>
      </c>
    </row>
    <row r="4595" spans="1:10" x14ac:dyDescent="0.35">
      <c r="A4595" t="s">
        <v>28</v>
      </c>
      <c r="B4595" t="s">
        <v>29</v>
      </c>
      <c r="C4595" t="s">
        <v>117</v>
      </c>
      <c r="D4595" t="s">
        <v>118</v>
      </c>
      <c r="E4595">
        <v>2011</v>
      </c>
      <c r="F4595">
        <v>2011</v>
      </c>
      <c r="G4595" t="s">
        <v>14</v>
      </c>
      <c r="H4595" t="s">
        <v>122</v>
      </c>
      <c r="I4595" t="s">
        <v>15</v>
      </c>
      <c r="J4595" s="10">
        <v>22.088615019999999</v>
      </c>
    </row>
    <row r="4596" spans="1:10" x14ac:dyDescent="0.35">
      <c r="A4596" t="s">
        <v>28</v>
      </c>
      <c r="B4596" t="s">
        <v>29</v>
      </c>
      <c r="C4596" t="s">
        <v>117</v>
      </c>
      <c r="D4596" t="s">
        <v>118</v>
      </c>
      <c r="E4596">
        <v>2011</v>
      </c>
      <c r="F4596">
        <v>2011</v>
      </c>
      <c r="G4596" t="s">
        <v>14</v>
      </c>
      <c r="H4596" t="s">
        <v>123</v>
      </c>
      <c r="I4596" t="s">
        <v>15</v>
      </c>
      <c r="J4596" s="10">
        <v>19.153454320000002</v>
      </c>
    </row>
    <row r="4597" spans="1:10" x14ac:dyDescent="0.35">
      <c r="A4597" t="s">
        <v>28</v>
      </c>
      <c r="B4597" t="s">
        <v>29</v>
      </c>
      <c r="C4597" t="s">
        <v>117</v>
      </c>
      <c r="D4597" t="s">
        <v>118</v>
      </c>
      <c r="E4597">
        <v>2011</v>
      </c>
      <c r="F4597">
        <v>2011</v>
      </c>
      <c r="G4597" t="s">
        <v>14</v>
      </c>
      <c r="H4597" t="s">
        <v>124</v>
      </c>
      <c r="I4597" t="s">
        <v>15</v>
      </c>
      <c r="J4597" s="10">
        <v>3.109733061</v>
      </c>
    </row>
    <row r="4598" spans="1:10" x14ac:dyDescent="0.35">
      <c r="A4598" t="s">
        <v>28</v>
      </c>
      <c r="B4598" t="s">
        <v>29</v>
      </c>
      <c r="C4598" t="s">
        <v>117</v>
      </c>
      <c r="D4598" t="s">
        <v>118</v>
      </c>
      <c r="E4598">
        <v>2011</v>
      </c>
      <c r="F4598">
        <v>2011</v>
      </c>
      <c r="G4598" t="s">
        <v>125</v>
      </c>
      <c r="H4598" t="s">
        <v>119</v>
      </c>
      <c r="I4598" t="s">
        <v>15</v>
      </c>
      <c r="J4598" s="10">
        <v>16.83585046</v>
      </c>
    </row>
    <row r="4599" spans="1:10" x14ac:dyDescent="0.35">
      <c r="A4599" t="s">
        <v>28</v>
      </c>
      <c r="B4599" t="s">
        <v>29</v>
      </c>
      <c r="C4599" t="s">
        <v>117</v>
      </c>
      <c r="D4599" t="s">
        <v>118</v>
      </c>
      <c r="E4599">
        <v>2011</v>
      </c>
      <c r="F4599">
        <v>2011</v>
      </c>
      <c r="G4599" t="s">
        <v>125</v>
      </c>
      <c r="H4599" t="s">
        <v>120</v>
      </c>
      <c r="I4599" t="s">
        <v>15</v>
      </c>
      <c r="J4599" s="10">
        <v>10.81675882</v>
      </c>
    </row>
    <row r="4600" spans="1:10" x14ac:dyDescent="0.35">
      <c r="A4600" t="s">
        <v>28</v>
      </c>
      <c r="B4600" t="s">
        <v>29</v>
      </c>
      <c r="C4600" t="s">
        <v>117</v>
      </c>
      <c r="D4600" t="s">
        <v>118</v>
      </c>
      <c r="E4600">
        <v>2011</v>
      </c>
      <c r="F4600">
        <v>2011</v>
      </c>
      <c r="G4600" t="s">
        <v>125</v>
      </c>
      <c r="H4600" t="s">
        <v>121</v>
      </c>
      <c r="I4600" t="s">
        <v>15</v>
      </c>
      <c r="J4600" s="10">
        <v>29.952408460000001</v>
      </c>
    </row>
    <row r="4601" spans="1:10" x14ac:dyDescent="0.35">
      <c r="A4601" t="s">
        <v>28</v>
      </c>
      <c r="B4601" t="s">
        <v>29</v>
      </c>
      <c r="C4601" t="s">
        <v>117</v>
      </c>
      <c r="D4601" t="s">
        <v>118</v>
      </c>
      <c r="E4601">
        <v>2011</v>
      </c>
      <c r="F4601">
        <v>2011</v>
      </c>
      <c r="G4601" t="s">
        <v>125</v>
      </c>
      <c r="H4601" t="s">
        <v>122</v>
      </c>
      <c r="I4601" t="s">
        <v>15</v>
      </c>
      <c r="J4601" s="10">
        <v>22.313003770000002</v>
      </c>
    </row>
    <row r="4602" spans="1:10" x14ac:dyDescent="0.35">
      <c r="A4602" t="s">
        <v>28</v>
      </c>
      <c r="B4602" t="s">
        <v>29</v>
      </c>
      <c r="C4602" t="s">
        <v>117</v>
      </c>
      <c r="D4602" t="s">
        <v>118</v>
      </c>
      <c r="E4602">
        <v>2011</v>
      </c>
      <c r="F4602">
        <v>2011</v>
      </c>
      <c r="G4602" t="s">
        <v>125</v>
      </c>
      <c r="H4602" t="s">
        <v>123</v>
      </c>
      <c r="I4602" t="s">
        <v>15</v>
      </c>
      <c r="J4602" s="10">
        <v>18.073780639999999</v>
      </c>
    </row>
    <row r="4603" spans="1:10" x14ac:dyDescent="0.35">
      <c r="A4603" t="s">
        <v>28</v>
      </c>
      <c r="B4603" t="s">
        <v>29</v>
      </c>
      <c r="C4603" t="s">
        <v>117</v>
      </c>
      <c r="D4603" t="s">
        <v>118</v>
      </c>
      <c r="E4603">
        <v>2011</v>
      </c>
      <c r="F4603">
        <v>2011</v>
      </c>
      <c r="G4603" t="s">
        <v>125</v>
      </c>
      <c r="H4603" t="s">
        <v>124</v>
      </c>
      <c r="I4603" t="s">
        <v>15</v>
      </c>
      <c r="J4603" s="10">
        <v>2.0081978490000001</v>
      </c>
    </row>
    <row r="4604" spans="1:10" x14ac:dyDescent="0.35">
      <c r="A4604" t="s">
        <v>28</v>
      </c>
      <c r="B4604" t="s">
        <v>29</v>
      </c>
      <c r="C4604" t="s">
        <v>117</v>
      </c>
      <c r="D4604" t="s">
        <v>118</v>
      </c>
      <c r="E4604">
        <v>2011</v>
      </c>
      <c r="F4604">
        <v>2011</v>
      </c>
      <c r="G4604" t="s">
        <v>126</v>
      </c>
      <c r="H4604" t="s">
        <v>119</v>
      </c>
      <c r="I4604" t="s">
        <v>15</v>
      </c>
      <c r="J4604" s="10">
        <v>14.86091863</v>
      </c>
    </row>
    <row r="4605" spans="1:10" x14ac:dyDescent="0.35">
      <c r="A4605" t="s">
        <v>28</v>
      </c>
      <c r="B4605" t="s">
        <v>29</v>
      </c>
      <c r="C4605" t="s">
        <v>117</v>
      </c>
      <c r="D4605" t="s">
        <v>118</v>
      </c>
      <c r="E4605">
        <v>2011</v>
      </c>
      <c r="F4605">
        <v>2011</v>
      </c>
      <c r="G4605" t="s">
        <v>126</v>
      </c>
      <c r="H4605" t="s">
        <v>120</v>
      </c>
      <c r="I4605" t="s">
        <v>15</v>
      </c>
      <c r="J4605" s="10">
        <v>9.5377153040000007</v>
      </c>
    </row>
    <row r="4606" spans="1:10" x14ac:dyDescent="0.35">
      <c r="A4606" t="s">
        <v>28</v>
      </c>
      <c r="B4606" t="s">
        <v>29</v>
      </c>
      <c r="C4606" t="s">
        <v>117</v>
      </c>
      <c r="D4606" t="s">
        <v>118</v>
      </c>
      <c r="E4606">
        <v>2011</v>
      </c>
      <c r="F4606">
        <v>2011</v>
      </c>
      <c r="G4606" t="s">
        <v>126</v>
      </c>
      <c r="H4606" t="s">
        <v>121</v>
      </c>
      <c r="I4606" t="s">
        <v>15</v>
      </c>
      <c r="J4606" s="10">
        <v>29.489210060000001</v>
      </c>
    </row>
    <row r="4607" spans="1:10" x14ac:dyDescent="0.35">
      <c r="A4607" t="s">
        <v>28</v>
      </c>
      <c r="B4607" t="s">
        <v>29</v>
      </c>
      <c r="C4607" t="s">
        <v>117</v>
      </c>
      <c r="D4607" t="s">
        <v>118</v>
      </c>
      <c r="E4607">
        <v>2011</v>
      </c>
      <c r="F4607">
        <v>2011</v>
      </c>
      <c r="G4607" t="s">
        <v>126</v>
      </c>
      <c r="H4607" t="s">
        <v>122</v>
      </c>
      <c r="I4607" t="s">
        <v>15</v>
      </c>
      <c r="J4607" s="10">
        <v>21.886755099999998</v>
      </c>
    </row>
    <row r="4608" spans="1:10" x14ac:dyDescent="0.35">
      <c r="A4608" t="s">
        <v>28</v>
      </c>
      <c r="B4608" t="s">
        <v>29</v>
      </c>
      <c r="C4608" t="s">
        <v>117</v>
      </c>
      <c r="D4608" t="s">
        <v>118</v>
      </c>
      <c r="E4608">
        <v>2011</v>
      </c>
      <c r="F4608">
        <v>2011</v>
      </c>
      <c r="G4608" t="s">
        <v>126</v>
      </c>
      <c r="H4608" t="s">
        <v>123</v>
      </c>
      <c r="I4608" t="s">
        <v>15</v>
      </c>
      <c r="J4608" s="10">
        <v>20.124727780000001</v>
      </c>
    </row>
    <row r="4609" spans="1:10" x14ac:dyDescent="0.35">
      <c r="A4609" t="s">
        <v>28</v>
      </c>
      <c r="B4609" t="s">
        <v>29</v>
      </c>
      <c r="C4609" t="s">
        <v>117</v>
      </c>
      <c r="D4609" t="s">
        <v>118</v>
      </c>
      <c r="E4609">
        <v>2011</v>
      </c>
      <c r="F4609">
        <v>2011</v>
      </c>
      <c r="G4609" t="s">
        <v>126</v>
      </c>
      <c r="H4609" t="s">
        <v>124</v>
      </c>
      <c r="I4609" t="s">
        <v>15</v>
      </c>
      <c r="J4609" s="10">
        <v>4.100673134</v>
      </c>
    </row>
    <row r="4610" spans="1:10" x14ac:dyDescent="0.35">
      <c r="A4610" t="s">
        <v>10</v>
      </c>
      <c r="B4610" t="s">
        <v>30</v>
      </c>
      <c r="C4610" t="s">
        <v>117</v>
      </c>
      <c r="D4610" t="s">
        <v>118</v>
      </c>
      <c r="E4610">
        <v>2020</v>
      </c>
      <c r="F4610">
        <v>2020</v>
      </c>
      <c r="G4610" t="s">
        <v>14</v>
      </c>
      <c r="H4610" t="s">
        <v>119</v>
      </c>
      <c r="I4610" t="s">
        <v>15</v>
      </c>
      <c r="J4610" s="10">
        <v>17.400478079999999</v>
      </c>
    </row>
    <row r="4611" spans="1:10" x14ac:dyDescent="0.35">
      <c r="A4611" t="s">
        <v>10</v>
      </c>
      <c r="B4611" t="s">
        <v>30</v>
      </c>
      <c r="C4611" t="s">
        <v>117</v>
      </c>
      <c r="D4611" t="s">
        <v>118</v>
      </c>
      <c r="E4611">
        <v>2020</v>
      </c>
      <c r="F4611">
        <v>2020</v>
      </c>
      <c r="G4611" t="s">
        <v>14</v>
      </c>
      <c r="H4611" t="s">
        <v>120</v>
      </c>
      <c r="I4611" t="s">
        <v>15</v>
      </c>
      <c r="J4611" s="10">
        <v>9.1849952590000008</v>
      </c>
    </row>
    <row r="4612" spans="1:10" x14ac:dyDescent="0.35">
      <c r="A4612" t="s">
        <v>10</v>
      </c>
      <c r="B4612" t="s">
        <v>30</v>
      </c>
      <c r="C4612" t="s">
        <v>117</v>
      </c>
      <c r="D4612" t="s">
        <v>118</v>
      </c>
      <c r="E4612">
        <v>2020</v>
      </c>
      <c r="F4612">
        <v>2020</v>
      </c>
      <c r="G4612" t="s">
        <v>14</v>
      </c>
      <c r="H4612" t="s">
        <v>121</v>
      </c>
      <c r="I4612" t="s">
        <v>15</v>
      </c>
      <c r="J4612" s="10">
        <v>30.29125436</v>
      </c>
    </row>
    <row r="4613" spans="1:10" x14ac:dyDescent="0.35">
      <c r="A4613" t="s">
        <v>10</v>
      </c>
      <c r="B4613" t="s">
        <v>30</v>
      </c>
      <c r="C4613" t="s">
        <v>117</v>
      </c>
      <c r="D4613" t="s">
        <v>118</v>
      </c>
      <c r="E4613">
        <v>2020</v>
      </c>
      <c r="F4613">
        <v>2020</v>
      </c>
      <c r="G4613" t="s">
        <v>14</v>
      </c>
      <c r="H4613" t="s">
        <v>122</v>
      </c>
      <c r="I4613" t="s">
        <v>15</v>
      </c>
      <c r="J4613" s="10">
        <v>21.70719656</v>
      </c>
    </row>
    <row r="4614" spans="1:10" x14ac:dyDescent="0.35">
      <c r="A4614" t="s">
        <v>10</v>
      </c>
      <c r="B4614" t="s">
        <v>30</v>
      </c>
      <c r="C4614" t="s">
        <v>117</v>
      </c>
      <c r="D4614" t="s">
        <v>118</v>
      </c>
      <c r="E4614">
        <v>2020</v>
      </c>
      <c r="F4614">
        <v>2020</v>
      </c>
      <c r="G4614" t="s">
        <v>14</v>
      </c>
      <c r="H4614" t="s">
        <v>123</v>
      </c>
      <c r="I4614" t="s">
        <v>15</v>
      </c>
      <c r="J4614" s="10">
        <v>18.917511319999999</v>
      </c>
    </row>
    <row r="4615" spans="1:10" x14ac:dyDescent="0.35">
      <c r="A4615" t="s">
        <v>10</v>
      </c>
      <c r="B4615" t="s">
        <v>30</v>
      </c>
      <c r="C4615" t="s">
        <v>117</v>
      </c>
      <c r="D4615" t="s">
        <v>118</v>
      </c>
      <c r="E4615">
        <v>2020</v>
      </c>
      <c r="F4615">
        <v>2020</v>
      </c>
      <c r="G4615" t="s">
        <v>14</v>
      </c>
      <c r="H4615" t="s">
        <v>124</v>
      </c>
      <c r="I4615" t="s">
        <v>15</v>
      </c>
      <c r="J4615" s="10">
        <v>2.4985644269999998</v>
      </c>
    </row>
    <row r="4616" spans="1:10" x14ac:dyDescent="0.35">
      <c r="A4616" t="s">
        <v>10</v>
      </c>
      <c r="B4616" t="s">
        <v>30</v>
      </c>
      <c r="C4616" t="s">
        <v>117</v>
      </c>
      <c r="D4616" t="s">
        <v>118</v>
      </c>
      <c r="E4616">
        <v>2020</v>
      </c>
      <c r="F4616">
        <v>2020</v>
      </c>
      <c r="G4616" t="s">
        <v>125</v>
      </c>
      <c r="H4616" t="s">
        <v>119</v>
      </c>
      <c r="I4616" t="s">
        <v>15</v>
      </c>
      <c r="J4616" s="10">
        <v>17.85675908</v>
      </c>
    </row>
    <row r="4617" spans="1:10" x14ac:dyDescent="0.35">
      <c r="A4617" t="s">
        <v>10</v>
      </c>
      <c r="B4617" t="s">
        <v>30</v>
      </c>
      <c r="C4617" t="s">
        <v>117</v>
      </c>
      <c r="D4617" t="s">
        <v>118</v>
      </c>
      <c r="E4617">
        <v>2020</v>
      </c>
      <c r="F4617">
        <v>2020</v>
      </c>
      <c r="G4617" t="s">
        <v>125</v>
      </c>
      <c r="H4617" t="s">
        <v>120</v>
      </c>
      <c r="I4617" t="s">
        <v>15</v>
      </c>
      <c r="J4617" s="10">
        <v>10.0042983</v>
      </c>
    </row>
    <row r="4618" spans="1:10" x14ac:dyDescent="0.35">
      <c r="A4618" t="s">
        <v>10</v>
      </c>
      <c r="B4618" t="s">
        <v>30</v>
      </c>
      <c r="C4618" t="s">
        <v>117</v>
      </c>
      <c r="D4618" t="s">
        <v>118</v>
      </c>
      <c r="E4618">
        <v>2020</v>
      </c>
      <c r="F4618">
        <v>2020</v>
      </c>
      <c r="G4618" t="s">
        <v>125</v>
      </c>
      <c r="H4618" t="s">
        <v>121</v>
      </c>
      <c r="I4618" t="s">
        <v>15</v>
      </c>
      <c r="J4618" s="10">
        <v>30.92359768</v>
      </c>
    </row>
    <row r="4619" spans="1:10" x14ac:dyDescent="0.35">
      <c r="A4619" t="s">
        <v>10</v>
      </c>
      <c r="B4619" t="s">
        <v>30</v>
      </c>
      <c r="C4619" t="s">
        <v>117</v>
      </c>
      <c r="D4619" t="s">
        <v>118</v>
      </c>
      <c r="E4619">
        <v>2020</v>
      </c>
      <c r="F4619">
        <v>2020</v>
      </c>
      <c r="G4619" t="s">
        <v>125</v>
      </c>
      <c r="H4619" t="s">
        <v>122</v>
      </c>
      <c r="I4619" t="s">
        <v>15</v>
      </c>
      <c r="J4619" s="10">
        <v>21.47539222</v>
      </c>
    </row>
    <row r="4620" spans="1:10" x14ac:dyDescent="0.35">
      <c r="A4620" t="s">
        <v>10</v>
      </c>
      <c r="B4620" t="s">
        <v>30</v>
      </c>
      <c r="C4620" t="s">
        <v>117</v>
      </c>
      <c r="D4620" t="s">
        <v>118</v>
      </c>
      <c r="E4620">
        <v>2020</v>
      </c>
      <c r="F4620">
        <v>2020</v>
      </c>
      <c r="G4620" t="s">
        <v>125</v>
      </c>
      <c r="H4620" t="s">
        <v>123</v>
      </c>
      <c r="I4620" t="s">
        <v>15</v>
      </c>
      <c r="J4620" s="10">
        <v>17.870191269999999</v>
      </c>
    </row>
    <row r="4621" spans="1:10" x14ac:dyDescent="0.35">
      <c r="A4621" t="s">
        <v>10</v>
      </c>
      <c r="B4621" t="s">
        <v>30</v>
      </c>
      <c r="C4621" t="s">
        <v>117</v>
      </c>
      <c r="D4621" t="s">
        <v>118</v>
      </c>
      <c r="E4621">
        <v>2020</v>
      </c>
      <c r="F4621">
        <v>2020</v>
      </c>
      <c r="G4621" t="s">
        <v>125</v>
      </c>
      <c r="H4621" t="s">
        <v>124</v>
      </c>
      <c r="I4621" t="s">
        <v>15</v>
      </c>
      <c r="J4621" s="10">
        <v>1.8697614440000001</v>
      </c>
    </row>
    <row r="4622" spans="1:10" x14ac:dyDescent="0.35">
      <c r="A4622" t="s">
        <v>10</v>
      </c>
      <c r="B4622" t="s">
        <v>30</v>
      </c>
      <c r="C4622" t="s">
        <v>117</v>
      </c>
      <c r="D4622" t="s">
        <v>118</v>
      </c>
      <c r="E4622">
        <v>2020</v>
      </c>
      <c r="F4622">
        <v>2020</v>
      </c>
      <c r="G4622" t="s">
        <v>126</v>
      </c>
      <c r="H4622" t="s">
        <v>119</v>
      </c>
      <c r="I4622" t="s">
        <v>15</v>
      </c>
      <c r="J4622" s="10">
        <v>16.949467590000001</v>
      </c>
    </row>
    <row r="4623" spans="1:10" x14ac:dyDescent="0.35">
      <c r="A4623" t="s">
        <v>10</v>
      </c>
      <c r="B4623" t="s">
        <v>30</v>
      </c>
      <c r="C4623" t="s">
        <v>117</v>
      </c>
      <c r="D4623" t="s">
        <v>118</v>
      </c>
      <c r="E4623">
        <v>2020</v>
      </c>
      <c r="F4623">
        <v>2020</v>
      </c>
      <c r="G4623" t="s">
        <v>126</v>
      </c>
      <c r="H4623" t="s">
        <v>120</v>
      </c>
      <c r="I4623" t="s">
        <v>15</v>
      </c>
      <c r="J4623" s="10">
        <v>8.3751560049999991</v>
      </c>
    </row>
    <row r="4624" spans="1:10" x14ac:dyDescent="0.35">
      <c r="A4624" t="s">
        <v>10</v>
      </c>
      <c r="B4624" t="s">
        <v>30</v>
      </c>
      <c r="C4624" t="s">
        <v>117</v>
      </c>
      <c r="D4624" t="s">
        <v>118</v>
      </c>
      <c r="E4624">
        <v>2020</v>
      </c>
      <c r="F4624">
        <v>2020</v>
      </c>
      <c r="G4624" t="s">
        <v>126</v>
      </c>
      <c r="H4624" t="s">
        <v>121</v>
      </c>
      <c r="I4624" t="s">
        <v>15</v>
      </c>
      <c r="J4624" s="10">
        <v>29.66621525</v>
      </c>
    </row>
    <row r="4625" spans="1:10" x14ac:dyDescent="0.35">
      <c r="A4625" t="s">
        <v>10</v>
      </c>
      <c r="B4625" t="s">
        <v>30</v>
      </c>
      <c r="C4625" t="s">
        <v>117</v>
      </c>
      <c r="D4625" t="s">
        <v>118</v>
      </c>
      <c r="E4625">
        <v>2020</v>
      </c>
      <c r="F4625">
        <v>2020</v>
      </c>
      <c r="G4625" t="s">
        <v>126</v>
      </c>
      <c r="H4625" t="s">
        <v>122</v>
      </c>
      <c r="I4625" t="s">
        <v>15</v>
      </c>
      <c r="J4625" s="10">
        <v>21.93632332</v>
      </c>
    </row>
    <row r="4626" spans="1:10" x14ac:dyDescent="0.35">
      <c r="A4626" t="s">
        <v>10</v>
      </c>
      <c r="B4626" t="s">
        <v>30</v>
      </c>
      <c r="C4626" t="s">
        <v>117</v>
      </c>
      <c r="D4626" t="s">
        <v>118</v>
      </c>
      <c r="E4626">
        <v>2020</v>
      </c>
      <c r="F4626">
        <v>2020</v>
      </c>
      <c r="G4626" t="s">
        <v>126</v>
      </c>
      <c r="H4626" t="s">
        <v>123</v>
      </c>
      <c r="I4626" t="s">
        <v>15</v>
      </c>
      <c r="J4626" s="10">
        <v>19.952733739999999</v>
      </c>
    </row>
    <row r="4627" spans="1:10" x14ac:dyDescent="0.35">
      <c r="A4627" t="s">
        <v>10</v>
      </c>
      <c r="B4627" t="s">
        <v>30</v>
      </c>
      <c r="C4627" t="s">
        <v>117</v>
      </c>
      <c r="D4627" t="s">
        <v>118</v>
      </c>
      <c r="E4627">
        <v>2020</v>
      </c>
      <c r="F4627">
        <v>2020</v>
      </c>
      <c r="G4627" t="s">
        <v>126</v>
      </c>
      <c r="H4627" t="s">
        <v>124</v>
      </c>
      <c r="I4627" t="s">
        <v>15</v>
      </c>
      <c r="J4627" s="10">
        <v>3.1201040920000001</v>
      </c>
    </row>
    <row r="4628" spans="1:10" x14ac:dyDescent="0.35">
      <c r="A4628" t="s">
        <v>10</v>
      </c>
      <c r="B4628" t="s">
        <v>30</v>
      </c>
      <c r="C4628" t="s">
        <v>117</v>
      </c>
      <c r="D4628" t="s">
        <v>118</v>
      </c>
      <c r="E4628">
        <v>2019</v>
      </c>
      <c r="F4628">
        <v>2019</v>
      </c>
      <c r="G4628" t="s">
        <v>14</v>
      </c>
      <c r="H4628" t="s">
        <v>119</v>
      </c>
      <c r="I4628" t="s">
        <v>15</v>
      </c>
      <c r="J4628" s="10">
        <v>17.447198050000001</v>
      </c>
    </row>
    <row r="4629" spans="1:10" x14ac:dyDescent="0.35">
      <c r="A4629" t="s">
        <v>10</v>
      </c>
      <c r="B4629" t="s">
        <v>30</v>
      </c>
      <c r="C4629" t="s">
        <v>117</v>
      </c>
      <c r="D4629" t="s">
        <v>118</v>
      </c>
      <c r="E4629">
        <v>2019</v>
      </c>
      <c r="F4629">
        <v>2019</v>
      </c>
      <c r="G4629" t="s">
        <v>14</v>
      </c>
      <c r="H4629" t="s">
        <v>120</v>
      </c>
      <c r="I4629" t="s">
        <v>15</v>
      </c>
      <c r="J4629" s="10">
        <v>9.4088303969999991</v>
      </c>
    </row>
    <row r="4630" spans="1:10" x14ac:dyDescent="0.35">
      <c r="A4630" t="s">
        <v>10</v>
      </c>
      <c r="B4630" t="s">
        <v>30</v>
      </c>
      <c r="C4630" t="s">
        <v>117</v>
      </c>
      <c r="D4630" t="s">
        <v>118</v>
      </c>
      <c r="E4630">
        <v>2019</v>
      </c>
      <c r="F4630">
        <v>2019</v>
      </c>
      <c r="G4630" t="s">
        <v>14</v>
      </c>
      <c r="H4630" t="s">
        <v>121</v>
      </c>
      <c r="I4630" t="s">
        <v>15</v>
      </c>
      <c r="J4630" s="10">
        <v>30.569412010000001</v>
      </c>
    </row>
    <row r="4631" spans="1:10" x14ac:dyDescent="0.35">
      <c r="A4631" t="s">
        <v>10</v>
      </c>
      <c r="B4631" t="s">
        <v>30</v>
      </c>
      <c r="C4631" t="s">
        <v>117</v>
      </c>
      <c r="D4631" t="s">
        <v>118</v>
      </c>
      <c r="E4631">
        <v>2019</v>
      </c>
      <c r="F4631">
        <v>2019</v>
      </c>
      <c r="G4631" t="s">
        <v>14</v>
      </c>
      <c r="H4631" t="s">
        <v>122</v>
      </c>
      <c r="I4631" t="s">
        <v>15</v>
      </c>
      <c r="J4631" s="10">
        <v>21.459085120000001</v>
      </c>
    </row>
    <row r="4632" spans="1:10" x14ac:dyDescent="0.35">
      <c r="A4632" t="s">
        <v>10</v>
      </c>
      <c r="B4632" t="s">
        <v>30</v>
      </c>
      <c r="C4632" t="s">
        <v>117</v>
      </c>
      <c r="D4632" t="s">
        <v>118</v>
      </c>
      <c r="E4632">
        <v>2019</v>
      </c>
      <c r="F4632">
        <v>2019</v>
      </c>
      <c r="G4632" t="s">
        <v>14</v>
      </c>
      <c r="H4632" t="s">
        <v>123</v>
      </c>
      <c r="I4632" t="s">
        <v>15</v>
      </c>
      <c r="J4632" s="10">
        <v>18.646518789999998</v>
      </c>
    </row>
    <row r="4633" spans="1:10" x14ac:dyDescent="0.35">
      <c r="A4633" t="s">
        <v>10</v>
      </c>
      <c r="B4633" t="s">
        <v>30</v>
      </c>
      <c r="C4633" t="s">
        <v>117</v>
      </c>
      <c r="D4633" t="s">
        <v>118</v>
      </c>
      <c r="E4633">
        <v>2019</v>
      </c>
      <c r="F4633">
        <v>2019</v>
      </c>
      <c r="G4633" t="s">
        <v>14</v>
      </c>
      <c r="H4633" t="s">
        <v>124</v>
      </c>
      <c r="I4633" t="s">
        <v>15</v>
      </c>
      <c r="J4633" s="10">
        <v>2.468955636</v>
      </c>
    </row>
    <row r="4634" spans="1:10" x14ac:dyDescent="0.35">
      <c r="A4634" t="s">
        <v>10</v>
      </c>
      <c r="B4634" t="s">
        <v>30</v>
      </c>
      <c r="C4634" t="s">
        <v>117</v>
      </c>
      <c r="D4634" t="s">
        <v>118</v>
      </c>
      <c r="E4634">
        <v>2019</v>
      </c>
      <c r="F4634">
        <v>2019</v>
      </c>
      <c r="G4634" t="s">
        <v>125</v>
      </c>
      <c r="H4634" t="s">
        <v>119</v>
      </c>
      <c r="I4634" t="s">
        <v>15</v>
      </c>
      <c r="J4634" s="10">
        <v>17.878812180000001</v>
      </c>
    </row>
    <row r="4635" spans="1:10" x14ac:dyDescent="0.35">
      <c r="A4635" t="s">
        <v>10</v>
      </c>
      <c r="B4635" t="s">
        <v>30</v>
      </c>
      <c r="C4635" t="s">
        <v>117</v>
      </c>
      <c r="D4635" t="s">
        <v>118</v>
      </c>
      <c r="E4635">
        <v>2019</v>
      </c>
      <c r="F4635">
        <v>2019</v>
      </c>
      <c r="G4635" t="s">
        <v>125</v>
      </c>
      <c r="H4635" t="s">
        <v>120</v>
      </c>
      <c r="I4635" t="s">
        <v>15</v>
      </c>
      <c r="J4635" s="10">
        <v>10.207681819999999</v>
      </c>
    </row>
    <row r="4636" spans="1:10" x14ac:dyDescent="0.35">
      <c r="A4636" t="s">
        <v>10</v>
      </c>
      <c r="B4636" t="s">
        <v>30</v>
      </c>
      <c r="C4636" t="s">
        <v>117</v>
      </c>
      <c r="D4636" t="s">
        <v>118</v>
      </c>
      <c r="E4636">
        <v>2019</v>
      </c>
      <c r="F4636">
        <v>2019</v>
      </c>
      <c r="G4636" t="s">
        <v>125</v>
      </c>
      <c r="H4636" t="s">
        <v>121</v>
      </c>
      <c r="I4636" t="s">
        <v>15</v>
      </c>
      <c r="J4636" s="10">
        <v>31.10683452</v>
      </c>
    </row>
    <row r="4637" spans="1:10" x14ac:dyDescent="0.35">
      <c r="A4637" t="s">
        <v>10</v>
      </c>
      <c r="B4637" t="s">
        <v>30</v>
      </c>
      <c r="C4637" t="s">
        <v>117</v>
      </c>
      <c r="D4637" t="s">
        <v>118</v>
      </c>
      <c r="E4637">
        <v>2019</v>
      </c>
      <c r="F4637">
        <v>2019</v>
      </c>
      <c r="G4637" t="s">
        <v>125</v>
      </c>
      <c r="H4637" t="s">
        <v>122</v>
      </c>
      <c r="I4637" t="s">
        <v>15</v>
      </c>
      <c r="J4637" s="10">
        <v>21.342848740000001</v>
      </c>
    </row>
    <row r="4638" spans="1:10" x14ac:dyDescent="0.35">
      <c r="A4638" t="s">
        <v>10</v>
      </c>
      <c r="B4638" t="s">
        <v>30</v>
      </c>
      <c r="C4638" t="s">
        <v>117</v>
      </c>
      <c r="D4638" t="s">
        <v>118</v>
      </c>
      <c r="E4638">
        <v>2019</v>
      </c>
      <c r="F4638">
        <v>2019</v>
      </c>
      <c r="G4638" t="s">
        <v>125</v>
      </c>
      <c r="H4638" t="s">
        <v>123</v>
      </c>
      <c r="I4638" t="s">
        <v>15</v>
      </c>
      <c r="J4638" s="10">
        <v>17.673001360000001</v>
      </c>
    </row>
    <row r="4639" spans="1:10" x14ac:dyDescent="0.35">
      <c r="A4639" t="s">
        <v>10</v>
      </c>
      <c r="B4639" t="s">
        <v>30</v>
      </c>
      <c r="C4639" t="s">
        <v>117</v>
      </c>
      <c r="D4639" t="s">
        <v>118</v>
      </c>
      <c r="E4639">
        <v>2019</v>
      </c>
      <c r="F4639">
        <v>2019</v>
      </c>
      <c r="G4639" t="s">
        <v>125</v>
      </c>
      <c r="H4639" t="s">
        <v>124</v>
      </c>
      <c r="I4639" t="s">
        <v>15</v>
      </c>
      <c r="J4639" s="10">
        <v>1.7908213719999999</v>
      </c>
    </row>
    <row r="4640" spans="1:10" x14ac:dyDescent="0.35">
      <c r="A4640" t="s">
        <v>10</v>
      </c>
      <c r="B4640" t="s">
        <v>30</v>
      </c>
      <c r="C4640" t="s">
        <v>117</v>
      </c>
      <c r="D4640" t="s">
        <v>118</v>
      </c>
      <c r="E4640">
        <v>2019</v>
      </c>
      <c r="F4640">
        <v>2019</v>
      </c>
      <c r="G4640" t="s">
        <v>126</v>
      </c>
      <c r="H4640" t="s">
        <v>119</v>
      </c>
      <c r="I4640" t="s">
        <v>15</v>
      </c>
      <c r="J4640" s="10">
        <v>17.021837049999998</v>
      </c>
    </row>
    <row r="4641" spans="1:10" x14ac:dyDescent="0.35">
      <c r="A4641" t="s">
        <v>10</v>
      </c>
      <c r="B4641" t="s">
        <v>30</v>
      </c>
      <c r="C4641" t="s">
        <v>117</v>
      </c>
      <c r="D4641" t="s">
        <v>118</v>
      </c>
      <c r="E4641">
        <v>2019</v>
      </c>
      <c r="F4641">
        <v>2019</v>
      </c>
      <c r="G4641" t="s">
        <v>126</v>
      </c>
      <c r="H4641" t="s">
        <v>120</v>
      </c>
      <c r="I4641" t="s">
        <v>15</v>
      </c>
      <c r="J4641" s="10">
        <v>8.6215525639999999</v>
      </c>
    </row>
    <row r="4642" spans="1:10" x14ac:dyDescent="0.35">
      <c r="A4642" t="s">
        <v>10</v>
      </c>
      <c r="B4642" t="s">
        <v>30</v>
      </c>
      <c r="C4642" t="s">
        <v>117</v>
      </c>
      <c r="D4642" t="s">
        <v>118</v>
      </c>
      <c r="E4642">
        <v>2019</v>
      </c>
      <c r="F4642">
        <v>2019</v>
      </c>
      <c r="G4642" t="s">
        <v>126</v>
      </c>
      <c r="H4642" t="s">
        <v>121</v>
      </c>
      <c r="I4642" t="s">
        <v>15</v>
      </c>
      <c r="J4642" s="10">
        <v>30.03977557</v>
      </c>
    </row>
    <row r="4643" spans="1:10" x14ac:dyDescent="0.35">
      <c r="A4643" t="s">
        <v>10</v>
      </c>
      <c r="B4643" t="s">
        <v>30</v>
      </c>
      <c r="C4643" t="s">
        <v>117</v>
      </c>
      <c r="D4643" t="s">
        <v>118</v>
      </c>
      <c r="E4643">
        <v>2019</v>
      </c>
      <c r="F4643">
        <v>2019</v>
      </c>
      <c r="G4643" t="s">
        <v>126</v>
      </c>
      <c r="H4643" t="s">
        <v>122</v>
      </c>
      <c r="I4643" t="s">
        <v>15</v>
      </c>
      <c r="J4643" s="10">
        <v>21.573637489999999</v>
      </c>
    </row>
    <row r="4644" spans="1:10" x14ac:dyDescent="0.35">
      <c r="A4644" t="s">
        <v>10</v>
      </c>
      <c r="B4644" t="s">
        <v>30</v>
      </c>
      <c r="C4644" t="s">
        <v>117</v>
      </c>
      <c r="D4644" t="s">
        <v>118</v>
      </c>
      <c r="E4644">
        <v>2019</v>
      </c>
      <c r="F4644">
        <v>2019</v>
      </c>
      <c r="G4644" t="s">
        <v>126</v>
      </c>
      <c r="H4644" t="s">
        <v>123</v>
      </c>
      <c r="I4644" t="s">
        <v>15</v>
      </c>
      <c r="J4644" s="10">
        <v>19.60593209</v>
      </c>
    </row>
    <row r="4645" spans="1:10" x14ac:dyDescent="0.35">
      <c r="A4645" t="s">
        <v>10</v>
      </c>
      <c r="B4645" t="s">
        <v>30</v>
      </c>
      <c r="C4645" t="s">
        <v>117</v>
      </c>
      <c r="D4645" t="s">
        <v>118</v>
      </c>
      <c r="E4645">
        <v>2019</v>
      </c>
      <c r="F4645">
        <v>2019</v>
      </c>
      <c r="G4645" t="s">
        <v>126</v>
      </c>
      <c r="H4645" t="s">
        <v>124</v>
      </c>
      <c r="I4645" t="s">
        <v>15</v>
      </c>
      <c r="J4645" s="10">
        <v>3.1372652319999998</v>
      </c>
    </row>
    <row r="4646" spans="1:10" x14ac:dyDescent="0.35">
      <c r="A4646" t="s">
        <v>10</v>
      </c>
      <c r="B4646" t="s">
        <v>30</v>
      </c>
      <c r="C4646" t="s">
        <v>117</v>
      </c>
      <c r="D4646" t="s">
        <v>118</v>
      </c>
      <c r="E4646">
        <v>2018</v>
      </c>
      <c r="F4646">
        <v>2018</v>
      </c>
      <c r="G4646" t="s">
        <v>14</v>
      </c>
      <c r="H4646" t="s">
        <v>119</v>
      </c>
      <c r="I4646" t="s">
        <v>15</v>
      </c>
      <c r="J4646" s="10">
        <v>17.473416919999998</v>
      </c>
    </row>
    <row r="4647" spans="1:10" x14ac:dyDescent="0.35">
      <c r="A4647" t="s">
        <v>10</v>
      </c>
      <c r="B4647" t="s">
        <v>30</v>
      </c>
      <c r="C4647" t="s">
        <v>117</v>
      </c>
      <c r="D4647" t="s">
        <v>118</v>
      </c>
      <c r="E4647">
        <v>2018</v>
      </c>
      <c r="F4647">
        <v>2018</v>
      </c>
      <c r="G4647" t="s">
        <v>14</v>
      </c>
      <c r="H4647" t="s">
        <v>120</v>
      </c>
      <c r="I4647" t="s">
        <v>15</v>
      </c>
      <c r="J4647" s="10">
        <v>9.7630005820000001</v>
      </c>
    </row>
    <row r="4648" spans="1:10" x14ac:dyDescent="0.35">
      <c r="A4648" t="s">
        <v>10</v>
      </c>
      <c r="B4648" t="s">
        <v>30</v>
      </c>
      <c r="C4648" t="s">
        <v>117</v>
      </c>
      <c r="D4648" t="s">
        <v>118</v>
      </c>
      <c r="E4648">
        <v>2018</v>
      </c>
      <c r="F4648">
        <v>2018</v>
      </c>
      <c r="G4648" t="s">
        <v>14</v>
      </c>
      <c r="H4648" t="s">
        <v>121</v>
      </c>
      <c r="I4648" t="s">
        <v>15</v>
      </c>
      <c r="J4648" s="10">
        <v>30.84298789</v>
      </c>
    </row>
    <row r="4649" spans="1:10" x14ac:dyDescent="0.35">
      <c r="A4649" t="s">
        <v>10</v>
      </c>
      <c r="B4649" t="s">
        <v>30</v>
      </c>
      <c r="C4649" t="s">
        <v>117</v>
      </c>
      <c r="D4649" t="s">
        <v>118</v>
      </c>
      <c r="E4649">
        <v>2018</v>
      </c>
      <c r="F4649">
        <v>2018</v>
      </c>
      <c r="G4649" t="s">
        <v>14</v>
      </c>
      <c r="H4649" t="s">
        <v>122</v>
      </c>
      <c r="I4649" t="s">
        <v>15</v>
      </c>
      <c r="J4649" s="10">
        <v>21.151404540000001</v>
      </c>
    </row>
    <row r="4650" spans="1:10" x14ac:dyDescent="0.35">
      <c r="A4650" t="s">
        <v>10</v>
      </c>
      <c r="B4650" t="s">
        <v>30</v>
      </c>
      <c r="C4650" t="s">
        <v>117</v>
      </c>
      <c r="D4650" t="s">
        <v>118</v>
      </c>
      <c r="E4650">
        <v>2018</v>
      </c>
      <c r="F4650">
        <v>2018</v>
      </c>
      <c r="G4650" t="s">
        <v>14</v>
      </c>
      <c r="H4650" t="s">
        <v>123</v>
      </c>
      <c r="I4650" t="s">
        <v>15</v>
      </c>
      <c r="J4650" s="10">
        <v>18.407131140000001</v>
      </c>
    </row>
    <row r="4651" spans="1:10" x14ac:dyDescent="0.35">
      <c r="A4651" t="s">
        <v>10</v>
      </c>
      <c r="B4651" t="s">
        <v>30</v>
      </c>
      <c r="C4651" t="s">
        <v>117</v>
      </c>
      <c r="D4651" t="s">
        <v>118</v>
      </c>
      <c r="E4651">
        <v>2018</v>
      </c>
      <c r="F4651">
        <v>2018</v>
      </c>
      <c r="G4651" t="s">
        <v>14</v>
      </c>
      <c r="H4651" t="s">
        <v>124</v>
      </c>
      <c r="I4651" t="s">
        <v>15</v>
      </c>
      <c r="J4651" s="10">
        <v>2.3620589320000001</v>
      </c>
    </row>
    <row r="4652" spans="1:10" x14ac:dyDescent="0.35">
      <c r="A4652" t="s">
        <v>10</v>
      </c>
      <c r="B4652" t="s">
        <v>30</v>
      </c>
      <c r="C4652" t="s">
        <v>117</v>
      </c>
      <c r="D4652" t="s">
        <v>118</v>
      </c>
      <c r="E4652">
        <v>2018</v>
      </c>
      <c r="F4652">
        <v>2018</v>
      </c>
      <c r="G4652" t="s">
        <v>125</v>
      </c>
      <c r="H4652" t="s">
        <v>119</v>
      </c>
      <c r="I4652" t="s">
        <v>15</v>
      </c>
      <c r="J4652" s="10">
        <v>17.849061630000001</v>
      </c>
    </row>
    <row r="4653" spans="1:10" x14ac:dyDescent="0.35">
      <c r="A4653" t="s">
        <v>10</v>
      </c>
      <c r="B4653" t="s">
        <v>30</v>
      </c>
      <c r="C4653" t="s">
        <v>117</v>
      </c>
      <c r="D4653" t="s">
        <v>118</v>
      </c>
      <c r="E4653">
        <v>2018</v>
      </c>
      <c r="F4653">
        <v>2018</v>
      </c>
      <c r="G4653" t="s">
        <v>125</v>
      </c>
      <c r="H4653" t="s">
        <v>120</v>
      </c>
      <c r="I4653" t="s">
        <v>15</v>
      </c>
      <c r="J4653" s="10">
        <v>10.69080261</v>
      </c>
    </row>
    <row r="4654" spans="1:10" x14ac:dyDescent="0.35">
      <c r="A4654" t="s">
        <v>10</v>
      </c>
      <c r="B4654" t="s">
        <v>30</v>
      </c>
      <c r="C4654" t="s">
        <v>117</v>
      </c>
      <c r="D4654" t="s">
        <v>118</v>
      </c>
      <c r="E4654">
        <v>2018</v>
      </c>
      <c r="F4654">
        <v>2018</v>
      </c>
      <c r="G4654" t="s">
        <v>125</v>
      </c>
      <c r="H4654" t="s">
        <v>121</v>
      </c>
      <c r="I4654" t="s">
        <v>15</v>
      </c>
      <c r="J4654" s="10">
        <v>31.263143880000001</v>
      </c>
    </row>
    <row r="4655" spans="1:10" x14ac:dyDescent="0.35">
      <c r="A4655" t="s">
        <v>10</v>
      </c>
      <c r="B4655" t="s">
        <v>30</v>
      </c>
      <c r="C4655" t="s">
        <v>117</v>
      </c>
      <c r="D4655" t="s">
        <v>118</v>
      </c>
      <c r="E4655">
        <v>2018</v>
      </c>
      <c r="F4655">
        <v>2018</v>
      </c>
      <c r="G4655" t="s">
        <v>125</v>
      </c>
      <c r="H4655" t="s">
        <v>122</v>
      </c>
      <c r="I4655" t="s">
        <v>15</v>
      </c>
      <c r="J4655" s="10">
        <v>21.118062030000001</v>
      </c>
    </row>
    <row r="4656" spans="1:10" x14ac:dyDescent="0.35">
      <c r="A4656" t="s">
        <v>10</v>
      </c>
      <c r="B4656" t="s">
        <v>30</v>
      </c>
      <c r="C4656" t="s">
        <v>117</v>
      </c>
      <c r="D4656" t="s">
        <v>118</v>
      </c>
      <c r="E4656">
        <v>2018</v>
      </c>
      <c r="F4656">
        <v>2018</v>
      </c>
      <c r="G4656" t="s">
        <v>125</v>
      </c>
      <c r="H4656" t="s">
        <v>123</v>
      </c>
      <c r="I4656" t="s">
        <v>15</v>
      </c>
      <c r="J4656" s="10">
        <v>17.340609610000001</v>
      </c>
    </row>
    <row r="4657" spans="1:10" x14ac:dyDescent="0.35">
      <c r="A4657" t="s">
        <v>10</v>
      </c>
      <c r="B4657" t="s">
        <v>30</v>
      </c>
      <c r="C4657" t="s">
        <v>117</v>
      </c>
      <c r="D4657" t="s">
        <v>118</v>
      </c>
      <c r="E4657">
        <v>2018</v>
      </c>
      <c r="F4657">
        <v>2018</v>
      </c>
      <c r="G4657" t="s">
        <v>125</v>
      </c>
      <c r="H4657" t="s">
        <v>124</v>
      </c>
      <c r="I4657" t="s">
        <v>15</v>
      </c>
      <c r="J4657" s="10">
        <v>1.7383202449999999</v>
      </c>
    </row>
    <row r="4658" spans="1:10" x14ac:dyDescent="0.35">
      <c r="A4658" t="s">
        <v>10</v>
      </c>
      <c r="B4658" t="s">
        <v>30</v>
      </c>
      <c r="C4658" t="s">
        <v>117</v>
      </c>
      <c r="D4658" t="s">
        <v>118</v>
      </c>
      <c r="E4658">
        <v>2018</v>
      </c>
      <c r="F4658">
        <v>2018</v>
      </c>
      <c r="G4658" t="s">
        <v>126</v>
      </c>
      <c r="H4658" t="s">
        <v>119</v>
      </c>
      <c r="I4658" t="s">
        <v>15</v>
      </c>
      <c r="J4658" s="10">
        <v>17.102531079999999</v>
      </c>
    </row>
    <row r="4659" spans="1:10" x14ac:dyDescent="0.35">
      <c r="A4659" t="s">
        <v>10</v>
      </c>
      <c r="B4659" t="s">
        <v>30</v>
      </c>
      <c r="C4659" t="s">
        <v>117</v>
      </c>
      <c r="D4659" t="s">
        <v>118</v>
      </c>
      <c r="E4659">
        <v>2018</v>
      </c>
      <c r="F4659">
        <v>2018</v>
      </c>
      <c r="G4659" t="s">
        <v>126</v>
      </c>
      <c r="H4659" t="s">
        <v>120</v>
      </c>
      <c r="I4659" t="s">
        <v>15</v>
      </c>
      <c r="J4659" s="10">
        <v>8.8469524540000002</v>
      </c>
    </row>
    <row r="4660" spans="1:10" x14ac:dyDescent="0.35">
      <c r="A4660" t="s">
        <v>10</v>
      </c>
      <c r="B4660" t="s">
        <v>30</v>
      </c>
      <c r="C4660" t="s">
        <v>117</v>
      </c>
      <c r="D4660" t="s">
        <v>118</v>
      </c>
      <c r="E4660">
        <v>2018</v>
      </c>
      <c r="F4660">
        <v>2018</v>
      </c>
      <c r="G4660" t="s">
        <v>126</v>
      </c>
      <c r="H4660" t="s">
        <v>121</v>
      </c>
      <c r="I4660" t="s">
        <v>15</v>
      </c>
      <c r="J4660" s="10">
        <v>30.42815465</v>
      </c>
    </row>
    <row r="4661" spans="1:10" x14ac:dyDescent="0.35">
      <c r="A4661" t="s">
        <v>10</v>
      </c>
      <c r="B4661" t="s">
        <v>30</v>
      </c>
      <c r="C4661" t="s">
        <v>117</v>
      </c>
      <c r="D4661" t="s">
        <v>118</v>
      </c>
      <c r="E4661">
        <v>2018</v>
      </c>
      <c r="F4661">
        <v>2018</v>
      </c>
      <c r="G4661" t="s">
        <v>126</v>
      </c>
      <c r="H4661" t="s">
        <v>122</v>
      </c>
      <c r="I4661" t="s">
        <v>15</v>
      </c>
      <c r="J4661" s="10">
        <v>21.184324650000001</v>
      </c>
    </row>
    <row r="4662" spans="1:10" x14ac:dyDescent="0.35">
      <c r="A4662" t="s">
        <v>10</v>
      </c>
      <c r="B4662" t="s">
        <v>30</v>
      </c>
      <c r="C4662" t="s">
        <v>117</v>
      </c>
      <c r="D4662" t="s">
        <v>118</v>
      </c>
      <c r="E4662">
        <v>2018</v>
      </c>
      <c r="F4662">
        <v>2018</v>
      </c>
      <c r="G4662" t="s">
        <v>126</v>
      </c>
      <c r="H4662" t="s">
        <v>123</v>
      </c>
      <c r="I4662" t="s">
        <v>15</v>
      </c>
      <c r="J4662" s="10">
        <v>19.460141400000001</v>
      </c>
    </row>
    <row r="4663" spans="1:10" x14ac:dyDescent="0.35">
      <c r="A4663" t="s">
        <v>10</v>
      </c>
      <c r="B4663" t="s">
        <v>30</v>
      </c>
      <c r="C4663" t="s">
        <v>117</v>
      </c>
      <c r="D4663" t="s">
        <v>118</v>
      </c>
      <c r="E4663">
        <v>2018</v>
      </c>
      <c r="F4663">
        <v>2018</v>
      </c>
      <c r="G4663" t="s">
        <v>126</v>
      </c>
      <c r="H4663" t="s">
        <v>124</v>
      </c>
      <c r="I4663" t="s">
        <v>15</v>
      </c>
      <c r="J4663" s="10">
        <v>2.9778957610000001</v>
      </c>
    </row>
    <row r="4664" spans="1:10" x14ac:dyDescent="0.35">
      <c r="A4664" t="s">
        <v>10</v>
      </c>
      <c r="B4664" t="s">
        <v>30</v>
      </c>
      <c r="C4664" t="s">
        <v>117</v>
      </c>
      <c r="D4664" t="s">
        <v>118</v>
      </c>
      <c r="E4664">
        <v>2017</v>
      </c>
      <c r="F4664">
        <v>2017</v>
      </c>
      <c r="G4664" t="s">
        <v>14</v>
      </c>
      <c r="H4664" t="s">
        <v>119</v>
      </c>
      <c r="I4664" t="s">
        <v>15</v>
      </c>
      <c r="J4664" s="10">
        <v>17.482711290000001</v>
      </c>
    </row>
    <row r="4665" spans="1:10" x14ac:dyDescent="0.35">
      <c r="A4665" t="s">
        <v>10</v>
      </c>
      <c r="B4665" t="s">
        <v>30</v>
      </c>
      <c r="C4665" t="s">
        <v>117</v>
      </c>
      <c r="D4665" t="s">
        <v>118</v>
      </c>
      <c r="E4665">
        <v>2017</v>
      </c>
      <c r="F4665">
        <v>2017</v>
      </c>
      <c r="G4665" t="s">
        <v>14</v>
      </c>
      <c r="H4665" t="s">
        <v>120</v>
      </c>
      <c r="I4665" t="s">
        <v>15</v>
      </c>
      <c r="J4665" s="10">
        <v>9.9759805729999993</v>
      </c>
    </row>
    <row r="4666" spans="1:10" x14ac:dyDescent="0.35">
      <c r="A4666" t="s">
        <v>10</v>
      </c>
      <c r="B4666" t="s">
        <v>30</v>
      </c>
      <c r="C4666" t="s">
        <v>117</v>
      </c>
      <c r="D4666" t="s">
        <v>118</v>
      </c>
      <c r="E4666">
        <v>2017</v>
      </c>
      <c r="F4666">
        <v>2017</v>
      </c>
      <c r="G4666" t="s">
        <v>14</v>
      </c>
      <c r="H4666" t="s">
        <v>121</v>
      </c>
      <c r="I4666" t="s">
        <v>15</v>
      </c>
      <c r="J4666" s="10">
        <v>31.177743759999998</v>
      </c>
    </row>
    <row r="4667" spans="1:10" x14ac:dyDescent="0.35">
      <c r="A4667" t="s">
        <v>10</v>
      </c>
      <c r="B4667" t="s">
        <v>30</v>
      </c>
      <c r="C4667" t="s">
        <v>117</v>
      </c>
      <c r="D4667" t="s">
        <v>118</v>
      </c>
      <c r="E4667">
        <v>2017</v>
      </c>
      <c r="F4667">
        <v>2017</v>
      </c>
      <c r="G4667" t="s">
        <v>14</v>
      </c>
      <c r="H4667" t="s">
        <v>122</v>
      </c>
      <c r="I4667" t="s">
        <v>15</v>
      </c>
      <c r="J4667" s="10">
        <v>20.78208309</v>
      </c>
    </row>
    <row r="4668" spans="1:10" x14ac:dyDescent="0.35">
      <c r="A4668" t="s">
        <v>10</v>
      </c>
      <c r="B4668" t="s">
        <v>30</v>
      </c>
      <c r="C4668" t="s">
        <v>117</v>
      </c>
      <c r="D4668" t="s">
        <v>118</v>
      </c>
      <c r="E4668">
        <v>2017</v>
      </c>
      <c r="F4668">
        <v>2017</v>
      </c>
      <c r="G4668" t="s">
        <v>14</v>
      </c>
      <c r="H4668" t="s">
        <v>123</v>
      </c>
      <c r="I4668" t="s">
        <v>15</v>
      </c>
      <c r="J4668" s="10">
        <v>18.258723539999998</v>
      </c>
    </row>
    <row r="4669" spans="1:10" x14ac:dyDescent="0.35">
      <c r="A4669" t="s">
        <v>10</v>
      </c>
      <c r="B4669" t="s">
        <v>30</v>
      </c>
      <c r="C4669" t="s">
        <v>117</v>
      </c>
      <c r="D4669" t="s">
        <v>118</v>
      </c>
      <c r="E4669">
        <v>2017</v>
      </c>
      <c r="F4669">
        <v>2017</v>
      </c>
      <c r="G4669" t="s">
        <v>14</v>
      </c>
      <c r="H4669" t="s">
        <v>124</v>
      </c>
      <c r="I4669" t="s">
        <v>15</v>
      </c>
      <c r="J4669" s="10">
        <v>2.3227577469999998</v>
      </c>
    </row>
    <row r="4670" spans="1:10" x14ac:dyDescent="0.35">
      <c r="A4670" t="s">
        <v>10</v>
      </c>
      <c r="B4670" t="s">
        <v>30</v>
      </c>
      <c r="C4670" t="s">
        <v>117</v>
      </c>
      <c r="D4670" t="s">
        <v>118</v>
      </c>
      <c r="E4670">
        <v>2017</v>
      </c>
      <c r="F4670">
        <v>2017</v>
      </c>
      <c r="G4670" t="s">
        <v>125</v>
      </c>
      <c r="H4670" t="s">
        <v>119</v>
      </c>
      <c r="I4670" t="s">
        <v>15</v>
      </c>
      <c r="J4670" s="10">
        <v>17.91120081</v>
      </c>
    </row>
    <row r="4671" spans="1:10" x14ac:dyDescent="0.35">
      <c r="A4671" t="s">
        <v>10</v>
      </c>
      <c r="B4671" t="s">
        <v>30</v>
      </c>
      <c r="C4671" t="s">
        <v>117</v>
      </c>
      <c r="D4671" t="s">
        <v>118</v>
      </c>
      <c r="E4671">
        <v>2017</v>
      </c>
      <c r="F4671">
        <v>2017</v>
      </c>
      <c r="G4671" t="s">
        <v>125</v>
      </c>
      <c r="H4671" t="s">
        <v>120</v>
      </c>
      <c r="I4671" t="s">
        <v>15</v>
      </c>
      <c r="J4671" s="10">
        <v>10.88746083</v>
      </c>
    </row>
    <row r="4672" spans="1:10" x14ac:dyDescent="0.35">
      <c r="A4672" t="s">
        <v>10</v>
      </c>
      <c r="B4672" t="s">
        <v>30</v>
      </c>
      <c r="C4672" t="s">
        <v>117</v>
      </c>
      <c r="D4672" t="s">
        <v>118</v>
      </c>
      <c r="E4672">
        <v>2017</v>
      </c>
      <c r="F4672">
        <v>2017</v>
      </c>
      <c r="G4672" t="s">
        <v>125</v>
      </c>
      <c r="H4672" t="s">
        <v>121</v>
      </c>
      <c r="I4672" t="s">
        <v>15</v>
      </c>
      <c r="J4672" s="10">
        <v>31.581602849999999</v>
      </c>
    </row>
    <row r="4673" spans="1:10" x14ac:dyDescent="0.35">
      <c r="A4673" t="s">
        <v>10</v>
      </c>
      <c r="B4673" t="s">
        <v>30</v>
      </c>
      <c r="C4673" t="s">
        <v>117</v>
      </c>
      <c r="D4673" t="s">
        <v>118</v>
      </c>
      <c r="E4673">
        <v>2017</v>
      </c>
      <c r="F4673">
        <v>2017</v>
      </c>
      <c r="G4673" t="s">
        <v>125</v>
      </c>
      <c r="H4673" t="s">
        <v>122</v>
      </c>
      <c r="I4673" t="s">
        <v>15</v>
      </c>
      <c r="J4673" s="10">
        <v>20.696797490000002</v>
      </c>
    </row>
    <row r="4674" spans="1:10" x14ac:dyDescent="0.35">
      <c r="A4674" t="s">
        <v>10</v>
      </c>
      <c r="B4674" t="s">
        <v>30</v>
      </c>
      <c r="C4674" t="s">
        <v>117</v>
      </c>
      <c r="D4674" t="s">
        <v>118</v>
      </c>
      <c r="E4674">
        <v>2017</v>
      </c>
      <c r="F4674">
        <v>2017</v>
      </c>
      <c r="G4674" t="s">
        <v>125</v>
      </c>
      <c r="H4674" t="s">
        <v>123</v>
      </c>
      <c r="I4674" t="s">
        <v>15</v>
      </c>
      <c r="J4674" s="10">
        <v>17.260608640000001</v>
      </c>
    </row>
    <row r="4675" spans="1:10" x14ac:dyDescent="0.35">
      <c r="A4675" t="s">
        <v>10</v>
      </c>
      <c r="B4675" t="s">
        <v>30</v>
      </c>
      <c r="C4675" t="s">
        <v>117</v>
      </c>
      <c r="D4675" t="s">
        <v>118</v>
      </c>
      <c r="E4675">
        <v>2017</v>
      </c>
      <c r="F4675">
        <v>2017</v>
      </c>
      <c r="G4675" t="s">
        <v>125</v>
      </c>
      <c r="H4675" t="s">
        <v>124</v>
      </c>
      <c r="I4675" t="s">
        <v>15</v>
      </c>
      <c r="J4675" s="10">
        <v>1.6623293859999999</v>
      </c>
    </row>
    <row r="4676" spans="1:10" x14ac:dyDescent="0.35">
      <c r="A4676" t="s">
        <v>10</v>
      </c>
      <c r="B4676" t="s">
        <v>30</v>
      </c>
      <c r="C4676" t="s">
        <v>117</v>
      </c>
      <c r="D4676" t="s">
        <v>118</v>
      </c>
      <c r="E4676">
        <v>2017</v>
      </c>
      <c r="F4676">
        <v>2017</v>
      </c>
      <c r="G4676" t="s">
        <v>126</v>
      </c>
      <c r="H4676" t="s">
        <v>119</v>
      </c>
      <c r="I4676" t="s">
        <v>15</v>
      </c>
      <c r="J4676" s="10">
        <v>17.059348270000001</v>
      </c>
    </row>
    <row r="4677" spans="1:10" x14ac:dyDescent="0.35">
      <c r="A4677" t="s">
        <v>10</v>
      </c>
      <c r="B4677" t="s">
        <v>30</v>
      </c>
      <c r="C4677" t="s">
        <v>117</v>
      </c>
      <c r="D4677" t="s">
        <v>118</v>
      </c>
      <c r="E4677">
        <v>2017</v>
      </c>
      <c r="F4677">
        <v>2017</v>
      </c>
      <c r="G4677" t="s">
        <v>126</v>
      </c>
      <c r="H4677" t="s">
        <v>120</v>
      </c>
      <c r="I4677" t="s">
        <v>15</v>
      </c>
      <c r="J4677" s="10">
        <v>9.0754053629999998</v>
      </c>
    </row>
    <row r="4678" spans="1:10" x14ac:dyDescent="0.35">
      <c r="A4678" t="s">
        <v>10</v>
      </c>
      <c r="B4678" t="s">
        <v>30</v>
      </c>
      <c r="C4678" t="s">
        <v>117</v>
      </c>
      <c r="D4678" t="s">
        <v>118</v>
      </c>
      <c r="E4678">
        <v>2017</v>
      </c>
      <c r="F4678">
        <v>2017</v>
      </c>
      <c r="G4678" t="s">
        <v>126</v>
      </c>
      <c r="H4678" t="s">
        <v>121</v>
      </c>
      <c r="I4678" t="s">
        <v>15</v>
      </c>
      <c r="J4678" s="10">
        <v>30.77871648</v>
      </c>
    </row>
    <row r="4679" spans="1:10" x14ac:dyDescent="0.35">
      <c r="A4679" t="s">
        <v>10</v>
      </c>
      <c r="B4679" t="s">
        <v>30</v>
      </c>
      <c r="C4679" t="s">
        <v>117</v>
      </c>
      <c r="D4679" t="s">
        <v>118</v>
      </c>
      <c r="E4679">
        <v>2017</v>
      </c>
      <c r="F4679">
        <v>2017</v>
      </c>
      <c r="G4679" t="s">
        <v>126</v>
      </c>
      <c r="H4679" t="s">
        <v>122</v>
      </c>
      <c r="I4679" t="s">
        <v>15</v>
      </c>
      <c r="J4679" s="10">
        <v>20.86634832</v>
      </c>
    </row>
    <row r="4680" spans="1:10" x14ac:dyDescent="0.35">
      <c r="A4680" t="s">
        <v>10</v>
      </c>
      <c r="B4680" t="s">
        <v>30</v>
      </c>
      <c r="C4680" t="s">
        <v>117</v>
      </c>
      <c r="D4680" t="s">
        <v>118</v>
      </c>
      <c r="E4680">
        <v>2017</v>
      </c>
      <c r="F4680">
        <v>2017</v>
      </c>
      <c r="G4680" t="s">
        <v>126</v>
      </c>
      <c r="H4680" t="s">
        <v>123</v>
      </c>
      <c r="I4680" t="s">
        <v>15</v>
      </c>
      <c r="J4680" s="10">
        <v>19.24489689</v>
      </c>
    </row>
    <row r="4681" spans="1:10" x14ac:dyDescent="0.35">
      <c r="A4681" t="s">
        <v>10</v>
      </c>
      <c r="B4681" t="s">
        <v>30</v>
      </c>
      <c r="C4681" t="s">
        <v>117</v>
      </c>
      <c r="D4681" t="s">
        <v>118</v>
      </c>
      <c r="E4681">
        <v>2017</v>
      </c>
      <c r="F4681">
        <v>2017</v>
      </c>
      <c r="G4681" t="s">
        <v>126</v>
      </c>
      <c r="H4681" t="s">
        <v>124</v>
      </c>
      <c r="I4681" t="s">
        <v>15</v>
      </c>
      <c r="J4681" s="10">
        <v>2.9752846719999999</v>
      </c>
    </row>
    <row r="4682" spans="1:10" x14ac:dyDescent="0.35">
      <c r="A4682" t="s">
        <v>10</v>
      </c>
      <c r="B4682" t="s">
        <v>30</v>
      </c>
      <c r="C4682" t="s">
        <v>117</v>
      </c>
      <c r="D4682" t="s">
        <v>118</v>
      </c>
      <c r="E4682">
        <v>2016</v>
      </c>
      <c r="F4682">
        <v>2016</v>
      </c>
      <c r="G4682" t="s">
        <v>14</v>
      </c>
      <c r="H4682" t="s">
        <v>119</v>
      </c>
      <c r="I4682" t="s">
        <v>15</v>
      </c>
      <c r="J4682" s="10">
        <v>17.440151199999999</v>
      </c>
    </row>
    <row r="4683" spans="1:10" x14ac:dyDescent="0.35">
      <c r="A4683" t="s">
        <v>10</v>
      </c>
      <c r="B4683" t="s">
        <v>30</v>
      </c>
      <c r="C4683" t="s">
        <v>117</v>
      </c>
      <c r="D4683" t="s">
        <v>118</v>
      </c>
      <c r="E4683">
        <v>2016</v>
      </c>
      <c r="F4683">
        <v>2016</v>
      </c>
      <c r="G4683" t="s">
        <v>14</v>
      </c>
      <c r="H4683" t="s">
        <v>120</v>
      </c>
      <c r="I4683" t="s">
        <v>15</v>
      </c>
      <c r="J4683" s="10">
        <v>10.31473121</v>
      </c>
    </row>
    <row r="4684" spans="1:10" x14ac:dyDescent="0.35">
      <c r="A4684" t="s">
        <v>10</v>
      </c>
      <c r="B4684" t="s">
        <v>30</v>
      </c>
      <c r="C4684" t="s">
        <v>117</v>
      </c>
      <c r="D4684" t="s">
        <v>118</v>
      </c>
      <c r="E4684">
        <v>2016</v>
      </c>
      <c r="F4684">
        <v>2016</v>
      </c>
      <c r="G4684" t="s">
        <v>14</v>
      </c>
      <c r="H4684" t="s">
        <v>121</v>
      </c>
      <c r="I4684" t="s">
        <v>15</v>
      </c>
      <c r="J4684" s="10">
        <v>31.545306589999999</v>
      </c>
    </row>
    <row r="4685" spans="1:10" x14ac:dyDescent="0.35">
      <c r="A4685" t="s">
        <v>10</v>
      </c>
      <c r="B4685" t="s">
        <v>30</v>
      </c>
      <c r="C4685" t="s">
        <v>117</v>
      </c>
      <c r="D4685" t="s">
        <v>118</v>
      </c>
      <c r="E4685">
        <v>2016</v>
      </c>
      <c r="F4685">
        <v>2016</v>
      </c>
      <c r="G4685" t="s">
        <v>14</v>
      </c>
      <c r="H4685" t="s">
        <v>122</v>
      </c>
      <c r="I4685" t="s">
        <v>15</v>
      </c>
      <c r="J4685" s="10">
        <v>20.356467869999999</v>
      </c>
    </row>
    <row r="4686" spans="1:10" x14ac:dyDescent="0.35">
      <c r="A4686" t="s">
        <v>10</v>
      </c>
      <c r="B4686" t="s">
        <v>30</v>
      </c>
      <c r="C4686" t="s">
        <v>117</v>
      </c>
      <c r="D4686" t="s">
        <v>118</v>
      </c>
      <c r="E4686">
        <v>2016</v>
      </c>
      <c r="F4686">
        <v>2016</v>
      </c>
      <c r="G4686" t="s">
        <v>14</v>
      </c>
      <c r="H4686" t="s">
        <v>123</v>
      </c>
      <c r="I4686" t="s">
        <v>15</v>
      </c>
      <c r="J4686" s="10">
        <v>18.029451909999999</v>
      </c>
    </row>
    <row r="4687" spans="1:10" x14ac:dyDescent="0.35">
      <c r="A4687" t="s">
        <v>10</v>
      </c>
      <c r="B4687" t="s">
        <v>30</v>
      </c>
      <c r="C4687" t="s">
        <v>117</v>
      </c>
      <c r="D4687" t="s">
        <v>118</v>
      </c>
      <c r="E4687">
        <v>2016</v>
      </c>
      <c r="F4687">
        <v>2016</v>
      </c>
      <c r="G4687" t="s">
        <v>14</v>
      </c>
      <c r="H4687" t="s">
        <v>124</v>
      </c>
      <c r="I4687" t="s">
        <v>15</v>
      </c>
      <c r="J4687" s="10">
        <v>2.3138912220000001</v>
      </c>
    </row>
    <row r="4688" spans="1:10" x14ac:dyDescent="0.35">
      <c r="A4688" t="s">
        <v>10</v>
      </c>
      <c r="B4688" t="s">
        <v>30</v>
      </c>
      <c r="C4688" t="s">
        <v>117</v>
      </c>
      <c r="D4688" t="s">
        <v>118</v>
      </c>
      <c r="E4688">
        <v>2016</v>
      </c>
      <c r="F4688">
        <v>2016</v>
      </c>
      <c r="G4688" t="s">
        <v>125</v>
      </c>
      <c r="H4688" t="s">
        <v>119</v>
      </c>
      <c r="I4688" t="s">
        <v>15</v>
      </c>
      <c r="J4688" s="10">
        <v>17.927823050000001</v>
      </c>
    </row>
    <row r="4689" spans="1:10" x14ac:dyDescent="0.35">
      <c r="A4689" t="s">
        <v>10</v>
      </c>
      <c r="B4689" t="s">
        <v>30</v>
      </c>
      <c r="C4689" t="s">
        <v>117</v>
      </c>
      <c r="D4689" t="s">
        <v>118</v>
      </c>
      <c r="E4689">
        <v>2016</v>
      </c>
      <c r="F4689">
        <v>2016</v>
      </c>
      <c r="G4689" t="s">
        <v>125</v>
      </c>
      <c r="H4689" t="s">
        <v>120</v>
      </c>
      <c r="I4689" t="s">
        <v>15</v>
      </c>
      <c r="J4689" s="10">
        <v>11.196952059999999</v>
      </c>
    </row>
    <row r="4690" spans="1:10" x14ac:dyDescent="0.35">
      <c r="A4690" t="s">
        <v>10</v>
      </c>
      <c r="B4690" t="s">
        <v>30</v>
      </c>
      <c r="C4690" t="s">
        <v>117</v>
      </c>
      <c r="D4690" t="s">
        <v>118</v>
      </c>
      <c r="E4690">
        <v>2016</v>
      </c>
      <c r="F4690">
        <v>2016</v>
      </c>
      <c r="G4690" t="s">
        <v>125</v>
      </c>
      <c r="H4690" t="s">
        <v>121</v>
      </c>
      <c r="I4690" t="s">
        <v>15</v>
      </c>
      <c r="J4690" s="10">
        <v>31.778495079999999</v>
      </c>
    </row>
    <row r="4691" spans="1:10" x14ac:dyDescent="0.35">
      <c r="A4691" t="s">
        <v>10</v>
      </c>
      <c r="B4691" t="s">
        <v>30</v>
      </c>
      <c r="C4691" t="s">
        <v>117</v>
      </c>
      <c r="D4691" t="s">
        <v>118</v>
      </c>
      <c r="E4691">
        <v>2016</v>
      </c>
      <c r="F4691">
        <v>2016</v>
      </c>
      <c r="G4691" t="s">
        <v>125</v>
      </c>
      <c r="H4691" t="s">
        <v>122</v>
      </c>
      <c r="I4691" t="s">
        <v>15</v>
      </c>
      <c r="J4691" s="10">
        <v>20.3407768</v>
      </c>
    </row>
    <row r="4692" spans="1:10" x14ac:dyDescent="0.35">
      <c r="A4692" t="s">
        <v>10</v>
      </c>
      <c r="B4692" t="s">
        <v>30</v>
      </c>
      <c r="C4692" t="s">
        <v>117</v>
      </c>
      <c r="D4692" t="s">
        <v>118</v>
      </c>
      <c r="E4692">
        <v>2016</v>
      </c>
      <c r="F4692">
        <v>2016</v>
      </c>
      <c r="G4692" t="s">
        <v>125</v>
      </c>
      <c r="H4692" t="s">
        <v>123</v>
      </c>
      <c r="I4692" t="s">
        <v>15</v>
      </c>
      <c r="J4692" s="10">
        <v>17.115567779999999</v>
      </c>
    </row>
    <row r="4693" spans="1:10" x14ac:dyDescent="0.35">
      <c r="A4693" t="s">
        <v>10</v>
      </c>
      <c r="B4693" t="s">
        <v>30</v>
      </c>
      <c r="C4693" t="s">
        <v>117</v>
      </c>
      <c r="D4693" t="s">
        <v>118</v>
      </c>
      <c r="E4693">
        <v>2016</v>
      </c>
      <c r="F4693">
        <v>2016</v>
      </c>
      <c r="G4693" t="s">
        <v>125</v>
      </c>
      <c r="H4693" t="s">
        <v>124</v>
      </c>
      <c r="I4693" t="s">
        <v>15</v>
      </c>
      <c r="J4693" s="10">
        <v>1.640385226</v>
      </c>
    </row>
    <row r="4694" spans="1:10" x14ac:dyDescent="0.35">
      <c r="A4694" t="s">
        <v>10</v>
      </c>
      <c r="B4694" t="s">
        <v>30</v>
      </c>
      <c r="C4694" t="s">
        <v>117</v>
      </c>
      <c r="D4694" t="s">
        <v>118</v>
      </c>
      <c r="E4694">
        <v>2016</v>
      </c>
      <c r="F4694">
        <v>2016</v>
      </c>
      <c r="G4694" t="s">
        <v>126</v>
      </c>
      <c r="H4694" t="s">
        <v>119</v>
      </c>
      <c r="I4694" t="s">
        <v>15</v>
      </c>
      <c r="J4694" s="10">
        <v>16.960100010000001</v>
      </c>
    </row>
    <row r="4695" spans="1:10" x14ac:dyDescent="0.35">
      <c r="A4695" t="s">
        <v>10</v>
      </c>
      <c r="B4695" t="s">
        <v>30</v>
      </c>
      <c r="C4695" t="s">
        <v>117</v>
      </c>
      <c r="D4695" t="s">
        <v>118</v>
      </c>
      <c r="E4695">
        <v>2016</v>
      </c>
      <c r="F4695">
        <v>2016</v>
      </c>
      <c r="G4695" t="s">
        <v>126</v>
      </c>
      <c r="H4695" t="s">
        <v>120</v>
      </c>
      <c r="I4695" t="s">
        <v>15</v>
      </c>
      <c r="J4695" s="10">
        <v>9.4462964889999999</v>
      </c>
    </row>
    <row r="4696" spans="1:10" x14ac:dyDescent="0.35">
      <c r="A4696" t="s">
        <v>10</v>
      </c>
      <c r="B4696" t="s">
        <v>30</v>
      </c>
      <c r="C4696" t="s">
        <v>117</v>
      </c>
      <c r="D4696" t="s">
        <v>118</v>
      </c>
      <c r="E4696">
        <v>2016</v>
      </c>
      <c r="F4696">
        <v>2016</v>
      </c>
      <c r="G4696" t="s">
        <v>126</v>
      </c>
      <c r="H4696" t="s">
        <v>121</v>
      </c>
      <c r="I4696" t="s">
        <v>15</v>
      </c>
      <c r="J4696" s="10">
        <v>31.315762060000001</v>
      </c>
    </row>
    <row r="4697" spans="1:10" x14ac:dyDescent="0.35">
      <c r="A4697" t="s">
        <v>10</v>
      </c>
      <c r="B4697" t="s">
        <v>30</v>
      </c>
      <c r="C4697" t="s">
        <v>117</v>
      </c>
      <c r="D4697" t="s">
        <v>118</v>
      </c>
      <c r="E4697">
        <v>2016</v>
      </c>
      <c r="F4697">
        <v>2016</v>
      </c>
      <c r="G4697" t="s">
        <v>126</v>
      </c>
      <c r="H4697" t="s">
        <v>122</v>
      </c>
      <c r="I4697" t="s">
        <v>15</v>
      </c>
      <c r="J4697" s="10">
        <v>20.37191374</v>
      </c>
    </row>
    <row r="4698" spans="1:10" x14ac:dyDescent="0.35">
      <c r="A4698" t="s">
        <v>10</v>
      </c>
      <c r="B4698" t="s">
        <v>30</v>
      </c>
      <c r="C4698" t="s">
        <v>117</v>
      </c>
      <c r="D4698" t="s">
        <v>118</v>
      </c>
      <c r="E4698">
        <v>2016</v>
      </c>
      <c r="F4698">
        <v>2016</v>
      </c>
      <c r="G4698" t="s">
        <v>126</v>
      </c>
      <c r="H4698" t="s">
        <v>123</v>
      </c>
      <c r="I4698" t="s">
        <v>15</v>
      </c>
      <c r="J4698" s="10">
        <v>18.92905511</v>
      </c>
    </row>
    <row r="4699" spans="1:10" x14ac:dyDescent="0.35">
      <c r="A4699" t="s">
        <v>10</v>
      </c>
      <c r="B4699" t="s">
        <v>30</v>
      </c>
      <c r="C4699" t="s">
        <v>117</v>
      </c>
      <c r="D4699" t="s">
        <v>118</v>
      </c>
      <c r="E4699">
        <v>2016</v>
      </c>
      <c r="F4699">
        <v>2016</v>
      </c>
      <c r="G4699" t="s">
        <v>126</v>
      </c>
      <c r="H4699" t="s">
        <v>124</v>
      </c>
      <c r="I4699" t="s">
        <v>15</v>
      </c>
      <c r="J4699" s="10">
        <v>2.9768725909999998</v>
      </c>
    </row>
    <row r="4700" spans="1:10" x14ac:dyDescent="0.35">
      <c r="A4700" t="s">
        <v>10</v>
      </c>
      <c r="B4700" t="s">
        <v>30</v>
      </c>
      <c r="C4700" t="s">
        <v>117</v>
      </c>
      <c r="D4700" t="s">
        <v>118</v>
      </c>
      <c r="E4700">
        <v>2015</v>
      </c>
      <c r="F4700">
        <v>2015</v>
      </c>
      <c r="G4700" t="s">
        <v>14</v>
      </c>
      <c r="H4700" t="s">
        <v>119</v>
      </c>
      <c r="I4700" t="s">
        <v>15</v>
      </c>
      <c r="J4700" s="10">
        <v>17.49494631</v>
      </c>
    </row>
    <row r="4701" spans="1:10" x14ac:dyDescent="0.35">
      <c r="A4701" t="s">
        <v>10</v>
      </c>
      <c r="B4701" t="s">
        <v>30</v>
      </c>
      <c r="C4701" t="s">
        <v>117</v>
      </c>
      <c r="D4701" t="s">
        <v>118</v>
      </c>
      <c r="E4701">
        <v>2015</v>
      </c>
      <c r="F4701">
        <v>2015</v>
      </c>
      <c r="G4701" t="s">
        <v>14</v>
      </c>
      <c r="H4701" t="s">
        <v>120</v>
      </c>
      <c r="I4701" t="s">
        <v>15</v>
      </c>
      <c r="J4701" s="10">
        <v>10.51823265</v>
      </c>
    </row>
    <row r="4702" spans="1:10" x14ac:dyDescent="0.35">
      <c r="A4702" t="s">
        <v>10</v>
      </c>
      <c r="B4702" t="s">
        <v>30</v>
      </c>
      <c r="C4702" t="s">
        <v>117</v>
      </c>
      <c r="D4702" t="s">
        <v>118</v>
      </c>
      <c r="E4702">
        <v>2015</v>
      </c>
      <c r="F4702">
        <v>2015</v>
      </c>
      <c r="G4702" t="s">
        <v>14</v>
      </c>
      <c r="H4702" t="s">
        <v>121</v>
      </c>
      <c r="I4702" t="s">
        <v>15</v>
      </c>
      <c r="J4702" s="10">
        <v>31.682024630000001</v>
      </c>
    </row>
    <row r="4703" spans="1:10" x14ac:dyDescent="0.35">
      <c r="A4703" t="s">
        <v>10</v>
      </c>
      <c r="B4703" t="s">
        <v>30</v>
      </c>
      <c r="C4703" t="s">
        <v>117</v>
      </c>
      <c r="D4703" t="s">
        <v>118</v>
      </c>
      <c r="E4703">
        <v>2015</v>
      </c>
      <c r="F4703">
        <v>2015</v>
      </c>
      <c r="G4703" t="s">
        <v>14</v>
      </c>
      <c r="H4703" t="s">
        <v>122</v>
      </c>
      <c r="I4703" t="s">
        <v>15</v>
      </c>
      <c r="J4703" s="10">
        <v>20.212123600000002</v>
      </c>
    </row>
    <row r="4704" spans="1:10" x14ac:dyDescent="0.35">
      <c r="A4704" t="s">
        <v>10</v>
      </c>
      <c r="B4704" t="s">
        <v>30</v>
      </c>
      <c r="C4704" t="s">
        <v>117</v>
      </c>
      <c r="D4704" t="s">
        <v>118</v>
      </c>
      <c r="E4704">
        <v>2015</v>
      </c>
      <c r="F4704">
        <v>2015</v>
      </c>
      <c r="G4704" t="s">
        <v>14</v>
      </c>
      <c r="H4704" t="s">
        <v>123</v>
      </c>
      <c r="I4704" t="s">
        <v>15</v>
      </c>
      <c r="J4704" s="10">
        <v>17.829671050000002</v>
      </c>
    </row>
    <row r="4705" spans="1:10" x14ac:dyDescent="0.35">
      <c r="A4705" t="s">
        <v>10</v>
      </c>
      <c r="B4705" t="s">
        <v>30</v>
      </c>
      <c r="C4705" t="s">
        <v>117</v>
      </c>
      <c r="D4705" t="s">
        <v>118</v>
      </c>
      <c r="E4705">
        <v>2015</v>
      </c>
      <c r="F4705">
        <v>2015</v>
      </c>
      <c r="G4705" t="s">
        <v>14</v>
      </c>
      <c r="H4705" t="s">
        <v>124</v>
      </c>
      <c r="I4705" t="s">
        <v>15</v>
      </c>
      <c r="J4705" s="10">
        <v>2.2630017589999998</v>
      </c>
    </row>
    <row r="4706" spans="1:10" x14ac:dyDescent="0.35">
      <c r="A4706" t="s">
        <v>10</v>
      </c>
      <c r="B4706" t="s">
        <v>30</v>
      </c>
      <c r="C4706" t="s">
        <v>117</v>
      </c>
      <c r="D4706" t="s">
        <v>118</v>
      </c>
      <c r="E4706">
        <v>2015</v>
      </c>
      <c r="F4706">
        <v>2015</v>
      </c>
      <c r="G4706" t="s">
        <v>125</v>
      </c>
      <c r="H4706" t="s">
        <v>119</v>
      </c>
      <c r="I4706" t="s">
        <v>15</v>
      </c>
      <c r="J4706" s="10">
        <v>17.984352210000001</v>
      </c>
    </row>
    <row r="4707" spans="1:10" x14ac:dyDescent="0.35">
      <c r="A4707" t="s">
        <v>10</v>
      </c>
      <c r="B4707" t="s">
        <v>30</v>
      </c>
      <c r="C4707" t="s">
        <v>117</v>
      </c>
      <c r="D4707" t="s">
        <v>118</v>
      </c>
      <c r="E4707">
        <v>2015</v>
      </c>
      <c r="F4707">
        <v>2015</v>
      </c>
      <c r="G4707" t="s">
        <v>125</v>
      </c>
      <c r="H4707" t="s">
        <v>120</v>
      </c>
      <c r="I4707" t="s">
        <v>15</v>
      </c>
      <c r="J4707" s="10">
        <v>11.43880122</v>
      </c>
    </row>
    <row r="4708" spans="1:10" x14ac:dyDescent="0.35">
      <c r="A4708" t="s">
        <v>10</v>
      </c>
      <c r="B4708" t="s">
        <v>30</v>
      </c>
      <c r="C4708" t="s">
        <v>117</v>
      </c>
      <c r="D4708" t="s">
        <v>118</v>
      </c>
      <c r="E4708">
        <v>2015</v>
      </c>
      <c r="F4708">
        <v>2015</v>
      </c>
      <c r="G4708" t="s">
        <v>125</v>
      </c>
      <c r="H4708" t="s">
        <v>121</v>
      </c>
      <c r="I4708" t="s">
        <v>15</v>
      </c>
      <c r="J4708" s="10">
        <v>31.77562657</v>
      </c>
    </row>
    <row r="4709" spans="1:10" x14ac:dyDescent="0.35">
      <c r="A4709" t="s">
        <v>10</v>
      </c>
      <c r="B4709" t="s">
        <v>30</v>
      </c>
      <c r="C4709" t="s">
        <v>117</v>
      </c>
      <c r="D4709" t="s">
        <v>118</v>
      </c>
      <c r="E4709">
        <v>2015</v>
      </c>
      <c r="F4709">
        <v>2015</v>
      </c>
      <c r="G4709" t="s">
        <v>125</v>
      </c>
      <c r="H4709" t="s">
        <v>122</v>
      </c>
      <c r="I4709" t="s">
        <v>15</v>
      </c>
      <c r="J4709" s="10">
        <v>20.291738500000001</v>
      </c>
    </row>
    <row r="4710" spans="1:10" x14ac:dyDescent="0.35">
      <c r="A4710" t="s">
        <v>10</v>
      </c>
      <c r="B4710" t="s">
        <v>30</v>
      </c>
      <c r="C4710" t="s">
        <v>117</v>
      </c>
      <c r="D4710" t="s">
        <v>118</v>
      </c>
      <c r="E4710">
        <v>2015</v>
      </c>
      <c r="F4710">
        <v>2015</v>
      </c>
      <c r="G4710" t="s">
        <v>125</v>
      </c>
      <c r="H4710" t="s">
        <v>123</v>
      </c>
      <c r="I4710" t="s">
        <v>15</v>
      </c>
      <c r="J4710" s="10">
        <v>16.912876279999999</v>
      </c>
    </row>
    <row r="4711" spans="1:10" x14ac:dyDescent="0.35">
      <c r="A4711" t="s">
        <v>10</v>
      </c>
      <c r="B4711" t="s">
        <v>30</v>
      </c>
      <c r="C4711" t="s">
        <v>117</v>
      </c>
      <c r="D4711" t="s">
        <v>118</v>
      </c>
      <c r="E4711">
        <v>2015</v>
      </c>
      <c r="F4711">
        <v>2015</v>
      </c>
      <c r="G4711" t="s">
        <v>125</v>
      </c>
      <c r="H4711" t="s">
        <v>124</v>
      </c>
      <c r="I4711" t="s">
        <v>15</v>
      </c>
      <c r="J4711" s="10">
        <v>1.596605225</v>
      </c>
    </row>
    <row r="4712" spans="1:10" x14ac:dyDescent="0.35">
      <c r="A4712" t="s">
        <v>10</v>
      </c>
      <c r="B4712" t="s">
        <v>30</v>
      </c>
      <c r="C4712" t="s">
        <v>117</v>
      </c>
      <c r="D4712" t="s">
        <v>118</v>
      </c>
      <c r="E4712">
        <v>2015</v>
      </c>
      <c r="F4712">
        <v>2015</v>
      </c>
      <c r="G4712" t="s">
        <v>126</v>
      </c>
      <c r="H4712" t="s">
        <v>119</v>
      </c>
      <c r="I4712" t="s">
        <v>15</v>
      </c>
      <c r="J4712" s="10">
        <v>17.015359830000001</v>
      </c>
    </row>
    <row r="4713" spans="1:10" x14ac:dyDescent="0.35">
      <c r="A4713" t="s">
        <v>10</v>
      </c>
      <c r="B4713" t="s">
        <v>30</v>
      </c>
      <c r="C4713" t="s">
        <v>117</v>
      </c>
      <c r="D4713" t="s">
        <v>118</v>
      </c>
      <c r="E4713">
        <v>2015</v>
      </c>
      <c r="F4713">
        <v>2015</v>
      </c>
      <c r="G4713" t="s">
        <v>126</v>
      </c>
      <c r="H4713" t="s">
        <v>120</v>
      </c>
      <c r="I4713" t="s">
        <v>15</v>
      </c>
      <c r="J4713" s="10">
        <v>9.616134314</v>
      </c>
    </row>
    <row r="4714" spans="1:10" x14ac:dyDescent="0.35">
      <c r="A4714" t="s">
        <v>10</v>
      </c>
      <c r="B4714" t="s">
        <v>30</v>
      </c>
      <c r="C4714" t="s">
        <v>117</v>
      </c>
      <c r="D4714" t="s">
        <v>118</v>
      </c>
      <c r="E4714">
        <v>2015</v>
      </c>
      <c r="F4714">
        <v>2015</v>
      </c>
      <c r="G4714" t="s">
        <v>126</v>
      </c>
      <c r="H4714" t="s">
        <v>121</v>
      </c>
      <c r="I4714" t="s">
        <v>15</v>
      </c>
      <c r="J4714" s="10">
        <v>31.5903007</v>
      </c>
    </row>
    <row r="4715" spans="1:10" x14ac:dyDescent="0.35">
      <c r="A4715" t="s">
        <v>10</v>
      </c>
      <c r="B4715" t="s">
        <v>30</v>
      </c>
      <c r="C4715" t="s">
        <v>117</v>
      </c>
      <c r="D4715" t="s">
        <v>118</v>
      </c>
      <c r="E4715">
        <v>2015</v>
      </c>
      <c r="F4715">
        <v>2015</v>
      </c>
      <c r="G4715" t="s">
        <v>126</v>
      </c>
      <c r="H4715" t="s">
        <v>122</v>
      </c>
      <c r="I4715" t="s">
        <v>15</v>
      </c>
      <c r="J4715" s="10">
        <v>20.13410609</v>
      </c>
    </row>
    <row r="4716" spans="1:10" x14ac:dyDescent="0.35">
      <c r="A4716" t="s">
        <v>10</v>
      </c>
      <c r="B4716" t="s">
        <v>30</v>
      </c>
      <c r="C4716" t="s">
        <v>117</v>
      </c>
      <c r="D4716" t="s">
        <v>118</v>
      </c>
      <c r="E4716">
        <v>2015</v>
      </c>
      <c r="F4716">
        <v>2015</v>
      </c>
      <c r="G4716" t="s">
        <v>126</v>
      </c>
      <c r="H4716" t="s">
        <v>123</v>
      </c>
      <c r="I4716" t="s">
        <v>15</v>
      </c>
      <c r="J4716" s="10">
        <v>18.728071320000002</v>
      </c>
    </row>
    <row r="4717" spans="1:10" x14ac:dyDescent="0.35">
      <c r="A4717" t="s">
        <v>10</v>
      </c>
      <c r="B4717" t="s">
        <v>30</v>
      </c>
      <c r="C4717" t="s">
        <v>117</v>
      </c>
      <c r="D4717" t="s">
        <v>118</v>
      </c>
      <c r="E4717">
        <v>2015</v>
      </c>
      <c r="F4717">
        <v>2015</v>
      </c>
      <c r="G4717" t="s">
        <v>126</v>
      </c>
      <c r="H4717" t="s">
        <v>124</v>
      </c>
      <c r="I4717" t="s">
        <v>15</v>
      </c>
      <c r="J4717" s="10">
        <v>2.9160277570000002</v>
      </c>
    </row>
    <row r="4718" spans="1:10" x14ac:dyDescent="0.35">
      <c r="A4718" t="s">
        <v>10</v>
      </c>
      <c r="B4718" t="s">
        <v>30</v>
      </c>
      <c r="C4718" t="s">
        <v>117</v>
      </c>
      <c r="D4718" t="s">
        <v>118</v>
      </c>
      <c r="E4718">
        <v>2014</v>
      </c>
      <c r="F4718">
        <v>2014</v>
      </c>
      <c r="G4718" t="s">
        <v>14</v>
      </c>
      <c r="H4718" t="s">
        <v>119</v>
      </c>
      <c r="I4718" t="s">
        <v>15</v>
      </c>
      <c r="J4718" s="10">
        <v>17.558019529999999</v>
      </c>
    </row>
    <row r="4719" spans="1:10" x14ac:dyDescent="0.35">
      <c r="A4719" t="s">
        <v>10</v>
      </c>
      <c r="B4719" t="s">
        <v>30</v>
      </c>
      <c r="C4719" t="s">
        <v>117</v>
      </c>
      <c r="D4719" t="s">
        <v>118</v>
      </c>
      <c r="E4719">
        <v>2014</v>
      </c>
      <c r="F4719">
        <v>2014</v>
      </c>
      <c r="G4719" t="s">
        <v>14</v>
      </c>
      <c r="H4719" t="s">
        <v>120</v>
      </c>
      <c r="I4719" t="s">
        <v>15</v>
      </c>
      <c r="J4719" s="10">
        <v>10.692264939999999</v>
      </c>
    </row>
    <row r="4720" spans="1:10" x14ac:dyDescent="0.35">
      <c r="A4720" t="s">
        <v>10</v>
      </c>
      <c r="B4720" t="s">
        <v>30</v>
      </c>
      <c r="C4720" t="s">
        <v>117</v>
      </c>
      <c r="D4720" t="s">
        <v>118</v>
      </c>
      <c r="E4720">
        <v>2014</v>
      </c>
      <c r="F4720">
        <v>2014</v>
      </c>
      <c r="G4720" t="s">
        <v>14</v>
      </c>
      <c r="H4720" t="s">
        <v>121</v>
      </c>
      <c r="I4720" t="s">
        <v>15</v>
      </c>
      <c r="J4720" s="10">
        <v>31.761888379999998</v>
      </c>
    </row>
    <row r="4721" spans="1:10" x14ac:dyDescent="0.35">
      <c r="A4721" t="s">
        <v>10</v>
      </c>
      <c r="B4721" t="s">
        <v>30</v>
      </c>
      <c r="C4721" t="s">
        <v>117</v>
      </c>
      <c r="D4721" t="s">
        <v>118</v>
      </c>
      <c r="E4721">
        <v>2014</v>
      </c>
      <c r="F4721">
        <v>2014</v>
      </c>
      <c r="G4721" t="s">
        <v>14</v>
      </c>
      <c r="H4721" t="s">
        <v>122</v>
      </c>
      <c r="I4721" t="s">
        <v>15</v>
      </c>
      <c r="J4721" s="10">
        <v>20.049485300000001</v>
      </c>
    </row>
    <row r="4722" spans="1:10" x14ac:dyDescent="0.35">
      <c r="A4722" t="s">
        <v>10</v>
      </c>
      <c r="B4722" t="s">
        <v>30</v>
      </c>
      <c r="C4722" t="s">
        <v>117</v>
      </c>
      <c r="D4722" t="s">
        <v>118</v>
      </c>
      <c r="E4722">
        <v>2014</v>
      </c>
      <c r="F4722">
        <v>2014</v>
      </c>
      <c r="G4722" t="s">
        <v>14</v>
      </c>
      <c r="H4722" t="s">
        <v>123</v>
      </c>
      <c r="I4722" t="s">
        <v>15</v>
      </c>
      <c r="J4722" s="10">
        <v>17.679748069999999</v>
      </c>
    </row>
    <row r="4723" spans="1:10" x14ac:dyDescent="0.35">
      <c r="A4723" t="s">
        <v>10</v>
      </c>
      <c r="B4723" t="s">
        <v>30</v>
      </c>
      <c r="C4723" t="s">
        <v>117</v>
      </c>
      <c r="D4723" t="s">
        <v>118</v>
      </c>
      <c r="E4723">
        <v>2014</v>
      </c>
      <c r="F4723">
        <v>2014</v>
      </c>
      <c r="G4723" t="s">
        <v>14</v>
      </c>
      <c r="H4723" t="s">
        <v>124</v>
      </c>
      <c r="I4723" t="s">
        <v>15</v>
      </c>
      <c r="J4723" s="10">
        <v>2.2585937710000001</v>
      </c>
    </row>
    <row r="4724" spans="1:10" x14ac:dyDescent="0.35">
      <c r="A4724" t="s">
        <v>10</v>
      </c>
      <c r="B4724" t="s">
        <v>30</v>
      </c>
      <c r="C4724" t="s">
        <v>117</v>
      </c>
      <c r="D4724" t="s">
        <v>118</v>
      </c>
      <c r="E4724">
        <v>2014</v>
      </c>
      <c r="F4724">
        <v>2014</v>
      </c>
      <c r="G4724" t="s">
        <v>125</v>
      </c>
      <c r="H4724" t="s">
        <v>119</v>
      </c>
      <c r="I4724" t="s">
        <v>15</v>
      </c>
      <c r="J4724" s="10">
        <v>18.110721269999999</v>
      </c>
    </row>
    <row r="4725" spans="1:10" x14ac:dyDescent="0.35">
      <c r="A4725" t="s">
        <v>10</v>
      </c>
      <c r="B4725" t="s">
        <v>30</v>
      </c>
      <c r="C4725" t="s">
        <v>117</v>
      </c>
      <c r="D4725" t="s">
        <v>118</v>
      </c>
      <c r="E4725">
        <v>2014</v>
      </c>
      <c r="F4725">
        <v>2014</v>
      </c>
      <c r="G4725" t="s">
        <v>125</v>
      </c>
      <c r="H4725" t="s">
        <v>120</v>
      </c>
      <c r="I4725" t="s">
        <v>15</v>
      </c>
      <c r="J4725" s="10">
        <v>11.530117580000001</v>
      </c>
    </row>
    <row r="4726" spans="1:10" x14ac:dyDescent="0.35">
      <c r="A4726" t="s">
        <v>10</v>
      </c>
      <c r="B4726" t="s">
        <v>30</v>
      </c>
      <c r="C4726" t="s">
        <v>117</v>
      </c>
      <c r="D4726" t="s">
        <v>118</v>
      </c>
      <c r="E4726">
        <v>2014</v>
      </c>
      <c r="F4726">
        <v>2014</v>
      </c>
      <c r="G4726" t="s">
        <v>125</v>
      </c>
      <c r="H4726" t="s">
        <v>121</v>
      </c>
      <c r="I4726" t="s">
        <v>15</v>
      </c>
      <c r="J4726" s="10">
        <v>31.780807240000001</v>
      </c>
    </row>
    <row r="4727" spans="1:10" x14ac:dyDescent="0.35">
      <c r="A4727" t="s">
        <v>10</v>
      </c>
      <c r="B4727" t="s">
        <v>30</v>
      </c>
      <c r="C4727" t="s">
        <v>117</v>
      </c>
      <c r="D4727" t="s">
        <v>118</v>
      </c>
      <c r="E4727">
        <v>2014</v>
      </c>
      <c r="F4727">
        <v>2014</v>
      </c>
      <c r="G4727" t="s">
        <v>125</v>
      </c>
      <c r="H4727" t="s">
        <v>122</v>
      </c>
      <c r="I4727" t="s">
        <v>15</v>
      </c>
      <c r="J4727" s="10">
        <v>20.13820071</v>
      </c>
    </row>
    <row r="4728" spans="1:10" x14ac:dyDescent="0.35">
      <c r="A4728" t="s">
        <v>10</v>
      </c>
      <c r="B4728" t="s">
        <v>30</v>
      </c>
      <c r="C4728" t="s">
        <v>117</v>
      </c>
      <c r="D4728" t="s">
        <v>118</v>
      </c>
      <c r="E4728">
        <v>2014</v>
      </c>
      <c r="F4728">
        <v>2014</v>
      </c>
      <c r="G4728" t="s">
        <v>125</v>
      </c>
      <c r="H4728" t="s">
        <v>123</v>
      </c>
      <c r="I4728" t="s">
        <v>15</v>
      </c>
      <c r="J4728" s="10">
        <v>16.843881400000001</v>
      </c>
    </row>
    <row r="4729" spans="1:10" x14ac:dyDescent="0.35">
      <c r="A4729" t="s">
        <v>10</v>
      </c>
      <c r="B4729" t="s">
        <v>30</v>
      </c>
      <c r="C4729" t="s">
        <v>117</v>
      </c>
      <c r="D4729" t="s">
        <v>118</v>
      </c>
      <c r="E4729">
        <v>2014</v>
      </c>
      <c r="F4729">
        <v>2014</v>
      </c>
      <c r="G4729" t="s">
        <v>125</v>
      </c>
      <c r="H4729" t="s">
        <v>124</v>
      </c>
      <c r="I4729" t="s">
        <v>15</v>
      </c>
      <c r="J4729" s="10">
        <v>1.596271795</v>
      </c>
    </row>
    <row r="4730" spans="1:10" x14ac:dyDescent="0.35">
      <c r="A4730" t="s">
        <v>10</v>
      </c>
      <c r="B4730" t="s">
        <v>30</v>
      </c>
      <c r="C4730" t="s">
        <v>117</v>
      </c>
      <c r="D4730" t="s">
        <v>118</v>
      </c>
      <c r="E4730">
        <v>2014</v>
      </c>
      <c r="F4730">
        <v>2014</v>
      </c>
      <c r="G4730" t="s">
        <v>126</v>
      </c>
      <c r="H4730" t="s">
        <v>119</v>
      </c>
      <c r="I4730" t="s">
        <v>15</v>
      </c>
      <c r="J4730" s="10">
        <v>17.018383409999998</v>
      </c>
    </row>
    <row r="4731" spans="1:10" x14ac:dyDescent="0.35">
      <c r="A4731" t="s">
        <v>10</v>
      </c>
      <c r="B4731" t="s">
        <v>30</v>
      </c>
      <c r="C4731" t="s">
        <v>117</v>
      </c>
      <c r="D4731" t="s">
        <v>118</v>
      </c>
      <c r="E4731">
        <v>2014</v>
      </c>
      <c r="F4731">
        <v>2014</v>
      </c>
      <c r="G4731" t="s">
        <v>126</v>
      </c>
      <c r="H4731" t="s">
        <v>120</v>
      </c>
      <c r="I4731" t="s">
        <v>15</v>
      </c>
      <c r="J4731" s="10">
        <v>9.8742187700000006</v>
      </c>
    </row>
    <row r="4732" spans="1:10" x14ac:dyDescent="0.35">
      <c r="A4732" t="s">
        <v>10</v>
      </c>
      <c r="B4732" t="s">
        <v>30</v>
      </c>
      <c r="C4732" t="s">
        <v>117</v>
      </c>
      <c r="D4732" t="s">
        <v>118</v>
      </c>
      <c r="E4732">
        <v>2014</v>
      </c>
      <c r="F4732">
        <v>2014</v>
      </c>
      <c r="G4732" t="s">
        <v>126</v>
      </c>
      <c r="H4732" t="s">
        <v>121</v>
      </c>
      <c r="I4732" t="s">
        <v>15</v>
      </c>
      <c r="J4732" s="10">
        <v>31.743416750000002</v>
      </c>
    </row>
    <row r="4733" spans="1:10" x14ac:dyDescent="0.35">
      <c r="A4733" t="s">
        <v>10</v>
      </c>
      <c r="B4733" t="s">
        <v>30</v>
      </c>
      <c r="C4733" t="s">
        <v>117</v>
      </c>
      <c r="D4733" t="s">
        <v>118</v>
      </c>
      <c r="E4733">
        <v>2014</v>
      </c>
      <c r="F4733">
        <v>2014</v>
      </c>
      <c r="G4733" t="s">
        <v>126</v>
      </c>
      <c r="H4733" t="s">
        <v>122</v>
      </c>
      <c r="I4733" t="s">
        <v>15</v>
      </c>
      <c r="J4733" s="10">
        <v>19.962867079999999</v>
      </c>
    </row>
    <row r="4734" spans="1:10" x14ac:dyDescent="0.35">
      <c r="A4734" t="s">
        <v>10</v>
      </c>
      <c r="B4734" t="s">
        <v>30</v>
      </c>
      <c r="C4734" t="s">
        <v>117</v>
      </c>
      <c r="D4734" t="s">
        <v>118</v>
      </c>
      <c r="E4734">
        <v>2014</v>
      </c>
      <c r="F4734">
        <v>2014</v>
      </c>
      <c r="G4734" t="s">
        <v>126</v>
      </c>
      <c r="H4734" t="s">
        <v>123</v>
      </c>
      <c r="I4734" t="s">
        <v>15</v>
      </c>
      <c r="J4734" s="10">
        <v>18.49585523</v>
      </c>
    </row>
    <row r="4735" spans="1:10" x14ac:dyDescent="0.35">
      <c r="A4735" t="s">
        <v>10</v>
      </c>
      <c r="B4735" t="s">
        <v>30</v>
      </c>
      <c r="C4735" t="s">
        <v>117</v>
      </c>
      <c r="D4735" t="s">
        <v>118</v>
      </c>
      <c r="E4735">
        <v>2014</v>
      </c>
      <c r="F4735">
        <v>2014</v>
      </c>
      <c r="G4735" t="s">
        <v>126</v>
      </c>
      <c r="H4735" t="s">
        <v>124</v>
      </c>
      <c r="I4735" t="s">
        <v>15</v>
      </c>
      <c r="J4735" s="10">
        <v>2.9052587540000001</v>
      </c>
    </row>
    <row r="4736" spans="1:10" x14ac:dyDescent="0.35">
      <c r="A4736" t="s">
        <v>10</v>
      </c>
      <c r="B4736" t="s">
        <v>30</v>
      </c>
      <c r="C4736" t="s">
        <v>117</v>
      </c>
      <c r="D4736" t="s">
        <v>118</v>
      </c>
      <c r="E4736">
        <v>2013</v>
      </c>
      <c r="F4736">
        <v>2013</v>
      </c>
      <c r="G4736" t="s">
        <v>14</v>
      </c>
      <c r="H4736" t="s">
        <v>119</v>
      </c>
      <c r="I4736" t="s">
        <v>15</v>
      </c>
      <c r="J4736" s="10">
        <v>17.608900819999999</v>
      </c>
    </row>
    <row r="4737" spans="1:10" x14ac:dyDescent="0.35">
      <c r="A4737" t="s">
        <v>10</v>
      </c>
      <c r="B4737" t="s">
        <v>30</v>
      </c>
      <c r="C4737" t="s">
        <v>117</v>
      </c>
      <c r="D4737" t="s">
        <v>118</v>
      </c>
      <c r="E4737">
        <v>2013</v>
      </c>
      <c r="F4737">
        <v>2013</v>
      </c>
      <c r="G4737" t="s">
        <v>14</v>
      </c>
      <c r="H4737" t="s">
        <v>120</v>
      </c>
      <c r="I4737" t="s">
        <v>15</v>
      </c>
      <c r="J4737" s="10">
        <v>10.833588110000001</v>
      </c>
    </row>
    <row r="4738" spans="1:10" x14ac:dyDescent="0.35">
      <c r="A4738" t="s">
        <v>10</v>
      </c>
      <c r="B4738" t="s">
        <v>30</v>
      </c>
      <c r="C4738" t="s">
        <v>117</v>
      </c>
      <c r="D4738" t="s">
        <v>118</v>
      </c>
      <c r="E4738">
        <v>2013</v>
      </c>
      <c r="F4738">
        <v>2013</v>
      </c>
      <c r="G4738" t="s">
        <v>14</v>
      </c>
      <c r="H4738" t="s">
        <v>121</v>
      </c>
      <c r="I4738" t="s">
        <v>15</v>
      </c>
      <c r="J4738" s="10">
        <v>31.85207832</v>
      </c>
    </row>
    <row r="4739" spans="1:10" x14ac:dyDescent="0.35">
      <c r="A4739" t="s">
        <v>10</v>
      </c>
      <c r="B4739" t="s">
        <v>30</v>
      </c>
      <c r="C4739" t="s">
        <v>117</v>
      </c>
      <c r="D4739" t="s">
        <v>118</v>
      </c>
      <c r="E4739">
        <v>2013</v>
      </c>
      <c r="F4739">
        <v>2013</v>
      </c>
      <c r="G4739" t="s">
        <v>14</v>
      </c>
      <c r="H4739" t="s">
        <v>122</v>
      </c>
      <c r="I4739" t="s">
        <v>15</v>
      </c>
      <c r="J4739" s="10">
        <v>20.127876220000001</v>
      </c>
    </row>
    <row r="4740" spans="1:10" x14ac:dyDescent="0.35">
      <c r="A4740" t="s">
        <v>10</v>
      </c>
      <c r="B4740" t="s">
        <v>30</v>
      </c>
      <c r="C4740" t="s">
        <v>117</v>
      </c>
      <c r="D4740" t="s">
        <v>118</v>
      </c>
      <c r="E4740">
        <v>2013</v>
      </c>
      <c r="F4740">
        <v>2013</v>
      </c>
      <c r="G4740" t="s">
        <v>14</v>
      </c>
      <c r="H4740" t="s">
        <v>123</v>
      </c>
      <c r="I4740" t="s">
        <v>15</v>
      </c>
      <c r="J4740" s="10">
        <v>17.3430459</v>
      </c>
    </row>
    <row r="4741" spans="1:10" x14ac:dyDescent="0.35">
      <c r="A4741" t="s">
        <v>10</v>
      </c>
      <c r="B4741" t="s">
        <v>30</v>
      </c>
      <c r="C4741" t="s">
        <v>117</v>
      </c>
      <c r="D4741" t="s">
        <v>118</v>
      </c>
      <c r="E4741">
        <v>2013</v>
      </c>
      <c r="F4741">
        <v>2013</v>
      </c>
      <c r="G4741" t="s">
        <v>14</v>
      </c>
      <c r="H4741" t="s">
        <v>124</v>
      </c>
      <c r="I4741" t="s">
        <v>15</v>
      </c>
      <c r="J4741" s="10">
        <v>2.2345106280000002</v>
      </c>
    </row>
    <row r="4742" spans="1:10" x14ac:dyDescent="0.35">
      <c r="A4742" t="s">
        <v>10</v>
      </c>
      <c r="B4742" t="s">
        <v>30</v>
      </c>
      <c r="C4742" t="s">
        <v>117</v>
      </c>
      <c r="D4742" t="s">
        <v>118</v>
      </c>
      <c r="E4742">
        <v>2013</v>
      </c>
      <c r="F4742">
        <v>2013</v>
      </c>
      <c r="G4742" t="s">
        <v>125</v>
      </c>
      <c r="H4742" t="s">
        <v>119</v>
      </c>
      <c r="I4742" t="s">
        <v>15</v>
      </c>
      <c r="J4742" s="10">
        <v>18.327645969999999</v>
      </c>
    </row>
    <row r="4743" spans="1:10" x14ac:dyDescent="0.35">
      <c r="A4743" t="s">
        <v>10</v>
      </c>
      <c r="B4743" t="s">
        <v>30</v>
      </c>
      <c r="C4743" t="s">
        <v>117</v>
      </c>
      <c r="D4743" t="s">
        <v>118</v>
      </c>
      <c r="E4743">
        <v>2013</v>
      </c>
      <c r="F4743">
        <v>2013</v>
      </c>
      <c r="G4743" t="s">
        <v>125</v>
      </c>
      <c r="H4743" t="s">
        <v>120</v>
      </c>
      <c r="I4743" t="s">
        <v>15</v>
      </c>
      <c r="J4743" s="10">
        <v>11.446382030000001</v>
      </c>
    </row>
    <row r="4744" spans="1:10" x14ac:dyDescent="0.35">
      <c r="A4744" t="s">
        <v>10</v>
      </c>
      <c r="B4744" t="s">
        <v>30</v>
      </c>
      <c r="C4744" t="s">
        <v>117</v>
      </c>
      <c r="D4744" t="s">
        <v>118</v>
      </c>
      <c r="E4744">
        <v>2013</v>
      </c>
      <c r="F4744">
        <v>2013</v>
      </c>
      <c r="G4744" t="s">
        <v>125</v>
      </c>
      <c r="H4744" t="s">
        <v>121</v>
      </c>
      <c r="I4744" t="s">
        <v>15</v>
      </c>
      <c r="J4744" s="10">
        <v>31.9961308</v>
      </c>
    </row>
    <row r="4745" spans="1:10" x14ac:dyDescent="0.35">
      <c r="A4745" t="s">
        <v>10</v>
      </c>
      <c r="B4745" t="s">
        <v>30</v>
      </c>
      <c r="C4745" t="s">
        <v>117</v>
      </c>
      <c r="D4745" t="s">
        <v>118</v>
      </c>
      <c r="E4745">
        <v>2013</v>
      </c>
      <c r="F4745">
        <v>2013</v>
      </c>
      <c r="G4745" t="s">
        <v>125</v>
      </c>
      <c r="H4745" t="s">
        <v>122</v>
      </c>
      <c r="I4745" t="s">
        <v>15</v>
      </c>
      <c r="J4745" s="10">
        <v>20.27030658</v>
      </c>
    </row>
    <row r="4746" spans="1:10" x14ac:dyDescent="0.35">
      <c r="A4746" t="s">
        <v>10</v>
      </c>
      <c r="B4746" t="s">
        <v>30</v>
      </c>
      <c r="C4746" t="s">
        <v>117</v>
      </c>
      <c r="D4746" t="s">
        <v>118</v>
      </c>
      <c r="E4746">
        <v>2013</v>
      </c>
      <c r="F4746">
        <v>2013</v>
      </c>
      <c r="G4746" t="s">
        <v>125</v>
      </c>
      <c r="H4746" t="s">
        <v>123</v>
      </c>
      <c r="I4746" t="s">
        <v>15</v>
      </c>
      <c r="J4746" s="10">
        <v>16.436037290000002</v>
      </c>
    </row>
    <row r="4747" spans="1:10" x14ac:dyDescent="0.35">
      <c r="A4747" t="s">
        <v>10</v>
      </c>
      <c r="B4747" t="s">
        <v>30</v>
      </c>
      <c r="C4747" t="s">
        <v>117</v>
      </c>
      <c r="D4747" t="s">
        <v>118</v>
      </c>
      <c r="E4747">
        <v>2013</v>
      </c>
      <c r="F4747">
        <v>2013</v>
      </c>
      <c r="G4747" t="s">
        <v>125</v>
      </c>
      <c r="H4747" t="s">
        <v>124</v>
      </c>
      <c r="I4747" t="s">
        <v>15</v>
      </c>
      <c r="J4747" s="10">
        <v>1.523497326</v>
      </c>
    </row>
    <row r="4748" spans="1:10" x14ac:dyDescent="0.35">
      <c r="A4748" t="s">
        <v>10</v>
      </c>
      <c r="B4748" t="s">
        <v>30</v>
      </c>
      <c r="C4748" t="s">
        <v>117</v>
      </c>
      <c r="D4748" t="s">
        <v>118</v>
      </c>
      <c r="E4748">
        <v>2013</v>
      </c>
      <c r="F4748">
        <v>2013</v>
      </c>
      <c r="G4748" t="s">
        <v>126</v>
      </c>
      <c r="H4748" t="s">
        <v>119</v>
      </c>
      <c r="I4748" t="s">
        <v>15</v>
      </c>
      <c r="J4748" s="10">
        <v>16.90518784</v>
      </c>
    </row>
    <row r="4749" spans="1:10" x14ac:dyDescent="0.35">
      <c r="A4749" t="s">
        <v>10</v>
      </c>
      <c r="B4749" t="s">
        <v>30</v>
      </c>
      <c r="C4749" t="s">
        <v>117</v>
      </c>
      <c r="D4749" t="s">
        <v>118</v>
      </c>
      <c r="E4749">
        <v>2013</v>
      </c>
      <c r="F4749">
        <v>2013</v>
      </c>
      <c r="G4749" t="s">
        <v>126</v>
      </c>
      <c r="H4749" t="s">
        <v>120</v>
      </c>
      <c r="I4749" t="s">
        <v>15</v>
      </c>
      <c r="J4749" s="10">
        <v>10.23361044</v>
      </c>
    </row>
    <row r="4750" spans="1:10" x14ac:dyDescent="0.35">
      <c r="A4750" t="s">
        <v>10</v>
      </c>
      <c r="B4750" t="s">
        <v>30</v>
      </c>
      <c r="C4750" t="s">
        <v>117</v>
      </c>
      <c r="D4750" t="s">
        <v>118</v>
      </c>
      <c r="E4750">
        <v>2013</v>
      </c>
      <c r="F4750">
        <v>2013</v>
      </c>
      <c r="G4750" t="s">
        <v>126</v>
      </c>
      <c r="H4750" t="s">
        <v>121</v>
      </c>
      <c r="I4750" t="s">
        <v>15</v>
      </c>
      <c r="J4750" s="10">
        <v>31.71103862</v>
      </c>
    </row>
    <row r="4751" spans="1:10" x14ac:dyDescent="0.35">
      <c r="A4751" t="s">
        <v>10</v>
      </c>
      <c r="B4751" t="s">
        <v>30</v>
      </c>
      <c r="C4751" t="s">
        <v>117</v>
      </c>
      <c r="D4751" t="s">
        <v>118</v>
      </c>
      <c r="E4751">
        <v>2013</v>
      </c>
      <c r="F4751">
        <v>2013</v>
      </c>
      <c r="G4751" t="s">
        <v>126</v>
      </c>
      <c r="H4751" t="s">
        <v>122</v>
      </c>
      <c r="I4751" t="s">
        <v>15</v>
      </c>
      <c r="J4751" s="10">
        <v>19.98842471</v>
      </c>
    </row>
    <row r="4752" spans="1:10" x14ac:dyDescent="0.35">
      <c r="A4752" t="s">
        <v>10</v>
      </c>
      <c r="B4752" t="s">
        <v>30</v>
      </c>
      <c r="C4752" t="s">
        <v>117</v>
      </c>
      <c r="D4752" t="s">
        <v>118</v>
      </c>
      <c r="E4752">
        <v>2013</v>
      </c>
      <c r="F4752">
        <v>2013</v>
      </c>
      <c r="G4752" t="s">
        <v>126</v>
      </c>
      <c r="H4752" t="s">
        <v>123</v>
      </c>
      <c r="I4752" t="s">
        <v>15</v>
      </c>
      <c r="J4752" s="10">
        <v>18.231084920000001</v>
      </c>
    </row>
    <row r="4753" spans="1:10" x14ac:dyDescent="0.35">
      <c r="A4753" t="s">
        <v>10</v>
      </c>
      <c r="B4753" t="s">
        <v>30</v>
      </c>
      <c r="C4753" t="s">
        <v>117</v>
      </c>
      <c r="D4753" t="s">
        <v>118</v>
      </c>
      <c r="E4753">
        <v>2013</v>
      </c>
      <c r="F4753">
        <v>2013</v>
      </c>
      <c r="G4753" t="s">
        <v>126</v>
      </c>
      <c r="H4753" t="s">
        <v>124</v>
      </c>
      <c r="I4753" t="s">
        <v>15</v>
      </c>
      <c r="J4753" s="10">
        <v>2.930653478</v>
      </c>
    </row>
    <row r="4754" spans="1:10" x14ac:dyDescent="0.35">
      <c r="A4754" t="s">
        <v>10</v>
      </c>
      <c r="B4754" t="s">
        <v>30</v>
      </c>
      <c r="C4754" t="s">
        <v>117</v>
      </c>
      <c r="D4754" t="s">
        <v>118</v>
      </c>
      <c r="E4754">
        <v>2012</v>
      </c>
      <c r="F4754">
        <v>2012</v>
      </c>
      <c r="G4754" t="s">
        <v>14</v>
      </c>
      <c r="H4754" t="s">
        <v>119</v>
      </c>
      <c r="I4754" t="s">
        <v>15</v>
      </c>
      <c r="J4754" s="10">
        <v>17.582958569999999</v>
      </c>
    </row>
    <row r="4755" spans="1:10" x14ac:dyDescent="0.35">
      <c r="A4755" t="s">
        <v>10</v>
      </c>
      <c r="B4755" t="s">
        <v>30</v>
      </c>
      <c r="C4755" t="s">
        <v>117</v>
      </c>
      <c r="D4755" t="s">
        <v>118</v>
      </c>
      <c r="E4755">
        <v>2012</v>
      </c>
      <c r="F4755">
        <v>2012</v>
      </c>
      <c r="G4755" t="s">
        <v>14</v>
      </c>
      <c r="H4755" t="s">
        <v>120</v>
      </c>
      <c r="I4755" t="s">
        <v>15</v>
      </c>
      <c r="J4755" s="10">
        <v>10.956917430000001</v>
      </c>
    </row>
    <row r="4756" spans="1:10" x14ac:dyDescent="0.35">
      <c r="A4756" t="s">
        <v>10</v>
      </c>
      <c r="B4756" t="s">
        <v>30</v>
      </c>
      <c r="C4756" t="s">
        <v>117</v>
      </c>
      <c r="D4756" t="s">
        <v>118</v>
      </c>
      <c r="E4756">
        <v>2012</v>
      </c>
      <c r="F4756">
        <v>2012</v>
      </c>
      <c r="G4756" t="s">
        <v>14</v>
      </c>
      <c r="H4756" t="s">
        <v>121</v>
      </c>
      <c r="I4756" t="s">
        <v>15</v>
      </c>
      <c r="J4756" s="10">
        <v>32.144282709999999</v>
      </c>
    </row>
    <row r="4757" spans="1:10" x14ac:dyDescent="0.35">
      <c r="A4757" t="s">
        <v>10</v>
      </c>
      <c r="B4757" t="s">
        <v>30</v>
      </c>
      <c r="C4757" t="s">
        <v>117</v>
      </c>
      <c r="D4757" t="s">
        <v>118</v>
      </c>
      <c r="E4757">
        <v>2012</v>
      </c>
      <c r="F4757">
        <v>2012</v>
      </c>
      <c r="G4757" t="s">
        <v>14</v>
      </c>
      <c r="H4757" t="s">
        <v>122</v>
      </c>
      <c r="I4757" t="s">
        <v>15</v>
      </c>
      <c r="J4757" s="10">
        <v>20.146890549999998</v>
      </c>
    </row>
    <row r="4758" spans="1:10" x14ac:dyDescent="0.35">
      <c r="A4758" t="s">
        <v>10</v>
      </c>
      <c r="B4758" t="s">
        <v>30</v>
      </c>
      <c r="C4758" t="s">
        <v>117</v>
      </c>
      <c r="D4758" t="s">
        <v>118</v>
      </c>
      <c r="E4758">
        <v>2012</v>
      </c>
      <c r="F4758">
        <v>2012</v>
      </c>
      <c r="G4758" t="s">
        <v>14</v>
      </c>
      <c r="H4758" t="s">
        <v>123</v>
      </c>
      <c r="I4758" t="s">
        <v>15</v>
      </c>
      <c r="J4758" s="10">
        <v>16.970914610000001</v>
      </c>
    </row>
    <row r="4759" spans="1:10" x14ac:dyDescent="0.35">
      <c r="A4759" t="s">
        <v>10</v>
      </c>
      <c r="B4759" t="s">
        <v>30</v>
      </c>
      <c r="C4759" t="s">
        <v>117</v>
      </c>
      <c r="D4759" t="s">
        <v>118</v>
      </c>
      <c r="E4759">
        <v>2012</v>
      </c>
      <c r="F4759">
        <v>2012</v>
      </c>
      <c r="G4759" t="s">
        <v>14</v>
      </c>
      <c r="H4759" t="s">
        <v>124</v>
      </c>
      <c r="I4759" t="s">
        <v>15</v>
      </c>
      <c r="J4759" s="10">
        <v>2.1980361369999999</v>
      </c>
    </row>
    <row r="4760" spans="1:10" x14ac:dyDescent="0.35">
      <c r="A4760" t="s">
        <v>10</v>
      </c>
      <c r="B4760" t="s">
        <v>30</v>
      </c>
      <c r="C4760" t="s">
        <v>117</v>
      </c>
      <c r="D4760" t="s">
        <v>118</v>
      </c>
      <c r="E4760">
        <v>2012</v>
      </c>
      <c r="F4760">
        <v>2012</v>
      </c>
      <c r="G4760" t="s">
        <v>125</v>
      </c>
      <c r="H4760" t="s">
        <v>119</v>
      </c>
      <c r="I4760" t="s">
        <v>15</v>
      </c>
      <c r="J4760" s="10">
        <v>18.331314760000001</v>
      </c>
    </row>
    <row r="4761" spans="1:10" x14ac:dyDescent="0.35">
      <c r="A4761" t="s">
        <v>10</v>
      </c>
      <c r="B4761" t="s">
        <v>30</v>
      </c>
      <c r="C4761" t="s">
        <v>117</v>
      </c>
      <c r="D4761" t="s">
        <v>118</v>
      </c>
      <c r="E4761">
        <v>2012</v>
      </c>
      <c r="F4761">
        <v>2012</v>
      </c>
      <c r="G4761" t="s">
        <v>125</v>
      </c>
      <c r="H4761" t="s">
        <v>120</v>
      </c>
      <c r="I4761" t="s">
        <v>15</v>
      </c>
      <c r="J4761" s="10">
        <v>11.51661957</v>
      </c>
    </row>
    <row r="4762" spans="1:10" x14ac:dyDescent="0.35">
      <c r="A4762" t="s">
        <v>10</v>
      </c>
      <c r="B4762" t="s">
        <v>30</v>
      </c>
      <c r="C4762" t="s">
        <v>117</v>
      </c>
      <c r="D4762" t="s">
        <v>118</v>
      </c>
      <c r="E4762">
        <v>2012</v>
      </c>
      <c r="F4762">
        <v>2012</v>
      </c>
      <c r="G4762" t="s">
        <v>125</v>
      </c>
      <c r="H4762" t="s">
        <v>121</v>
      </c>
      <c r="I4762" t="s">
        <v>15</v>
      </c>
      <c r="J4762" s="10">
        <v>32.280985059999999</v>
      </c>
    </row>
    <row r="4763" spans="1:10" x14ac:dyDescent="0.35">
      <c r="A4763" t="s">
        <v>10</v>
      </c>
      <c r="B4763" t="s">
        <v>30</v>
      </c>
      <c r="C4763" t="s">
        <v>117</v>
      </c>
      <c r="D4763" t="s">
        <v>118</v>
      </c>
      <c r="E4763">
        <v>2012</v>
      </c>
      <c r="F4763">
        <v>2012</v>
      </c>
      <c r="G4763" t="s">
        <v>125</v>
      </c>
      <c r="H4763" t="s">
        <v>122</v>
      </c>
      <c r="I4763" t="s">
        <v>15</v>
      </c>
      <c r="J4763" s="10">
        <v>20.355268469999999</v>
      </c>
    </row>
    <row r="4764" spans="1:10" x14ac:dyDescent="0.35">
      <c r="A4764" t="s">
        <v>10</v>
      </c>
      <c r="B4764" t="s">
        <v>30</v>
      </c>
      <c r="C4764" t="s">
        <v>117</v>
      </c>
      <c r="D4764" t="s">
        <v>118</v>
      </c>
      <c r="E4764">
        <v>2012</v>
      </c>
      <c r="F4764">
        <v>2012</v>
      </c>
      <c r="G4764" t="s">
        <v>125</v>
      </c>
      <c r="H4764" t="s">
        <v>123</v>
      </c>
      <c r="I4764" t="s">
        <v>15</v>
      </c>
      <c r="J4764" s="10">
        <v>16.070515409999999</v>
      </c>
    </row>
    <row r="4765" spans="1:10" x14ac:dyDescent="0.35">
      <c r="A4765" t="s">
        <v>10</v>
      </c>
      <c r="B4765" t="s">
        <v>30</v>
      </c>
      <c r="C4765" t="s">
        <v>117</v>
      </c>
      <c r="D4765" t="s">
        <v>118</v>
      </c>
      <c r="E4765">
        <v>2012</v>
      </c>
      <c r="F4765">
        <v>2012</v>
      </c>
      <c r="G4765" t="s">
        <v>125</v>
      </c>
      <c r="H4765" t="s">
        <v>124</v>
      </c>
      <c r="I4765" t="s">
        <v>15</v>
      </c>
      <c r="J4765" s="10">
        <v>1.4452967299999999</v>
      </c>
    </row>
    <row r="4766" spans="1:10" x14ac:dyDescent="0.35">
      <c r="A4766" t="s">
        <v>10</v>
      </c>
      <c r="B4766" t="s">
        <v>30</v>
      </c>
      <c r="C4766" t="s">
        <v>117</v>
      </c>
      <c r="D4766" t="s">
        <v>118</v>
      </c>
      <c r="E4766">
        <v>2012</v>
      </c>
      <c r="F4766">
        <v>2012</v>
      </c>
      <c r="G4766" t="s">
        <v>126</v>
      </c>
      <c r="H4766" t="s">
        <v>119</v>
      </c>
      <c r="I4766" t="s">
        <v>15</v>
      </c>
      <c r="J4766" s="10">
        <v>16.851301209999999</v>
      </c>
    </row>
    <row r="4767" spans="1:10" x14ac:dyDescent="0.35">
      <c r="A4767" t="s">
        <v>10</v>
      </c>
      <c r="B4767" t="s">
        <v>30</v>
      </c>
      <c r="C4767" t="s">
        <v>117</v>
      </c>
      <c r="D4767" t="s">
        <v>118</v>
      </c>
      <c r="E4767">
        <v>2012</v>
      </c>
      <c r="F4767">
        <v>2012</v>
      </c>
      <c r="G4767" t="s">
        <v>126</v>
      </c>
      <c r="H4767" t="s">
        <v>120</v>
      </c>
      <c r="I4767" t="s">
        <v>15</v>
      </c>
      <c r="J4767" s="10">
        <v>10.4097045</v>
      </c>
    </row>
    <row r="4768" spans="1:10" x14ac:dyDescent="0.35">
      <c r="A4768" t="s">
        <v>10</v>
      </c>
      <c r="B4768" t="s">
        <v>30</v>
      </c>
      <c r="C4768" t="s">
        <v>117</v>
      </c>
      <c r="D4768" t="s">
        <v>118</v>
      </c>
      <c r="E4768">
        <v>2012</v>
      </c>
      <c r="F4768">
        <v>2012</v>
      </c>
      <c r="G4768" t="s">
        <v>126</v>
      </c>
      <c r="H4768" t="s">
        <v>121</v>
      </c>
      <c r="I4768" t="s">
        <v>15</v>
      </c>
      <c r="J4768" s="10">
        <v>32.010630740000003</v>
      </c>
    </row>
    <row r="4769" spans="1:10" x14ac:dyDescent="0.35">
      <c r="A4769" t="s">
        <v>10</v>
      </c>
      <c r="B4769" t="s">
        <v>30</v>
      </c>
      <c r="C4769" t="s">
        <v>117</v>
      </c>
      <c r="D4769" t="s">
        <v>118</v>
      </c>
      <c r="E4769">
        <v>2012</v>
      </c>
      <c r="F4769">
        <v>2012</v>
      </c>
      <c r="G4769" t="s">
        <v>126</v>
      </c>
      <c r="H4769" t="s">
        <v>122</v>
      </c>
      <c r="I4769" t="s">
        <v>15</v>
      </c>
      <c r="J4769" s="10">
        <v>19.94316238</v>
      </c>
    </row>
    <row r="4770" spans="1:10" x14ac:dyDescent="0.35">
      <c r="A4770" t="s">
        <v>10</v>
      </c>
      <c r="B4770" t="s">
        <v>30</v>
      </c>
      <c r="C4770" t="s">
        <v>117</v>
      </c>
      <c r="D4770" t="s">
        <v>118</v>
      </c>
      <c r="E4770">
        <v>2012</v>
      </c>
      <c r="F4770">
        <v>2012</v>
      </c>
      <c r="G4770" t="s">
        <v>126</v>
      </c>
      <c r="H4770" t="s">
        <v>123</v>
      </c>
      <c r="I4770" t="s">
        <v>15</v>
      </c>
      <c r="J4770" s="10">
        <v>17.851222270000001</v>
      </c>
    </row>
    <row r="4771" spans="1:10" x14ac:dyDescent="0.35">
      <c r="A4771" t="s">
        <v>10</v>
      </c>
      <c r="B4771" t="s">
        <v>30</v>
      </c>
      <c r="C4771" t="s">
        <v>117</v>
      </c>
      <c r="D4771" t="s">
        <v>118</v>
      </c>
      <c r="E4771">
        <v>2012</v>
      </c>
      <c r="F4771">
        <v>2012</v>
      </c>
      <c r="G4771" t="s">
        <v>126</v>
      </c>
      <c r="H4771" t="s">
        <v>124</v>
      </c>
      <c r="I4771" t="s">
        <v>15</v>
      </c>
      <c r="J4771" s="10">
        <v>2.9339788960000002</v>
      </c>
    </row>
    <row r="4772" spans="1:10" x14ac:dyDescent="0.35">
      <c r="A4772" t="s">
        <v>10</v>
      </c>
      <c r="B4772" t="s">
        <v>30</v>
      </c>
      <c r="C4772" t="s">
        <v>117</v>
      </c>
      <c r="D4772" t="s">
        <v>118</v>
      </c>
      <c r="E4772">
        <v>2011</v>
      </c>
      <c r="F4772">
        <v>2011</v>
      </c>
      <c r="G4772" t="s">
        <v>14</v>
      </c>
      <c r="H4772" t="s">
        <v>119</v>
      </c>
      <c r="I4772" t="s">
        <v>15</v>
      </c>
      <c r="J4772" s="10">
        <v>17.652376199999999</v>
      </c>
    </row>
    <row r="4773" spans="1:10" x14ac:dyDescent="0.35">
      <c r="A4773" t="s">
        <v>10</v>
      </c>
      <c r="B4773" t="s">
        <v>30</v>
      </c>
      <c r="C4773" t="s">
        <v>117</v>
      </c>
      <c r="D4773" t="s">
        <v>118</v>
      </c>
      <c r="E4773">
        <v>2011</v>
      </c>
      <c r="F4773">
        <v>2011</v>
      </c>
      <c r="G4773" t="s">
        <v>14</v>
      </c>
      <c r="H4773" t="s">
        <v>120</v>
      </c>
      <c r="I4773" t="s">
        <v>15</v>
      </c>
      <c r="J4773" s="10">
        <v>11.01229644</v>
      </c>
    </row>
    <row r="4774" spans="1:10" x14ac:dyDescent="0.35">
      <c r="A4774" t="s">
        <v>10</v>
      </c>
      <c r="B4774" t="s">
        <v>30</v>
      </c>
      <c r="C4774" t="s">
        <v>117</v>
      </c>
      <c r="D4774" t="s">
        <v>118</v>
      </c>
      <c r="E4774">
        <v>2011</v>
      </c>
      <c r="F4774">
        <v>2011</v>
      </c>
      <c r="G4774" t="s">
        <v>14</v>
      </c>
      <c r="H4774" t="s">
        <v>121</v>
      </c>
      <c r="I4774" t="s">
        <v>15</v>
      </c>
      <c r="J4774" s="10">
        <v>32.369557989999997</v>
      </c>
    </row>
    <row r="4775" spans="1:10" x14ac:dyDescent="0.35">
      <c r="A4775" t="s">
        <v>10</v>
      </c>
      <c r="B4775" t="s">
        <v>30</v>
      </c>
      <c r="C4775" t="s">
        <v>117</v>
      </c>
      <c r="D4775" t="s">
        <v>118</v>
      </c>
      <c r="E4775">
        <v>2011</v>
      </c>
      <c r="F4775">
        <v>2011</v>
      </c>
      <c r="G4775" t="s">
        <v>14</v>
      </c>
      <c r="H4775" t="s">
        <v>122</v>
      </c>
      <c r="I4775" t="s">
        <v>15</v>
      </c>
      <c r="J4775" s="10">
        <v>20.388168830000001</v>
      </c>
    </row>
    <row r="4776" spans="1:10" x14ac:dyDescent="0.35">
      <c r="A4776" t="s">
        <v>10</v>
      </c>
      <c r="B4776" t="s">
        <v>30</v>
      </c>
      <c r="C4776" t="s">
        <v>117</v>
      </c>
      <c r="D4776" t="s">
        <v>118</v>
      </c>
      <c r="E4776">
        <v>2011</v>
      </c>
      <c r="F4776">
        <v>2011</v>
      </c>
      <c r="G4776" t="s">
        <v>14</v>
      </c>
      <c r="H4776" t="s">
        <v>123</v>
      </c>
      <c r="I4776" t="s">
        <v>15</v>
      </c>
      <c r="J4776" s="10">
        <v>16.402791629999999</v>
      </c>
    </row>
    <row r="4777" spans="1:10" x14ac:dyDescent="0.35">
      <c r="A4777" t="s">
        <v>10</v>
      </c>
      <c r="B4777" t="s">
        <v>30</v>
      </c>
      <c r="C4777" t="s">
        <v>117</v>
      </c>
      <c r="D4777" t="s">
        <v>118</v>
      </c>
      <c r="E4777">
        <v>2011</v>
      </c>
      <c r="F4777">
        <v>2011</v>
      </c>
      <c r="G4777" t="s">
        <v>14</v>
      </c>
      <c r="H4777" t="s">
        <v>124</v>
      </c>
      <c r="I4777" t="s">
        <v>15</v>
      </c>
      <c r="J4777" s="10">
        <v>2.1748089070000001</v>
      </c>
    </row>
    <row r="4778" spans="1:10" x14ac:dyDescent="0.35">
      <c r="A4778" t="s">
        <v>10</v>
      </c>
      <c r="B4778" t="s">
        <v>30</v>
      </c>
      <c r="C4778" t="s">
        <v>117</v>
      </c>
      <c r="D4778" t="s">
        <v>118</v>
      </c>
      <c r="E4778">
        <v>2011</v>
      </c>
      <c r="F4778">
        <v>2011</v>
      </c>
      <c r="G4778" t="s">
        <v>125</v>
      </c>
      <c r="H4778" t="s">
        <v>119</v>
      </c>
      <c r="I4778" t="s">
        <v>15</v>
      </c>
      <c r="J4778" s="10">
        <v>18.575467889999999</v>
      </c>
    </row>
    <row r="4779" spans="1:10" x14ac:dyDescent="0.35">
      <c r="A4779" t="s">
        <v>10</v>
      </c>
      <c r="B4779" t="s">
        <v>30</v>
      </c>
      <c r="C4779" t="s">
        <v>117</v>
      </c>
      <c r="D4779" t="s">
        <v>118</v>
      </c>
      <c r="E4779">
        <v>2011</v>
      </c>
      <c r="F4779">
        <v>2011</v>
      </c>
      <c r="G4779" t="s">
        <v>125</v>
      </c>
      <c r="H4779" t="s">
        <v>120</v>
      </c>
      <c r="I4779" t="s">
        <v>15</v>
      </c>
      <c r="J4779" s="10">
        <v>11.42587855</v>
      </c>
    </row>
    <row r="4780" spans="1:10" x14ac:dyDescent="0.35">
      <c r="A4780" t="s">
        <v>10</v>
      </c>
      <c r="B4780" t="s">
        <v>30</v>
      </c>
      <c r="C4780" t="s">
        <v>117</v>
      </c>
      <c r="D4780" t="s">
        <v>118</v>
      </c>
      <c r="E4780">
        <v>2011</v>
      </c>
      <c r="F4780">
        <v>2011</v>
      </c>
      <c r="G4780" t="s">
        <v>125</v>
      </c>
      <c r="H4780" t="s">
        <v>121</v>
      </c>
      <c r="I4780" t="s">
        <v>15</v>
      </c>
      <c r="J4780" s="10">
        <v>32.661909250000001</v>
      </c>
    </row>
    <row r="4781" spans="1:10" x14ac:dyDescent="0.35">
      <c r="A4781" t="s">
        <v>10</v>
      </c>
      <c r="B4781" t="s">
        <v>30</v>
      </c>
      <c r="C4781" t="s">
        <v>117</v>
      </c>
      <c r="D4781" t="s">
        <v>118</v>
      </c>
      <c r="E4781">
        <v>2011</v>
      </c>
      <c r="F4781">
        <v>2011</v>
      </c>
      <c r="G4781" t="s">
        <v>125</v>
      </c>
      <c r="H4781" t="s">
        <v>122</v>
      </c>
      <c r="I4781" t="s">
        <v>15</v>
      </c>
      <c r="J4781" s="10">
        <v>20.522418200000001</v>
      </c>
    </row>
    <row r="4782" spans="1:10" x14ac:dyDescent="0.35">
      <c r="A4782" t="s">
        <v>10</v>
      </c>
      <c r="B4782" t="s">
        <v>30</v>
      </c>
      <c r="C4782" t="s">
        <v>117</v>
      </c>
      <c r="D4782" t="s">
        <v>118</v>
      </c>
      <c r="E4782">
        <v>2011</v>
      </c>
      <c r="F4782">
        <v>2011</v>
      </c>
      <c r="G4782" t="s">
        <v>125</v>
      </c>
      <c r="H4782" t="s">
        <v>123</v>
      </c>
      <c r="I4782" t="s">
        <v>15</v>
      </c>
      <c r="J4782" s="10">
        <v>15.44095866</v>
      </c>
    </row>
    <row r="4783" spans="1:10" x14ac:dyDescent="0.35">
      <c r="A4783" t="s">
        <v>10</v>
      </c>
      <c r="B4783" t="s">
        <v>30</v>
      </c>
      <c r="C4783" t="s">
        <v>117</v>
      </c>
      <c r="D4783" t="s">
        <v>118</v>
      </c>
      <c r="E4783">
        <v>2011</v>
      </c>
      <c r="F4783">
        <v>2011</v>
      </c>
      <c r="G4783" t="s">
        <v>125</v>
      </c>
      <c r="H4783" t="s">
        <v>124</v>
      </c>
      <c r="I4783" t="s">
        <v>15</v>
      </c>
      <c r="J4783" s="10">
        <v>1.373367443</v>
      </c>
    </row>
    <row r="4784" spans="1:10" x14ac:dyDescent="0.35">
      <c r="A4784" t="s">
        <v>10</v>
      </c>
      <c r="B4784" t="s">
        <v>30</v>
      </c>
      <c r="C4784" t="s">
        <v>117</v>
      </c>
      <c r="D4784" t="s">
        <v>118</v>
      </c>
      <c r="E4784">
        <v>2011</v>
      </c>
      <c r="F4784">
        <v>2011</v>
      </c>
      <c r="G4784" t="s">
        <v>126</v>
      </c>
      <c r="H4784" t="s">
        <v>119</v>
      </c>
      <c r="I4784" t="s">
        <v>15</v>
      </c>
      <c r="J4784" s="10">
        <v>16.752428460000001</v>
      </c>
    </row>
    <row r="4785" spans="1:10" x14ac:dyDescent="0.35">
      <c r="A4785" t="s">
        <v>10</v>
      </c>
      <c r="B4785" t="s">
        <v>30</v>
      </c>
      <c r="C4785" t="s">
        <v>117</v>
      </c>
      <c r="D4785" t="s">
        <v>118</v>
      </c>
      <c r="E4785">
        <v>2011</v>
      </c>
      <c r="F4785">
        <v>2011</v>
      </c>
      <c r="G4785" t="s">
        <v>126</v>
      </c>
      <c r="H4785" t="s">
        <v>120</v>
      </c>
      <c r="I4785" t="s">
        <v>15</v>
      </c>
      <c r="J4785" s="10">
        <v>10.60908375</v>
      </c>
    </row>
    <row r="4786" spans="1:10" x14ac:dyDescent="0.35">
      <c r="A4786" t="s">
        <v>10</v>
      </c>
      <c r="B4786" t="s">
        <v>30</v>
      </c>
      <c r="C4786" t="s">
        <v>117</v>
      </c>
      <c r="D4786" t="s">
        <v>118</v>
      </c>
      <c r="E4786">
        <v>2011</v>
      </c>
      <c r="F4786">
        <v>2011</v>
      </c>
      <c r="G4786" t="s">
        <v>126</v>
      </c>
      <c r="H4786" t="s">
        <v>121</v>
      </c>
      <c r="I4786" t="s">
        <v>15</v>
      </c>
      <c r="J4786" s="10">
        <v>32.084536620000002</v>
      </c>
    </row>
    <row r="4787" spans="1:10" x14ac:dyDescent="0.35">
      <c r="A4787" t="s">
        <v>10</v>
      </c>
      <c r="B4787" t="s">
        <v>30</v>
      </c>
      <c r="C4787" t="s">
        <v>117</v>
      </c>
      <c r="D4787" t="s">
        <v>118</v>
      </c>
      <c r="E4787">
        <v>2011</v>
      </c>
      <c r="F4787">
        <v>2011</v>
      </c>
      <c r="G4787" t="s">
        <v>126</v>
      </c>
      <c r="H4787" t="s">
        <v>122</v>
      </c>
      <c r="I4787" t="s">
        <v>15</v>
      </c>
      <c r="J4787" s="10">
        <v>20.257285379999999</v>
      </c>
    </row>
    <row r="4788" spans="1:10" x14ac:dyDescent="0.35">
      <c r="A4788" t="s">
        <v>10</v>
      </c>
      <c r="B4788" t="s">
        <v>30</v>
      </c>
      <c r="C4788" t="s">
        <v>117</v>
      </c>
      <c r="D4788" t="s">
        <v>118</v>
      </c>
      <c r="E4788">
        <v>2011</v>
      </c>
      <c r="F4788">
        <v>2011</v>
      </c>
      <c r="G4788" t="s">
        <v>126</v>
      </c>
      <c r="H4788" t="s">
        <v>123</v>
      </c>
      <c r="I4788" t="s">
        <v>15</v>
      </c>
      <c r="J4788" s="10">
        <v>17.340509319999999</v>
      </c>
    </row>
    <row r="4789" spans="1:10" x14ac:dyDescent="0.35">
      <c r="A4789" t="s">
        <v>10</v>
      </c>
      <c r="B4789" t="s">
        <v>30</v>
      </c>
      <c r="C4789" t="s">
        <v>117</v>
      </c>
      <c r="D4789" t="s">
        <v>118</v>
      </c>
      <c r="E4789">
        <v>2011</v>
      </c>
      <c r="F4789">
        <v>2011</v>
      </c>
      <c r="G4789" t="s">
        <v>126</v>
      </c>
      <c r="H4789" t="s">
        <v>124</v>
      </c>
      <c r="I4789" t="s">
        <v>15</v>
      </c>
      <c r="J4789" s="10">
        <v>2.956156472</v>
      </c>
    </row>
    <row r="4790" spans="1:10" x14ac:dyDescent="0.35">
      <c r="A4790" t="s">
        <v>26</v>
      </c>
      <c r="B4790" t="s">
        <v>31</v>
      </c>
      <c r="C4790" t="s">
        <v>117</v>
      </c>
      <c r="D4790" t="s">
        <v>118</v>
      </c>
      <c r="E4790">
        <v>2020</v>
      </c>
      <c r="F4790">
        <v>2020</v>
      </c>
      <c r="G4790" t="s">
        <v>14</v>
      </c>
      <c r="H4790" t="s">
        <v>119</v>
      </c>
      <c r="I4790" t="s">
        <v>15</v>
      </c>
      <c r="J4790" s="10">
        <v>15.832266049999999</v>
      </c>
    </row>
    <row r="4791" spans="1:10" x14ac:dyDescent="0.35">
      <c r="A4791" t="s">
        <v>26</v>
      </c>
      <c r="B4791" t="s">
        <v>31</v>
      </c>
      <c r="C4791" t="s">
        <v>117</v>
      </c>
      <c r="D4791" t="s">
        <v>118</v>
      </c>
      <c r="E4791">
        <v>2020</v>
      </c>
      <c r="F4791">
        <v>2020</v>
      </c>
      <c r="G4791" t="s">
        <v>14</v>
      </c>
      <c r="H4791" t="s">
        <v>120</v>
      </c>
      <c r="I4791" t="s">
        <v>15</v>
      </c>
      <c r="J4791" s="10">
        <v>8.678821718</v>
      </c>
    </row>
    <row r="4792" spans="1:10" x14ac:dyDescent="0.35">
      <c r="A4792" t="s">
        <v>26</v>
      </c>
      <c r="B4792" t="s">
        <v>31</v>
      </c>
      <c r="C4792" t="s">
        <v>117</v>
      </c>
      <c r="D4792" t="s">
        <v>118</v>
      </c>
      <c r="E4792">
        <v>2020</v>
      </c>
      <c r="F4792">
        <v>2020</v>
      </c>
      <c r="G4792" t="s">
        <v>14</v>
      </c>
      <c r="H4792" t="s">
        <v>121</v>
      </c>
      <c r="I4792" t="s">
        <v>15</v>
      </c>
      <c r="J4792" s="10">
        <v>26.299808609999999</v>
      </c>
    </row>
    <row r="4793" spans="1:10" x14ac:dyDescent="0.35">
      <c r="A4793" t="s">
        <v>26</v>
      </c>
      <c r="B4793" t="s">
        <v>31</v>
      </c>
      <c r="C4793" t="s">
        <v>117</v>
      </c>
      <c r="D4793" t="s">
        <v>118</v>
      </c>
      <c r="E4793">
        <v>2020</v>
      </c>
      <c r="F4793">
        <v>2020</v>
      </c>
      <c r="G4793" t="s">
        <v>14</v>
      </c>
      <c r="H4793" t="s">
        <v>122</v>
      </c>
      <c r="I4793" t="s">
        <v>15</v>
      </c>
      <c r="J4793" s="10">
        <v>23.731130650000001</v>
      </c>
    </row>
    <row r="4794" spans="1:10" x14ac:dyDescent="0.35">
      <c r="A4794" t="s">
        <v>26</v>
      </c>
      <c r="B4794" t="s">
        <v>31</v>
      </c>
      <c r="C4794" t="s">
        <v>117</v>
      </c>
      <c r="D4794" t="s">
        <v>118</v>
      </c>
      <c r="E4794">
        <v>2020</v>
      </c>
      <c r="F4794">
        <v>2020</v>
      </c>
      <c r="G4794" t="s">
        <v>14</v>
      </c>
      <c r="H4794" t="s">
        <v>123</v>
      </c>
      <c r="I4794" t="s">
        <v>15</v>
      </c>
      <c r="J4794" s="10">
        <v>22.391388809999999</v>
      </c>
    </row>
    <row r="4795" spans="1:10" x14ac:dyDescent="0.35">
      <c r="A4795" t="s">
        <v>26</v>
      </c>
      <c r="B4795" t="s">
        <v>31</v>
      </c>
      <c r="C4795" t="s">
        <v>117</v>
      </c>
      <c r="D4795" t="s">
        <v>118</v>
      </c>
      <c r="E4795">
        <v>2020</v>
      </c>
      <c r="F4795">
        <v>2020</v>
      </c>
      <c r="G4795" t="s">
        <v>14</v>
      </c>
      <c r="H4795" t="s">
        <v>124</v>
      </c>
      <c r="I4795" t="s">
        <v>15</v>
      </c>
      <c r="J4795" s="10">
        <v>3.0665841619999998</v>
      </c>
    </row>
    <row r="4796" spans="1:10" x14ac:dyDescent="0.35">
      <c r="A4796" t="s">
        <v>26</v>
      </c>
      <c r="B4796" t="s">
        <v>31</v>
      </c>
      <c r="C4796" t="s">
        <v>117</v>
      </c>
      <c r="D4796" t="s">
        <v>118</v>
      </c>
      <c r="E4796">
        <v>2020</v>
      </c>
      <c r="F4796">
        <v>2020</v>
      </c>
      <c r="G4796" t="s">
        <v>125</v>
      </c>
      <c r="H4796" t="s">
        <v>119</v>
      </c>
      <c r="I4796" t="s">
        <v>15</v>
      </c>
      <c r="J4796" s="10">
        <v>16.65936889</v>
      </c>
    </row>
    <row r="4797" spans="1:10" x14ac:dyDescent="0.35">
      <c r="A4797" t="s">
        <v>26</v>
      </c>
      <c r="B4797" t="s">
        <v>31</v>
      </c>
      <c r="C4797" t="s">
        <v>117</v>
      </c>
      <c r="D4797" t="s">
        <v>118</v>
      </c>
      <c r="E4797">
        <v>2020</v>
      </c>
      <c r="F4797">
        <v>2020</v>
      </c>
      <c r="G4797" t="s">
        <v>125</v>
      </c>
      <c r="H4797" t="s">
        <v>120</v>
      </c>
      <c r="I4797" t="s">
        <v>15</v>
      </c>
      <c r="J4797" s="10">
        <v>9.3645094429999993</v>
      </c>
    </row>
    <row r="4798" spans="1:10" x14ac:dyDescent="0.35">
      <c r="A4798" t="s">
        <v>26</v>
      </c>
      <c r="B4798" t="s">
        <v>31</v>
      </c>
      <c r="C4798" t="s">
        <v>117</v>
      </c>
      <c r="D4798" t="s">
        <v>118</v>
      </c>
      <c r="E4798">
        <v>2020</v>
      </c>
      <c r="F4798">
        <v>2020</v>
      </c>
      <c r="G4798" t="s">
        <v>125</v>
      </c>
      <c r="H4798" t="s">
        <v>121</v>
      </c>
      <c r="I4798" t="s">
        <v>15</v>
      </c>
      <c r="J4798" s="10">
        <v>26.055988559999999</v>
      </c>
    </row>
    <row r="4799" spans="1:10" x14ac:dyDescent="0.35">
      <c r="A4799" t="s">
        <v>26</v>
      </c>
      <c r="B4799" t="s">
        <v>31</v>
      </c>
      <c r="C4799" t="s">
        <v>117</v>
      </c>
      <c r="D4799" t="s">
        <v>118</v>
      </c>
      <c r="E4799">
        <v>2020</v>
      </c>
      <c r="F4799">
        <v>2020</v>
      </c>
      <c r="G4799" t="s">
        <v>125</v>
      </c>
      <c r="H4799" t="s">
        <v>122</v>
      </c>
      <c r="I4799" t="s">
        <v>15</v>
      </c>
      <c r="J4799" s="10">
        <v>23.55722918</v>
      </c>
    </row>
    <row r="4800" spans="1:10" x14ac:dyDescent="0.35">
      <c r="A4800" t="s">
        <v>26</v>
      </c>
      <c r="B4800" t="s">
        <v>31</v>
      </c>
      <c r="C4800" t="s">
        <v>117</v>
      </c>
      <c r="D4800" t="s">
        <v>118</v>
      </c>
      <c r="E4800">
        <v>2020</v>
      </c>
      <c r="F4800">
        <v>2020</v>
      </c>
      <c r="G4800" t="s">
        <v>125</v>
      </c>
      <c r="H4800" t="s">
        <v>123</v>
      </c>
      <c r="I4800" t="s">
        <v>15</v>
      </c>
      <c r="J4800" s="10">
        <v>21.951717899999998</v>
      </c>
    </row>
    <row r="4801" spans="1:10" x14ac:dyDescent="0.35">
      <c r="A4801" t="s">
        <v>26</v>
      </c>
      <c r="B4801" t="s">
        <v>31</v>
      </c>
      <c r="C4801" t="s">
        <v>117</v>
      </c>
      <c r="D4801" t="s">
        <v>118</v>
      </c>
      <c r="E4801">
        <v>2020</v>
      </c>
      <c r="F4801">
        <v>2020</v>
      </c>
      <c r="G4801" t="s">
        <v>125</v>
      </c>
      <c r="H4801" t="s">
        <v>124</v>
      </c>
      <c r="I4801" t="s">
        <v>15</v>
      </c>
      <c r="J4801" s="10">
        <v>2.4111860350000001</v>
      </c>
    </row>
    <row r="4802" spans="1:10" x14ac:dyDescent="0.35">
      <c r="A4802" t="s">
        <v>26</v>
      </c>
      <c r="B4802" t="s">
        <v>31</v>
      </c>
      <c r="C4802" t="s">
        <v>117</v>
      </c>
      <c r="D4802" t="s">
        <v>118</v>
      </c>
      <c r="E4802">
        <v>2020</v>
      </c>
      <c r="F4802">
        <v>2020</v>
      </c>
      <c r="G4802" t="s">
        <v>126</v>
      </c>
      <c r="H4802" t="s">
        <v>119</v>
      </c>
      <c r="I4802" t="s">
        <v>15</v>
      </c>
      <c r="J4802" s="10">
        <v>15.028097860000001</v>
      </c>
    </row>
    <row r="4803" spans="1:10" x14ac:dyDescent="0.35">
      <c r="A4803" t="s">
        <v>26</v>
      </c>
      <c r="B4803" t="s">
        <v>31</v>
      </c>
      <c r="C4803" t="s">
        <v>117</v>
      </c>
      <c r="D4803" t="s">
        <v>118</v>
      </c>
      <c r="E4803">
        <v>2020</v>
      </c>
      <c r="F4803">
        <v>2020</v>
      </c>
      <c r="G4803" t="s">
        <v>126</v>
      </c>
      <c r="H4803" t="s">
        <v>120</v>
      </c>
      <c r="I4803" t="s">
        <v>15</v>
      </c>
      <c r="J4803" s="10">
        <v>8.012147358</v>
      </c>
    </row>
    <row r="4804" spans="1:10" x14ac:dyDescent="0.35">
      <c r="A4804" t="s">
        <v>26</v>
      </c>
      <c r="B4804" t="s">
        <v>31</v>
      </c>
      <c r="C4804" t="s">
        <v>117</v>
      </c>
      <c r="D4804" t="s">
        <v>118</v>
      </c>
      <c r="E4804">
        <v>2020</v>
      </c>
      <c r="F4804">
        <v>2020</v>
      </c>
      <c r="G4804" t="s">
        <v>126</v>
      </c>
      <c r="H4804" t="s">
        <v>121</v>
      </c>
      <c r="I4804" t="s">
        <v>15</v>
      </c>
      <c r="J4804" s="10">
        <v>26.5368678</v>
      </c>
    </row>
    <row r="4805" spans="1:10" x14ac:dyDescent="0.35">
      <c r="A4805" t="s">
        <v>26</v>
      </c>
      <c r="B4805" t="s">
        <v>31</v>
      </c>
      <c r="C4805" t="s">
        <v>117</v>
      </c>
      <c r="D4805" t="s">
        <v>118</v>
      </c>
      <c r="E4805">
        <v>2020</v>
      </c>
      <c r="F4805">
        <v>2020</v>
      </c>
      <c r="G4805" t="s">
        <v>126</v>
      </c>
      <c r="H4805" t="s">
        <v>122</v>
      </c>
      <c r="I4805" t="s">
        <v>15</v>
      </c>
      <c r="J4805" s="10">
        <v>23.900210019999999</v>
      </c>
    </row>
    <row r="4806" spans="1:10" x14ac:dyDescent="0.35">
      <c r="A4806" t="s">
        <v>26</v>
      </c>
      <c r="B4806" t="s">
        <v>31</v>
      </c>
      <c r="C4806" t="s">
        <v>117</v>
      </c>
      <c r="D4806" t="s">
        <v>118</v>
      </c>
      <c r="E4806">
        <v>2020</v>
      </c>
      <c r="F4806">
        <v>2020</v>
      </c>
      <c r="G4806" t="s">
        <v>126</v>
      </c>
      <c r="H4806" t="s">
        <v>123</v>
      </c>
      <c r="I4806" t="s">
        <v>15</v>
      </c>
      <c r="J4806" s="10">
        <v>22.818868139999999</v>
      </c>
    </row>
    <row r="4807" spans="1:10" x14ac:dyDescent="0.35">
      <c r="A4807" t="s">
        <v>26</v>
      </c>
      <c r="B4807" t="s">
        <v>31</v>
      </c>
      <c r="C4807" t="s">
        <v>117</v>
      </c>
      <c r="D4807" t="s">
        <v>118</v>
      </c>
      <c r="E4807">
        <v>2020</v>
      </c>
      <c r="F4807">
        <v>2020</v>
      </c>
      <c r="G4807" t="s">
        <v>126</v>
      </c>
      <c r="H4807" t="s">
        <v>124</v>
      </c>
      <c r="I4807" t="s">
        <v>15</v>
      </c>
      <c r="J4807" s="10">
        <v>3.703808821</v>
      </c>
    </row>
    <row r="4808" spans="1:10" x14ac:dyDescent="0.35">
      <c r="A4808" t="s">
        <v>26</v>
      </c>
      <c r="B4808" t="s">
        <v>31</v>
      </c>
      <c r="C4808" t="s">
        <v>117</v>
      </c>
      <c r="D4808" t="s">
        <v>118</v>
      </c>
      <c r="E4808">
        <v>2019</v>
      </c>
      <c r="F4808">
        <v>2019</v>
      </c>
      <c r="G4808" t="s">
        <v>14</v>
      </c>
      <c r="H4808" t="s">
        <v>119</v>
      </c>
      <c r="I4808" t="s">
        <v>15</v>
      </c>
      <c r="J4808" s="10">
        <v>15.986696869999999</v>
      </c>
    </row>
    <row r="4809" spans="1:10" x14ac:dyDescent="0.35">
      <c r="A4809" t="s">
        <v>26</v>
      </c>
      <c r="B4809" t="s">
        <v>31</v>
      </c>
      <c r="C4809" t="s">
        <v>117</v>
      </c>
      <c r="D4809" t="s">
        <v>118</v>
      </c>
      <c r="E4809">
        <v>2019</v>
      </c>
      <c r="F4809">
        <v>2019</v>
      </c>
      <c r="G4809" t="s">
        <v>14</v>
      </c>
      <c r="H4809" t="s">
        <v>120</v>
      </c>
      <c r="I4809" t="s">
        <v>15</v>
      </c>
      <c r="J4809" s="10">
        <v>8.8290948710000006</v>
      </c>
    </row>
    <row r="4810" spans="1:10" x14ac:dyDescent="0.35">
      <c r="A4810" t="s">
        <v>26</v>
      </c>
      <c r="B4810" t="s">
        <v>31</v>
      </c>
      <c r="C4810" t="s">
        <v>117</v>
      </c>
      <c r="D4810" t="s">
        <v>118</v>
      </c>
      <c r="E4810">
        <v>2019</v>
      </c>
      <c r="F4810">
        <v>2019</v>
      </c>
      <c r="G4810" t="s">
        <v>14</v>
      </c>
      <c r="H4810" t="s">
        <v>121</v>
      </c>
      <c r="I4810" t="s">
        <v>15</v>
      </c>
      <c r="J4810" s="10">
        <v>26.52025574</v>
      </c>
    </row>
    <row r="4811" spans="1:10" x14ac:dyDescent="0.35">
      <c r="A4811" t="s">
        <v>26</v>
      </c>
      <c r="B4811" t="s">
        <v>31</v>
      </c>
      <c r="C4811" t="s">
        <v>117</v>
      </c>
      <c r="D4811" t="s">
        <v>118</v>
      </c>
      <c r="E4811">
        <v>2019</v>
      </c>
      <c r="F4811">
        <v>2019</v>
      </c>
      <c r="G4811" t="s">
        <v>14</v>
      </c>
      <c r="H4811" t="s">
        <v>122</v>
      </c>
      <c r="I4811" t="s">
        <v>15</v>
      </c>
      <c r="J4811" s="10">
        <v>23.654634590000001</v>
      </c>
    </row>
    <row r="4812" spans="1:10" x14ac:dyDescent="0.35">
      <c r="A4812" t="s">
        <v>26</v>
      </c>
      <c r="B4812" t="s">
        <v>31</v>
      </c>
      <c r="C4812" t="s">
        <v>117</v>
      </c>
      <c r="D4812" t="s">
        <v>118</v>
      </c>
      <c r="E4812">
        <v>2019</v>
      </c>
      <c r="F4812">
        <v>2019</v>
      </c>
      <c r="G4812" t="s">
        <v>14</v>
      </c>
      <c r="H4812" t="s">
        <v>123</v>
      </c>
      <c r="I4812" t="s">
        <v>15</v>
      </c>
      <c r="J4812" s="10">
        <v>22.02328048</v>
      </c>
    </row>
    <row r="4813" spans="1:10" x14ac:dyDescent="0.35">
      <c r="A4813" t="s">
        <v>26</v>
      </c>
      <c r="B4813" t="s">
        <v>31</v>
      </c>
      <c r="C4813" t="s">
        <v>117</v>
      </c>
      <c r="D4813" t="s">
        <v>118</v>
      </c>
      <c r="E4813">
        <v>2019</v>
      </c>
      <c r="F4813">
        <v>2019</v>
      </c>
      <c r="G4813" t="s">
        <v>14</v>
      </c>
      <c r="H4813" t="s">
        <v>124</v>
      </c>
      <c r="I4813" t="s">
        <v>15</v>
      </c>
      <c r="J4813" s="10">
        <v>2.9860374439999999</v>
      </c>
    </row>
    <row r="4814" spans="1:10" x14ac:dyDescent="0.35">
      <c r="A4814" t="s">
        <v>26</v>
      </c>
      <c r="B4814" t="s">
        <v>31</v>
      </c>
      <c r="C4814" t="s">
        <v>117</v>
      </c>
      <c r="D4814" t="s">
        <v>118</v>
      </c>
      <c r="E4814">
        <v>2019</v>
      </c>
      <c r="F4814">
        <v>2019</v>
      </c>
      <c r="G4814" t="s">
        <v>125</v>
      </c>
      <c r="H4814" t="s">
        <v>119</v>
      </c>
      <c r="I4814" t="s">
        <v>15</v>
      </c>
      <c r="J4814" s="10">
        <v>16.793671109999998</v>
      </c>
    </row>
    <row r="4815" spans="1:10" x14ac:dyDescent="0.35">
      <c r="A4815" t="s">
        <v>26</v>
      </c>
      <c r="B4815" t="s">
        <v>31</v>
      </c>
      <c r="C4815" t="s">
        <v>117</v>
      </c>
      <c r="D4815" t="s">
        <v>118</v>
      </c>
      <c r="E4815">
        <v>2019</v>
      </c>
      <c r="F4815">
        <v>2019</v>
      </c>
      <c r="G4815" t="s">
        <v>125</v>
      </c>
      <c r="H4815" t="s">
        <v>120</v>
      </c>
      <c r="I4815" t="s">
        <v>15</v>
      </c>
      <c r="J4815" s="10">
        <v>9.5631435049999993</v>
      </c>
    </row>
    <row r="4816" spans="1:10" x14ac:dyDescent="0.35">
      <c r="A4816" t="s">
        <v>26</v>
      </c>
      <c r="B4816" t="s">
        <v>31</v>
      </c>
      <c r="C4816" t="s">
        <v>117</v>
      </c>
      <c r="D4816" t="s">
        <v>118</v>
      </c>
      <c r="E4816">
        <v>2019</v>
      </c>
      <c r="F4816">
        <v>2019</v>
      </c>
      <c r="G4816" t="s">
        <v>125</v>
      </c>
      <c r="H4816" t="s">
        <v>121</v>
      </c>
      <c r="I4816" t="s">
        <v>15</v>
      </c>
      <c r="J4816" s="10">
        <v>26.063056249999999</v>
      </c>
    </row>
    <row r="4817" spans="1:10" x14ac:dyDescent="0.35">
      <c r="A4817" t="s">
        <v>26</v>
      </c>
      <c r="B4817" t="s">
        <v>31</v>
      </c>
      <c r="C4817" t="s">
        <v>117</v>
      </c>
      <c r="D4817" t="s">
        <v>118</v>
      </c>
      <c r="E4817">
        <v>2019</v>
      </c>
      <c r="F4817">
        <v>2019</v>
      </c>
      <c r="G4817" t="s">
        <v>125</v>
      </c>
      <c r="H4817" t="s">
        <v>122</v>
      </c>
      <c r="I4817" t="s">
        <v>15</v>
      </c>
      <c r="J4817" s="10">
        <v>23.701355360000001</v>
      </c>
    </row>
    <row r="4818" spans="1:10" x14ac:dyDescent="0.35">
      <c r="A4818" t="s">
        <v>26</v>
      </c>
      <c r="B4818" t="s">
        <v>31</v>
      </c>
      <c r="C4818" t="s">
        <v>117</v>
      </c>
      <c r="D4818" t="s">
        <v>118</v>
      </c>
      <c r="E4818">
        <v>2019</v>
      </c>
      <c r="F4818">
        <v>2019</v>
      </c>
      <c r="G4818" t="s">
        <v>125</v>
      </c>
      <c r="H4818" t="s">
        <v>123</v>
      </c>
      <c r="I4818" t="s">
        <v>15</v>
      </c>
      <c r="J4818" s="10">
        <v>21.59851085</v>
      </c>
    </row>
    <row r="4819" spans="1:10" x14ac:dyDescent="0.35">
      <c r="A4819" t="s">
        <v>26</v>
      </c>
      <c r="B4819" t="s">
        <v>31</v>
      </c>
      <c r="C4819" t="s">
        <v>117</v>
      </c>
      <c r="D4819" t="s">
        <v>118</v>
      </c>
      <c r="E4819">
        <v>2019</v>
      </c>
      <c r="F4819">
        <v>2019</v>
      </c>
      <c r="G4819" t="s">
        <v>125</v>
      </c>
      <c r="H4819" t="s">
        <v>124</v>
      </c>
      <c r="I4819" t="s">
        <v>15</v>
      </c>
      <c r="J4819" s="10">
        <v>2.280262928</v>
      </c>
    </row>
    <row r="4820" spans="1:10" x14ac:dyDescent="0.35">
      <c r="A4820" t="s">
        <v>26</v>
      </c>
      <c r="B4820" t="s">
        <v>31</v>
      </c>
      <c r="C4820" t="s">
        <v>117</v>
      </c>
      <c r="D4820" t="s">
        <v>118</v>
      </c>
      <c r="E4820">
        <v>2019</v>
      </c>
      <c r="F4820">
        <v>2019</v>
      </c>
      <c r="G4820" t="s">
        <v>126</v>
      </c>
      <c r="H4820" t="s">
        <v>119</v>
      </c>
      <c r="I4820" t="s">
        <v>15</v>
      </c>
      <c r="J4820" s="10">
        <v>15.20239711</v>
      </c>
    </row>
    <row r="4821" spans="1:10" x14ac:dyDescent="0.35">
      <c r="A4821" t="s">
        <v>26</v>
      </c>
      <c r="B4821" t="s">
        <v>31</v>
      </c>
      <c r="C4821" t="s">
        <v>117</v>
      </c>
      <c r="D4821" t="s">
        <v>118</v>
      </c>
      <c r="E4821">
        <v>2019</v>
      </c>
      <c r="F4821">
        <v>2019</v>
      </c>
      <c r="G4821" t="s">
        <v>126</v>
      </c>
      <c r="H4821" t="s">
        <v>120</v>
      </c>
      <c r="I4821" t="s">
        <v>15</v>
      </c>
      <c r="J4821" s="10">
        <v>8.1156716420000006</v>
      </c>
    </row>
    <row r="4822" spans="1:10" x14ac:dyDescent="0.35">
      <c r="A4822" t="s">
        <v>26</v>
      </c>
      <c r="B4822" t="s">
        <v>31</v>
      </c>
      <c r="C4822" t="s">
        <v>117</v>
      </c>
      <c r="D4822" t="s">
        <v>118</v>
      </c>
      <c r="E4822">
        <v>2019</v>
      </c>
      <c r="F4822">
        <v>2019</v>
      </c>
      <c r="G4822" t="s">
        <v>126</v>
      </c>
      <c r="H4822" t="s">
        <v>121</v>
      </c>
      <c r="I4822" t="s">
        <v>15</v>
      </c>
      <c r="J4822" s="10">
        <v>26.964608770000002</v>
      </c>
    </row>
    <row r="4823" spans="1:10" x14ac:dyDescent="0.35">
      <c r="A4823" t="s">
        <v>26</v>
      </c>
      <c r="B4823" t="s">
        <v>31</v>
      </c>
      <c r="C4823" t="s">
        <v>117</v>
      </c>
      <c r="D4823" t="s">
        <v>118</v>
      </c>
      <c r="E4823">
        <v>2019</v>
      </c>
      <c r="F4823">
        <v>2019</v>
      </c>
      <c r="G4823" t="s">
        <v>126</v>
      </c>
      <c r="H4823" t="s">
        <v>122</v>
      </c>
      <c r="I4823" t="s">
        <v>15</v>
      </c>
      <c r="J4823" s="10">
        <v>23.609226589999999</v>
      </c>
    </row>
    <row r="4824" spans="1:10" x14ac:dyDescent="0.35">
      <c r="A4824" t="s">
        <v>26</v>
      </c>
      <c r="B4824" t="s">
        <v>31</v>
      </c>
      <c r="C4824" t="s">
        <v>117</v>
      </c>
      <c r="D4824" t="s">
        <v>118</v>
      </c>
      <c r="E4824">
        <v>2019</v>
      </c>
      <c r="F4824">
        <v>2019</v>
      </c>
      <c r="G4824" t="s">
        <v>126</v>
      </c>
      <c r="H4824" t="s">
        <v>123</v>
      </c>
      <c r="I4824" t="s">
        <v>15</v>
      </c>
      <c r="J4824" s="10">
        <v>22.436114880000002</v>
      </c>
    </row>
    <row r="4825" spans="1:10" x14ac:dyDescent="0.35">
      <c r="A4825" t="s">
        <v>26</v>
      </c>
      <c r="B4825" t="s">
        <v>31</v>
      </c>
      <c r="C4825" t="s">
        <v>117</v>
      </c>
      <c r="D4825" t="s">
        <v>118</v>
      </c>
      <c r="E4825">
        <v>2019</v>
      </c>
      <c r="F4825">
        <v>2019</v>
      </c>
      <c r="G4825" t="s">
        <v>126</v>
      </c>
      <c r="H4825" t="s">
        <v>124</v>
      </c>
      <c r="I4825" t="s">
        <v>15</v>
      </c>
      <c r="J4825" s="10">
        <v>3.671981004</v>
      </c>
    </row>
    <row r="4826" spans="1:10" x14ac:dyDescent="0.35">
      <c r="A4826" t="s">
        <v>26</v>
      </c>
      <c r="B4826" t="s">
        <v>31</v>
      </c>
      <c r="C4826" t="s">
        <v>117</v>
      </c>
      <c r="D4826" t="s">
        <v>118</v>
      </c>
      <c r="E4826">
        <v>2018</v>
      </c>
      <c r="F4826">
        <v>2018</v>
      </c>
      <c r="G4826" t="s">
        <v>14</v>
      </c>
      <c r="H4826" t="s">
        <v>119</v>
      </c>
      <c r="I4826" t="s">
        <v>15</v>
      </c>
      <c r="J4826" s="10">
        <v>16.026201499999999</v>
      </c>
    </row>
    <row r="4827" spans="1:10" x14ac:dyDescent="0.35">
      <c r="A4827" t="s">
        <v>26</v>
      </c>
      <c r="B4827" t="s">
        <v>31</v>
      </c>
      <c r="C4827" t="s">
        <v>117</v>
      </c>
      <c r="D4827" t="s">
        <v>118</v>
      </c>
      <c r="E4827">
        <v>2018</v>
      </c>
      <c r="F4827">
        <v>2018</v>
      </c>
      <c r="G4827" t="s">
        <v>14</v>
      </c>
      <c r="H4827" t="s">
        <v>120</v>
      </c>
      <c r="I4827" t="s">
        <v>15</v>
      </c>
      <c r="J4827" s="10">
        <v>9.1518912950000004</v>
      </c>
    </row>
    <row r="4828" spans="1:10" x14ac:dyDescent="0.35">
      <c r="A4828" t="s">
        <v>26</v>
      </c>
      <c r="B4828" t="s">
        <v>31</v>
      </c>
      <c r="C4828" t="s">
        <v>117</v>
      </c>
      <c r="D4828" t="s">
        <v>118</v>
      </c>
      <c r="E4828">
        <v>2018</v>
      </c>
      <c r="F4828">
        <v>2018</v>
      </c>
      <c r="G4828" t="s">
        <v>14</v>
      </c>
      <c r="H4828" t="s">
        <v>121</v>
      </c>
      <c r="I4828" t="s">
        <v>15</v>
      </c>
      <c r="J4828" s="10">
        <v>26.492467789999999</v>
      </c>
    </row>
    <row r="4829" spans="1:10" x14ac:dyDescent="0.35">
      <c r="A4829" t="s">
        <v>26</v>
      </c>
      <c r="B4829" t="s">
        <v>31</v>
      </c>
      <c r="C4829" t="s">
        <v>117</v>
      </c>
      <c r="D4829" t="s">
        <v>118</v>
      </c>
      <c r="E4829">
        <v>2018</v>
      </c>
      <c r="F4829">
        <v>2018</v>
      </c>
      <c r="G4829" t="s">
        <v>14</v>
      </c>
      <c r="H4829" t="s">
        <v>122</v>
      </c>
      <c r="I4829" t="s">
        <v>15</v>
      </c>
      <c r="J4829" s="10">
        <v>23.608582850000001</v>
      </c>
    </row>
    <row r="4830" spans="1:10" x14ac:dyDescent="0.35">
      <c r="A4830" t="s">
        <v>26</v>
      </c>
      <c r="B4830" t="s">
        <v>31</v>
      </c>
      <c r="C4830" t="s">
        <v>117</v>
      </c>
      <c r="D4830" t="s">
        <v>118</v>
      </c>
      <c r="E4830">
        <v>2018</v>
      </c>
      <c r="F4830">
        <v>2018</v>
      </c>
      <c r="G4830" t="s">
        <v>14</v>
      </c>
      <c r="H4830" t="s">
        <v>123</v>
      </c>
      <c r="I4830" t="s">
        <v>15</v>
      </c>
      <c r="J4830" s="10">
        <v>21.857038429999999</v>
      </c>
    </row>
    <row r="4831" spans="1:10" x14ac:dyDescent="0.35">
      <c r="A4831" t="s">
        <v>26</v>
      </c>
      <c r="B4831" t="s">
        <v>31</v>
      </c>
      <c r="C4831" t="s">
        <v>117</v>
      </c>
      <c r="D4831" t="s">
        <v>118</v>
      </c>
      <c r="E4831">
        <v>2018</v>
      </c>
      <c r="F4831">
        <v>2018</v>
      </c>
      <c r="G4831" t="s">
        <v>14</v>
      </c>
      <c r="H4831" t="s">
        <v>124</v>
      </c>
      <c r="I4831" t="s">
        <v>15</v>
      </c>
      <c r="J4831" s="10">
        <v>2.8638181380000001</v>
      </c>
    </row>
    <row r="4832" spans="1:10" x14ac:dyDescent="0.35">
      <c r="A4832" t="s">
        <v>26</v>
      </c>
      <c r="B4832" t="s">
        <v>31</v>
      </c>
      <c r="C4832" t="s">
        <v>117</v>
      </c>
      <c r="D4832" t="s">
        <v>118</v>
      </c>
      <c r="E4832">
        <v>2018</v>
      </c>
      <c r="F4832">
        <v>2018</v>
      </c>
      <c r="G4832" t="s">
        <v>125</v>
      </c>
      <c r="H4832" t="s">
        <v>119</v>
      </c>
      <c r="I4832" t="s">
        <v>15</v>
      </c>
      <c r="J4832" s="10">
        <v>16.685591169999999</v>
      </c>
    </row>
    <row r="4833" spans="1:10" x14ac:dyDescent="0.35">
      <c r="A4833" t="s">
        <v>26</v>
      </c>
      <c r="B4833" t="s">
        <v>31</v>
      </c>
      <c r="C4833" t="s">
        <v>117</v>
      </c>
      <c r="D4833" t="s">
        <v>118</v>
      </c>
      <c r="E4833">
        <v>2018</v>
      </c>
      <c r="F4833">
        <v>2018</v>
      </c>
      <c r="G4833" t="s">
        <v>125</v>
      </c>
      <c r="H4833" t="s">
        <v>120</v>
      </c>
      <c r="I4833" t="s">
        <v>15</v>
      </c>
      <c r="J4833" s="10">
        <v>9.9950505140000008</v>
      </c>
    </row>
    <row r="4834" spans="1:10" x14ac:dyDescent="0.35">
      <c r="A4834" t="s">
        <v>26</v>
      </c>
      <c r="B4834" t="s">
        <v>31</v>
      </c>
      <c r="C4834" t="s">
        <v>117</v>
      </c>
      <c r="D4834" t="s">
        <v>118</v>
      </c>
      <c r="E4834">
        <v>2018</v>
      </c>
      <c r="F4834">
        <v>2018</v>
      </c>
      <c r="G4834" t="s">
        <v>125</v>
      </c>
      <c r="H4834" t="s">
        <v>121</v>
      </c>
      <c r="I4834" t="s">
        <v>15</v>
      </c>
      <c r="J4834" s="10">
        <v>25.973156320000001</v>
      </c>
    </row>
    <row r="4835" spans="1:10" x14ac:dyDescent="0.35">
      <c r="A4835" t="s">
        <v>26</v>
      </c>
      <c r="B4835" t="s">
        <v>31</v>
      </c>
      <c r="C4835" t="s">
        <v>117</v>
      </c>
      <c r="D4835" t="s">
        <v>118</v>
      </c>
      <c r="E4835">
        <v>2018</v>
      </c>
      <c r="F4835">
        <v>2018</v>
      </c>
      <c r="G4835" t="s">
        <v>125</v>
      </c>
      <c r="H4835" t="s">
        <v>122</v>
      </c>
      <c r="I4835" t="s">
        <v>15</v>
      </c>
      <c r="J4835" s="10">
        <v>23.780825109999999</v>
      </c>
    </row>
    <row r="4836" spans="1:10" x14ac:dyDescent="0.35">
      <c r="A4836" t="s">
        <v>26</v>
      </c>
      <c r="B4836" t="s">
        <v>31</v>
      </c>
      <c r="C4836" t="s">
        <v>117</v>
      </c>
      <c r="D4836" t="s">
        <v>118</v>
      </c>
      <c r="E4836">
        <v>2018</v>
      </c>
      <c r="F4836">
        <v>2018</v>
      </c>
      <c r="G4836" t="s">
        <v>125</v>
      </c>
      <c r="H4836" t="s">
        <v>123</v>
      </c>
      <c r="I4836" t="s">
        <v>15</v>
      </c>
      <c r="J4836" s="10">
        <v>21.437097850000001</v>
      </c>
    </row>
    <row r="4837" spans="1:10" x14ac:dyDescent="0.35">
      <c r="A4837" t="s">
        <v>26</v>
      </c>
      <c r="B4837" t="s">
        <v>31</v>
      </c>
      <c r="C4837" t="s">
        <v>117</v>
      </c>
      <c r="D4837" t="s">
        <v>118</v>
      </c>
      <c r="E4837">
        <v>2018</v>
      </c>
      <c r="F4837">
        <v>2018</v>
      </c>
      <c r="G4837" t="s">
        <v>125</v>
      </c>
      <c r="H4837" t="s">
        <v>124</v>
      </c>
      <c r="I4837" t="s">
        <v>15</v>
      </c>
      <c r="J4837" s="10">
        <v>2.1282790349999998</v>
      </c>
    </row>
    <row r="4838" spans="1:10" x14ac:dyDescent="0.35">
      <c r="A4838" t="s">
        <v>26</v>
      </c>
      <c r="B4838" t="s">
        <v>31</v>
      </c>
      <c r="C4838" t="s">
        <v>117</v>
      </c>
      <c r="D4838" t="s">
        <v>118</v>
      </c>
      <c r="E4838">
        <v>2018</v>
      </c>
      <c r="F4838">
        <v>2018</v>
      </c>
      <c r="G4838" t="s">
        <v>126</v>
      </c>
      <c r="H4838" t="s">
        <v>119</v>
      </c>
      <c r="I4838" t="s">
        <v>15</v>
      </c>
      <c r="J4838" s="10">
        <v>15.38678713</v>
      </c>
    </row>
    <row r="4839" spans="1:10" x14ac:dyDescent="0.35">
      <c r="A4839" t="s">
        <v>26</v>
      </c>
      <c r="B4839" t="s">
        <v>31</v>
      </c>
      <c r="C4839" t="s">
        <v>117</v>
      </c>
      <c r="D4839" t="s">
        <v>118</v>
      </c>
      <c r="E4839">
        <v>2018</v>
      </c>
      <c r="F4839">
        <v>2018</v>
      </c>
      <c r="G4839" t="s">
        <v>126</v>
      </c>
      <c r="H4839" t="s">
        <v>120</v>
      </c>
      <c r="I4839" t="s">
        <v>15</v>
      </c>
      <c r="J4839" s="10">
        <v>8.3342744209999999</v>
      </c>
    </row>
    <row r="4840" spans="1:10" x14ac:dyDescent="0.35">
      <c r="A4840" t="s">
        <v>26</v>
      </c>
      <c r="B4840" t="s">
        <v>31</v>
      </c>
      <c r="C4840" t="s">
        <v>117</v>
      </c>
      <c r="D4840" t="s">
        <v>118</v>
      </c>
      <c r="E4840">
        <v>2018</v>
      </c>
      <c r="F4840">
        <v>2018</v>
      </c>
      <c r="G4840" t="s">
        <v>126</v>
      </c>
      <c r="H4840" t="s">
        <v>121</v>
      </c>
      <c r="I4840" t="s">
        <v>15</v>
      </c>
      <c r="J4840" s="10">
        <v>26.996047430000001</v>
      </c>
    </row>
    <row r="4841" spans="1:10" x14ac:dyDescent="0.35">
      <c r="A4841" t="s">
        <v>26</v>
      </c>
      <c r="B4841" t="s">
        <v>31</v>
      </c>
      <c r="C4841" t="s">
        <v>117</v>
      </c>
      <c r="D4841" t="s">
        <v>118</v>
      </c>
      <c r="E4841">
        <v>2018</v>
      </c>
      <c r="F4841">
        <v>2018</v>
      </c>
      <c r="G4841" t="s">
        <v>126</v>
      </c>
      <c r="H4841" t="s">
        <v>122</v>
      </c>
      <c r="I4841" t="s">
        <v>15</v>
      </c>
      <c r="J4841" s="10">
        <v>23.441558440000001</v>
      </c>
    </row>
    <row r="4842" spans="1:10" x14ac:dyDescent="0.35">
      <c r="A4842" t="s">
        <v>26</v>
      </c>
      <c r="B4842" t="s">
        <v>31</v>
      </c>
      <c r="C4842" t="s">
        <v>117</v>
      </c>
      <c r="D4842" t="s">
        <v>118</v>
      </c>
      <c r="E4842">
        <v>2018</v>
      </c>
      <c r="F4842">
        <v>2018</v>
      </c>
      <c r="G4842" t="s">
        <v>126</v>
      </c>
      <c r="H4842" t="s">
        <v>123</v>
      </c>
      <c r="I4842" t="s">
        <v>15</v>
      </c>
      <c r="J4842" s="10">
        <v>22.264257480000001</v>
      </c>
    </row>
    <row r="4843" spans="1:10" x14ac:dyDescent="0.35">
      <c r="A4843" t="s">
        <v>26</v>
      </c>
      <c r="B4843" t="s">
        <v>31</v>
      </c>
      <c r="C4843" t="s">
        <v>117</v>
      </c>
      <c r="D4843" t="s">
        <v>118</v>
      </c>
      <c r="E4843">
        <v>2018</v>
      </c>
      <c r="F4843">
        <v>2018</v>
      </c>
      <c r="G4843" t="s">
        <v>126</v>
      </c>
      <c r="H4843" t="s">
        <v>124</v>
      </c>
      <c r="I4843" t="s">
        <v>15</v>
      </c>
      <c r="J4843" s="10">
        <v>3.577075099</v>
      </c>
    </row>
    <row r="4844" spans="1:10" x14ac:dyDescent="0.35">
      <c r="A4844" t="s">
        <v>26</v>
      </c>
      <c r="B4844" t="s">
        <v>31</v>
      </c>
      <c r="C4844" t="s">
        <v>117</v>
      </c>
      <c r="D4844" t="s">
        <v>118</v>
      </c>
      <c r="E4844">
        <v>2017</v>
      </c>
      <c r="F4844">
        <v>2017</v>
      </c>
      <c r="G4844" t="s">
        <v>14</v>
      </c>
      <c r="H4844" t="s">
        <v>119</v>
      </c>
      <c r="I4844" t="s">
        <v>15</v>
      </c>
      <c r="J4844" s="10">
        <v>16.185376609999999</v>
      </c>
    </row>
    <row r="4845" spans="1:10" x14ac:dyDescent="0.35">
      <c r="A4845" t="s">
        <v>26</v>
      </c>
      <c r="B4845" t="s">
        <v>31</v>
      </c>
      <c r="C4845" t="s">
        <v>117</v>
      </c>
      <c r="D4845" t="s">
        <v>118</v>
      </c>
      <c r="E4845">
        <v>2017</v>
      </c>
      <c r="F4845">
        <v>2017</v>
      </c>
      <c r="G4845" t="s">
        <v>14</v>
      </c>
      <c r="H4845" t="s">
        <v>120</v>
      </c>
      <c r="I4845" t="s">
        <v>15</v>
      </c>
      <c r="J4845" s="10">
        <v>9.1313871750000004</v>
      </c>
    </row>
    <row r="4846" spans="1:10" x14ac:dyDescent="0.35">
      <c r="A4846" t="s">
        <v>26</v>
      </c>
      <c r="B4846" t="s">
        <v>31</v>
      </c>
      <c r="C4846" t="s">
        <v>117</v>
      </c>
      <c r="D4846" t="s">
        <v>118</v>
      </c>
      <c r="E4846">
        <v>2017</v>
      </c>
      <c r="F4846">
        <v>2017</v>
      </c>
      <c r="G4846" t="s">
        <v>14</v>
      </c>
      <c r="H4846" t="s">
        <v>121</v>
      </c>
      <c r="I4846" t="s">
        <v>15</v>
      </c>
      <c r="J4846" s="10">
        <v>26.83293484</v>
      </c>
    </row>
    <row r="4847" spans="1:10" x14ac:dyDescent="0.35">
      <c r="A4847" t="s">
        <v>26</v>
      </c>
      <c r="B4847" t="s">
        <v>31</v>
      </c>
      <c r="C4847" t="s">
        <v>117</v>
      </c>
      <c r="D4847" t="s">
        <v>118</v>
      </c>
      <c r="E4847">
        <v>2017</v>
      </c>
      <c r="F4847">
        <v>2017</v>
      </c>
      <c r="G4847" t="s">
        <v>14</v>
      </c>
      <c r="H4847" t="s">
        <v>122</v>
      </c>
      <c r="I4847" t="s">
        <v>15</v>
      </c>
      <c r="J4847" s="10">
        <v>23.477028359999998</v>
      </c>
    </row>
    <row r="4848" spans="1:10" x14ac:dyDescent="0.35">
      <c r="A4848" t="s">
        <v>26</v>
      </c>
      <c r="B4848" t="s">
        <v>31</v>
      </c>
      <c r="C4848" t="s">
        <v>117</v>
      </c>
      <c r="D4848" t="s">
        <v>118</v>
      </c>
      <c r="E4848">
        <v>2017</v>
      </c>
      <c r="F4848">
        <v>2017</v>
      </c>
      <c r="G4848" t="s">
        <v>14</v>
      </c>
      <c r="H4848" t="s">
        <v>123</v>
      </c>
      <c r="I4848" t="s">
        <v>15</v>
      </c>
      <c r="J4848" s="10">
        <v>21.562844500000001</v>
      </c>
    </row>
    <row r="4849" spans="1:10" x14ac:dyDescent="0.35">
      <c r="A4849" t="s">
        <v>26</v>
      </c>
      <c r="B4849" t="s">
        <v>31</v>
      </c>
      <c r="C4849" t="s">
        <v>117</v>
      </c>
      <c r="D4849" t="s">
        <v>118</v>
      </c>
      <c r="E4849">
        <v>2017</v>
      </c>
      <c r="F4849">
        <v>2017</v>
      </c>
      <c r="G4849" t="s">
        <v>14</v>
      </c>
      <c r="H4849" t="s">
        <v>124</v>
      </c>
      <c r="I4849" t="s">
        <v>15</v>
      </c>
      <c r="J4849" s="10">
        <v>2.8104285080000002</v>
      </c>
    </row>
    <row r="4850" spans="1:10" x14ac:dyDescent="0.35">
      <c r="A4850" t="s">
        <v>26</v>
      </c>
      <c r="B4850" t="s">
        <v>31</v>
      </c>
      <c r="C4850" t="s">
        <v>117</v>
      </c>
      <c r="D4850" t="s">
        <v>118</v>
      </c>
      <c r="E4850">
        <v>2017</v>
      </c>
      <c r="F4850">
        <v>2017</v>
      </c>
      <c r="G4850" t="s">
        <v>125</v>
      </c>
      <c r="H4850" t="s">
        <v>119</v>
      </c>
      <c r="I4850" t="s">
        <v>15</v>
      </c>
      <c r="J4850" s="10">
        <v>16.799488100000001</v>
      </c>
    </row>
    <row r="4851" spans="1:10" x14ac:dyDescent="0.35">
      <c r="A4851" t="s">
        <v>26</v>
      </c>
      <c r="B4851" t="s">
        <v>31</v>
      </c>
      <c r="C4851" t="s">
        <v>117</v>
      </c>
      <c r="D4851" t="s">
        <v>118</v>
      </c>
      <c r="E4851">
        <v>2017</v>
      </c>
      <c r="F4851">
        <v>2017</v>
      </c>
      <c r="G4851" t="s">
        <v>125</v>
      </c>
      <c r="H4851" t="s">
        <v>120</v>
      </c>
      <c r="I4851" t="s">
        <v>15</v>
      </c>
      <c r="J4851" s="10">
        <v>10.10994125</v>
      </c>
    </row>
    <row r="4852" spans="1:10" x14ac:dyDescent="0.35">
      <c r="A4852" t="s">
        <v>26</v>
      </c>
      <c r="B4852" t="s">
        <v>31</v>
      </c>
      <c r="C4852" t="s">
        <v>117</v>
      </c>
      <c r="D4852" t="s">
        <v>118</v>
      </c>
      <c r="E4852">
        <v>2017</v>
      </c>
      <c r="F4852">
        <v>2017</v>
      </c>
      <c r="G4852" t="s">
        <v>125</v>
      </c>
      <c r="H4852" t="s">
        <v>121</v>
      </c>
      <c r="I4852" t="s">
        <v>15</v>
      </c>
      <c r="J4852" s="10">
        <v>26.22884067</v>
      </c>
    </row>
    <row r="4853" spans="1:10" x14ac:dyDescent="0.35">
      <c r="A4853" t="s">
        <v>26</v>
      </c>
      <c r="B4853" t="s">
        <v>31</v>
      </c>
      <c r="C4853" t="s">
        <v>117</v>
      </c>
      <c r="D4853" t="s">
        <v>118</v>
      </c>
      <c r="E4853">
        <v>2017</v>
      </c>
      <c r="F4853">
        <v>2017</v>
      </c>
      <c r="G4853" t="s">
        <v>125</v>
      </c>
      <c r="H4853" t="s">
        <v>122</v>
      </c>
      <c r="I4853" t="s">
        <v>15</v>
      </c>
      <c r="J4853" s="10">
        <v>23.651910879999999</v>
      </c>
    </row>
    <row r="4854" spans="1:10" x14ac:dyDescent="0.35">
      <c r="A4854" t="s">
        <v>26</v>
      </c>
      <c r="B4854" t="s">
        <v>31</v>
      </c>
      <c r="C4854" t="s">
        <v>117</v>
      </c>
      <c r="D4854" t="s">
        <v>118</v>
      </c>
      <c r="E4854">
        <v>2017</v>
      </c>
      <c r="F4854">
        <v>2017</v>
      </c>
      <c r="G4854" t="s">
        <v>125</v>
      </c>
      <c r="H4854" t="s">
        <v>123</v>
      </c>
      <c r="I4854" t="s">
        <v>15</v>
      </c>
      <c r="J4854" s="10">
        <v>21.185504040000001</v>
      </c>
    </row>
    <row r="4855" spans="1:10" x14ac:dyDescent="0.35">
      <c r="A4855" t="s">
        <v>26</v>
      </c>
      <c r="B4855" t="s">
        <v>31</v>
      </c>
      <c r="C4855" t="s">
        <v>117</v>
      </c>
      <c r="D4855" t="s">
        <v>118</v>
      </c>
      <c r="E4855">
        <v>2017</v>
      </c>
      <c r="F4855">
        <v>2017</v>
      </c>
      <c r="G4855" t="s">
        <v>125</v>
      </c>
      <c r="H4855" t="s">
        <v>124</v>
      </c>
      <c r="I4855" t="s">
        <v>15</v>
      </c>
      <c r="J4855" s="10">
        <v>2.0243150490000001</v>
      </c>
    </row>
    <row r="4856" spans="1:10" x14ac:dyDescent="0.35">
      <c r="A4856" t="s">
        <v>26</v>
      </c>
      <c r="B4856" t="s">
        <v>31</v>
      </c>
      <c r="C4856" t="s">
        <v>117</v>
      </c>
      <c r="D4856" t="s">
        <v>118</v>
      </c>
      <c r="E4856">
        <v>2017</v>
      </c>
      <c r="F4856">
        <v>2017</v>
      </c>
      <c r="G4856" t="s">
        <v>126</v>
      </c>
      <c r="H4856" t="s">
        <v>119</v>
      </c>
      <c r="I4856" t="s">
        <v>15</v>
      </c>
      <c r="J4856" s="10">
        <v>15.590018329999999</v>
      </c>
    </row>
    <row r="4857" spans="1:10" x14ac:dyDescent="0.35">
      <c r="A4857" t="s">
        <v>26</v>
      </c>
      <c r="B4857" t="s">
        <v>31</v>
      </c>
      <c r="C4857" t="s">
        <v>117</v>
      </c>
      <c r="D4857" t="s">
        <v>118</v>
      </c>
      <c r="E4857">
        <v>2017</v>
      </c>
      <c r="F4857">
        <v>2017</v>
      </c>
      <c r="G4857" t="s">
        <v>126</v>
      </c>
      <c r="H4857" t="s">
        <v>120</v>
      </c>
      <c r="I4857" t="s">
        <v>15</v>
      </c>
      <c r="J4857" s="10">
        <v>8.1827153530000007</v>
      </c>
    </row>
    <row r="4858" spans="1:10" x14ac:dyDescent="0.35">
      <c r="A4858" t="s">
        <v>26</v>
      </c>
      <c r="B4858" t="s">
        <v>31</v>
      </c>
      <c r="C4858" t="s">
        <v>117</v>
      </c>
      <c r="D4858" t="s">
        <v>118</v>
      </c>
      <c r="E4858">
        <v>2017</v>
      </c>
      <c r="F4858">
        <v>2017</v>
      </c>
      <c r="G4858" t="s">
        <v>126</v>
      </c>
      <c r="H4858" t="s">
        <v>121</v>
      </c>
      <c r="I4858" t="s">
        <v>15</v>
      </c>
      <c r="J4858" s="10">
        <v>27.418581700000001</v>
      </c>
    </row>
    <row r="4859" spans="1:10" x14ac:dyDescent="0.35">
      <c r="A4859" t="s">
        <v>26</v>
      </c>
      <c r="B4859" t="s">
        <v>31</v>
      </c>
      <c r="C4859" t="s">
        <v>117</v>
      </c>
      <c r="D4859" t="s">
        <v>118</v>
      </c>
      <c r="E4859">
        <v>2017</v>
      </c>
      <c r="F4859">
        <v>2017</v>
      </c>
      <c r="G4859" t="s">
        <v>126</v>
      </c>
      <c r="H4859" t="s">
        <v>122</v>
      </c>
      <c r="I4859" t="s">
        <v>15</v>
      </c>
      <c r="J4859" s="10">
        <v>23.30748625</v>
      </c>
    </row>
    <row r="4860" spans="1:10" x14ac:dyDescent="0.35">
      <c r="A4860" t="s">
        <v>26</v>
      </c>
      <c r="B4860" t="s">
        <v>31</v>
      </c>
      <c r="C4860" t="s">
        <v>117</v>
      </c>
      <c r="D4860" t="s">
        <v>118</v>
      </c>
      <c r="E4860">
        <v>2017</v>
      </c>
      <c r="F4860">
        <v>2017</v>
      </c>
      <c r="G4860" t="s">
        <v>126</v>
      </c>
      <c r="H4860" t="s">
        <v>123</v>
      </c>
      <c r="I4860" t="s">
        <v>15</v>
      </c>
      <c r="J4860" s="10">
        <v>21.928662060000001</v>
      </c>
    </row>
    <row r="4861" spans="1:10" x14ac:dyDescent="0.35">
      <c r="A4861" t="s">
        <v>26</v>
      </c>
      <c r="B4861" t="s">
        <v>31</v>
      </c>
      <c r="C4861" t="s">
        <v>117</v>
      </c>
      <c r="D4861" t="s">
        <v>118</v>
      </c>
      <c r="E4861">
        <v>2017</v>
      </c>
      <c r="F4861">
        <v>2017</v>
      </c>
      <c r="G4861" t="s">
        <v>126</v>
      </c>
      <c r="H4861" t="s">
        <v>124</v>
      </c>
      <c r="I4861" t="s">
        <v>15</v>
      </c>
      <c r="J4861" s="10">
        <v>3.5725363030000001</v>
      </c>
    </row>
    <row r="4862" spans="1:10" x14ac:dyDescent="0.35">
      <c r="A4862" t="s">
        <v>26</v>
      </c>
      <c r="B4862" t="s">
        <v>31</v>
      </c>
      <c r="C4862" t="s">
        <v>117</v>
      </c>
      <c r="D4862" t="s">
        <v>118</v>
      </c>
      <c r="E4862">
        <v>2016</v>
      </c>
      <c r="F4862">
        <v>2016</v>
      </c>
      <c r="G4862" t="s">
        <v>14</v>
      </c>
      <c r="H4862" t="s">
        <v>119</v>
      </c>
      <c r="I4862" t="s">
        <v>15</v>
      </c>
      <c r="J4862" s="10">
        <v>16.45605647</v>
      </c>
    </row>
    <row r="4863" spans="1:10" x14ac:dyDescent="0.35">
      <c r="A4863" t="s">
        <v>26</v>
      </c>
      <c r="B4863" t="s">
        <v>31</v>
      </c>
      <c r="C4863" t="s">
        <v>117</v>
      </c>
      <c r="D4863" t="s">
        <v>118</v>
      </c>
      <c r="E4863">
        <v>2016</v>
      </c>
      <c r="F4863">
        <v>2016</v>
      </c>
      <c r="G4863" t="s">
        <v>14</v>
      </c>
      <c r="H4863" t="s">
        <v>120</v>
      </c>
      <c r="I4863" t="s">
        <v>15</v>
      </c>
      <c r="J4863" s="10">
        <v>9.2455031880000007</v>
      </c>
    </row>
    <row r="4864" spans="1:10" x14ac:dyDescent="0.35">
      <c r="A4864" t="s">
        <v>26</v>
      </c>
      <c r="B4864" t="s">
        <v>31</v>
      </c>
      <c r="C4864" t="s">
        <v>117</v>
      </c>
      <c r="D4864" t="s">
        <v>118</v>
      </c>
      <c r="E4864">
        <v>2016</v>
      </c>
      <c r="F4864">
        <v>2016</v>
      </c>
      <c r="G4864" t="s">
        <v>14</v>
      </c>
      <c r="H4864" t="s">
        <v>121</v>
      </c>
      <c r="I4864" t="s">
        <v>15</v>
      </c>
      <c r="J4864" s="10">
        <v>27.160177600000001</v>
      </c>
    </row>
    <row r="4865" spans="1:10" x14ac:dyDescent="0.35">
      <c r="A4865" t="s">
        <v>26</v>
      </c>
      <c r="B4865" t="s">
        <v>31</v>
      </c>
      <c r="C4865" t="s">
        <v>117</v>
      </c>
      <c r="D4865" t="s">
        <v>118</v>
      </c>
      <c r="E4865">
        <v>2016</v>
      </c>
      <c r="F4865">
        <v>2016</v>
      </c>
      <c r="G4865" t="s">
        <v>14</v>
      </c>
      <c r="H4865" t="s">
        <v>122</v>
      </c>
      <c r="I4865" t="s">
        <v>15</v>
      </c>
      <c r="J4865" s="10">
        <v>23.202698089999998</v>
      </c>
    </row>
    <row r="4866" spans="1:10" x14ac:dyDescent="0.35">
      <c r="A4866" t="s">
        <v>26</v>
      </c>
      <c r="B4866" t="s">
        <v>31</v>
      </c>
      <c r="C4866" t="s">
        <v>117</v>
      </c>
      <c r="D4866" t="s">
        <v>118</v>
      </c>
      <c r="E4866">
        <v>2016</v>
      </c>
      <c r="F4866">
        <v>2016</v>
      </c>
      <c r="G4866" t="s">
        <v>14</v>
      </c>
      <c r="H4866" t="s">
        <v>123</v>
      </c>
      <c r="I4866" t="s">
        <v>15</v>
      </c>
      <c r="J4866" s="10">
        <v>21.230362020000001</v>
      </c>
    </row>
    <row r="4867" spans="1:10" x14ac:dyDescent="0.35">
      <c r="A4867" t="s">
        <v>26</v>
      </c>
      <c r="B4867" t="s">
        <v>31</v>
      </c>
      <c r="C4867" t="s">
        <v>117</v>
      </c>
      <c r="D4867" t="s">
        <v>118</v>
      </c>
      <c r="E4867">
        <v>2016</v>
      </c>
      <c r="F4867">
        <v>2016</v>
      </c>
      <c r="G4867" t="s">
        <v>14</v>
      </c>
      <c r="H4867" t="s">
        <v>124</v>
      </c>
      <c r="I4867" t="s">
        <v>15</v>
      </c>
      <c r="J4867" s="10">
        <v>2.7052026410000001</v>
      </c>
    </row>
    <row r="4868" spans="1:10" x14ac:dyDescent="0.35">
      <c r="A4868" t="s">
        <v>26</v>
      </c>
      <c r="B4868" t="s">
        <v>31</v>
      </c>
      <c r="C4868" t="s">
        <v>117</v>
      </c>
      <c r="D4868" t="s">
        <v>118</v>
      </c>
      <c r="E4868">
        <v>2016</v>
      </c>
      <c r="F4868">
        <v>2016</v>
      </c>
      <c r="G4868" t="s">
        <v>125</v>
      </c>
      <c r="H4868" t="s">
        <v>119</v>
      </c>
      <c r="I4868" t="s">
        <v>15</v>
      </c>
      <c r="J4868" s="10">
        <v>17.026018000000001</v>
      </c>
    </row>
    <row r="4869" spans="1:10" x14ac:dyDescent="0.35">
      <c r="A4869" t="s">
        <v>26</v>
      </c>
      <c r="B4869" t="s">
        <v>31</v>
      </c>
      <c r="C4869" t="s">
        <v>117</v>
      </c>
      <c r="D4869" t="s">
        <v>118</v>
      </c>
      <c r="E4869">
        <v>2016</v>
      </c>
      <c r="F4869">
        <v>2016</v>
      </c>
      <c r="G4869" t="s">
        <v>125</v>
      </c>
      <c r="H4869" t="s">
        <v>120</v>
      </c>
      <c r="I4869" t="s">
        <v>15</v>
      </c>
      <c r="J4869" s="10">
        <v>10.256707090000001</v>
      </c>
    </row>
    <row r="4870" spans="1:10" x14ac:dyDescent="0.35">
      <c r="A4870" t="s">
        <v>26</v>
      </c>
      <c r="B4870" t="s">
        <v>31</v>
      </c>
      <c r="C4870" t="s">
        <v>117</v>
      </c>
      <c r="D4870" t="s">
        <v>118</v>
      </c>
      <c r="E4870">
        <v>2016</v>
      </c>
      <c r="F4870">
        <v>2016</v>
      </c>
      <c r="G4870" t="s">
        <v>125</v>
      </c>
      <c r="H4870" t="s">
        <v>121</v>
      </c>
      <c r="I4870" t="s">
        <v>15</v>
      </c>
      <c r="J4870" s="10">
        <v>26.509999130000001</v>
      </c>
    </row>
    <row r="4871" spans="1:10" x14ac:dyDescent="0.35">
      <c r="A4871" t="s">
        <v>26</v>
      </c>
      <c r="B4871" t="s">
        <v>31</v>
      </c>
      <c r="C4871" t="s">
        <v>117</v>
      </c>
      <c r="D4871" t="s">
        <v>118</v>
      </c>
      <c r="E4871">
        <v>2016</v>
      </c>
      <c r="F4871">
        <v>2016</v>
      </c>
      <c r="G4871" t="s">
        <v>125</v>
      </c>
      <c r="H4871" t="s">
        <v>122</v>
      </c>
      <c r="I4871" t="s">
        <v>15</v>
      </c>
      <c r="J4871" s="10">
        <v>23.462506869999999</v>
      </c>
    </row>
    <row r="4872" spans="1:10" x14ac:dyDescent="0.35">
      <c r="A4872" t="s">
        <v>26</v>
      </c>
      <c r="B4872" t="s">
        <v>31</v>
      </c>
      <c r="C4872" t="s">
        <v>117</v>
      </c>
      <c r="D4872" t="s">
        <v>118</v>
      </c>
      <c r="E4872">
        <v>2016</v>
      </c>
      <c r="F4872">
        <v>2016</v>
      </c>
      <c r="G4872" t="s">
        <v>125</v>
      </c>
      <c r="H4872" t="s">
        <v>123</v>
      </c>
      <c r="I4872" t="s">
        <v>15</v>
      </c>
      <c r="J4872" s="10">
        <v>20.79414233</v>
      </c>
    </row>
    <row r="4873" spans="1:10" x14ac:dyDescent="0.35">
      <c r="A4873" t="s">
        <v>26</v>
      </c>
      <c r="B4873" t="s">
        <v>31</v>
      </c>
      <c r="C4873" t="s">
        <v>117</v>
      </c>
      <c r="D4873" t="s">
        <v>118</v>
      </c>
      <c r="E4873">
        <v>2016</v>
      </c>
      <c r="F4873">
        <v>2016</v>
      </c>
      <c r="G4873" t="s">
        <v>125</v>
      </c>
      <c r="H4873" t="s">
        <v>124</v>
      </c>
      <c r="I4873" t="s">
        <v>15</v>
      </c>
      <c r="J4873" s="10">
        <v>1.9506265739999999</v>
      </c>
    </row>
    <row r="4874" spans="1:10" x14ac:dyDescent="0.35">
      <c r="A4874" t="s">
        <v>26</v>
      </c>
      <c r="B4874" t="s">
        <v>31</v>
      </c>
      <c r="C4874" t="s">
        <v>117</v>
      </c>
      <c r="D4874" t="s">
        <v>118</v>
      </c>
      <c r="E4874">
        <v>2016</v>
      </c>
      <c r="F4874">
        <v>2016</v>
      </c>
      <c r="G4874" t="s">
        <v>126</v>
      </c>
      <c r="H4874" t="s">
        <v>119</v>
      </c>
      <c r="I4874" t="s">
        <v>15</v>
      </c>
      <c r="J4874" s="10">
        <v>15.90470058</v>
      </c>
    </row>
    <row r="4875" spans="1:10" x14ac:dyDescent="0.35">
      <c r="A4875" t="s">
        <v>26</v>
      </c>
      <c r="B4875" t="s">
        <v>31</v>
      </c>
      <c r="C4875" t="s">
        <v>117</v>
      </c>
      <c r="D4875" t="s">
        <v>118</v>
      </c>
      <c r="E4875">
        <v>2016</v>
      </c>
      <c r="F4875">
        <v>2016</v>
      </c>
      <c r="G4875" t="s">
        <v>126</v>
      </c>
      <c r="H4875" t="s">
        <v>120</v>
      </c>
      <c r="I4875" t="s">
        <v>15</v>
      </c>
      <c r="J4875" s="10">
        <v>8.2673087150000004</v>
      </c>
    </row>
    <row r="4876" spans="1:10" x14ac:dyDescent="0.35">
      <c r="A4876" t="s">
        <v>26</v>
      </c>
      <c r="B4876" t="s">
        <v>31</v>
      </c>
      <c r="C4876" t="s">
        <v>117</v>
      </c>
      <c r="D4876" t="s">
        <v>118</v>
      </c>
      <c r="E4876">
        <v>2016</v>
      </c>
      <c r="F4876">
        <v>2016</v>
      </c>
      <c r="G4876" t="s">
        <v>126</v>
      </c>
      <c r="H4876" t="s">
        <v>121</v>
      </c>
      <c r="I4876" t="s">
        <v>15</v>
      </c>
      <c r="J4876" s="10">
        <v>27.789131829999999</v>
      </c>
    </row>
    <row r="4877" spans="1:10" x14ac:dyDescent="0.35">
      <c r="A4877" t="s">
        <v>26</v>
      </c>
      <c r="B4877" t="s">
        <v>31</v>
      </c>
      <c r="C4877" t="s">
        <v>117</v>
      </c>
      <c r="D4877" t="s">
        <v>118</v>
      </c>
      <c r="E4877">
        <v>2016</v>
      </c>
      <c r="F4877">
        <v>2016</v>
      </c>
      <c r="G4877" t="s">
        <v>126</v>
      </c>
      <c r="H4877" t="s">
        <v>122</v>
      </c>
      <c r="I4877" t="s">
        <v>15</v>
      </c>
      <c r="J4877" s="10">
        <v>22.95137042</v>
      </c>
    </row>
    <row r="4878" spans="1:10" x14ac:dyDescent="0.35">
      <c r="A4878" t="s">
        <v>26</v>
      </c>
      <c r="B4878" t="s">
        <v>31</v>
      </c>
      <c r="C4878" t="s">
        <v>117</v>
      </c>
      <c r="D4878" t="s">
        <v>118</v>
      </c>
      <c r="E4878">
        <v>2016</v>
      </c>
      <c r="F4878">
        <v>2016</v>
      </c>
      <c r="G4878" t="s">
        <v>126</v>
      </c>
      <c r="H4878" t="s">
        <v>123</v>
      </c>
      <c r="I4878" t="s">
        <v>15</v>
      </c>
      <c r="J4878" s="10">
        <v>21.652341889999999</v>
      </c>
    </row>
    <row r="4879" spans="1:10" x14ac:dyDescent="0.35">
      <c r="A4879" t="s">
        <v>26</v>
      </c>
      <c r="B4879" t="s">
        <v>31</v>
      </c>
      <c r="C4879" t="s">
        <v>117</v>
      </c>
      <c r="D4879" t="s">
        <v>118</v>
      </c>
      <c r="E4879">
        <v>2016</v>
      </c>
      <c r="F4879">
        <v>2016</v>
      </c>
      <c r="G4879" t="s">
        <v>126</v>
      </c>
      <c r="H4879" t="s">
        <v>124</v>
      </c>
      <c r="I4879" t="s">
        <v>15</v>
      </c>
      <c r="J4879" s="10">
        <v>3.4351465609999998</v>
      </c>
    </row>
    <row r="4880" spans="1:10" x14ac:dyDescent="0.35">
      <c r="A4880" t="s">
        <v>26</v>
      </c>
      <c r="B4880" t="s">
        <v>31</v>
      </c>
      <c r="C4880" t="s">
        <v>117</v>
      </c>
      <c r="D4880" t="s">
        <v>118</v>
      </c>
      <c r="E4880">
        <v>2015</v>
      </c>
      <c r="F4880">
        <v>2015</v>
      </c>
      <c r="G4880" t="s">
        <v>14</v>
      </c>
      <c r="H4880" t="s">
        <v>119</v>
      </c>
      <c r="I4880" t="s">
        <v>15</v>
      </c>
      <c r="J4880" s="10">
        <v>16.564888759999999</v>
      </c>
    </row>
    <row r="4881" spans="1:10" x14ac:dyDescent="0.35">
      <c r="A4881" t="s">
        <v>26</v>
      </c>
      <c r="B4881" t="s">
        <v>31</v>
      </c>
      <c r="C4881" t="s">
        <v>117</v>
      </c>
      <c r="D4881" t="s">
        <v>118</v>
      </c>
      <c r="E4881">
        <v>2015</v>
      </c>
      <c r="F4881">
        <v>2015</v>
      </c>
      <c r="G4881" t="s">
        <v>14</v>
      </c>
      <c r="H4881" t="s">
        <v>120</v>
      </c>
      <c r="I4881" t="s">
        <v>15</v>
      </c>
      <c r="J4881" s="10">
        <v>9.2439965270000002</v>
      </c>
    </row>
    <row r="4882" spans="1:10" x14ac:dyDescent="0.35">
      <c r="A4882" t="s">
        <v>26</v>
      </c>
      <c r="B4882" t="s">
        <v>31</v>
      </c>
      <c r="C4882" t="s">
        <v>117</v>
      </c>
      <c r="D4882" t="s">
        <v>118</v>
      </c>
      <c r="E4882">
        <v>2015</v>
      </c>
      <c r="F4882">
        <v>2015</v>
      </c>
      <c r="G4882" t="s">
        <v>14</v>
      </c>
      <c r="H4882" t="s">
        <v>121</v>
      </c>
      <c r="I4882" t="s">
        <v>15</v>
      </c>
      <c r="J4882" s="10">
        <v>27.733413049999999</v>
      </c>
    </row>
    <row r="4883" spans="1:10" x14ac:dyDescent="0.35">
      <c r="A4883" t="s">
        <v>26</v>
      </c>
      <c r="B4883" t="s">
        <v>31</v>
      </c>
      <c r="C4883" t="s">
        <v>117</v>
      </c>
      <c r="D4883" t="s">
        <v>118</v>
      </c>
      <c r="E4883">
        <v>2015</v>
      </c>
      <c r="F4883">
        <v>2015</v>
      </c>
      <c r="G4883" t="s">
        <v>14</v>
      </c>
      <c r="H4883" t="s">
        <v>122</v>
      </c>
      <c r="I4883" t="s">
        <v>15</v>
      </c>
      <c r="J4883" s="10">
        <v>22.942022179999999</v>
      </c>
    </row>
    <row r="4884" spans="1:10" x14ac:dyDescent="0.35">
      <c r="A4884" t="s">
        <v>26</v>
      </c>
      <c r="B4884" t="s">
        <v>31</v>
      </c>
      <c r="C4884" t="s">
        <v>117</v>
      </c>
      <c r="D4884" t="s">
        <v>118</v>
      </c>
      <c r="E4884">
        <v>2015</v>
      </c>
      <c r="F4884">
        <v>2015</v>
      </c>
      <c r="G4884" t="s">
        <v>14</v>
      </c>
      <c r="H4884" t="s">
        <v>123</v>
      </c>
      <c r="I4884" t="s">
        <v>15</v>
      </c>
      <c r="J4884" s="10">
        <v>20.89934663</v>
      </c>
    </row>
    <row r="4885" spans="1:10" x14ac:dyDescent="0.35">
      <c r="A4885" t="s">
        <v>26</v>
      </c>
      <c r="B4885" t="s">
        <v>31</v>
      </c>
      <c r="C4885" t="s">
        <v>117</v>
      </c>
      <c r="D4885" t="s">
        <v>118</v>
      </c>
      <c r="E4885">
        <v>2015</v>
      </c>
      <c r="F4885">
        <v>2015</v>
      </c>
      <c r="G4885" t="s">
        <v>14</v>
      </c>
      <c r="H4885" t="s">
        <v>124</v>
      </c>
      <c r="I4885" t="s">
        <v>15</v>
      </c>
      <c r="J4885" s="10">
        <v>2.6163328639999999</v>
      </c>
    </row>
    <row r="4886" spans="1:10" x14ac:dyDescent="0.35">
      <c r="A4886" t="s">
        <v>26</v>
      </c>
      <c r="B4886" t="s">
        <v>31</v>
      </c>
      <c r="C4886" t="s">
        <v>117</v>
      </c>
      <c r="D4886" t="s">
        <v>118</v>
      </c>
      <c r="E4886">
        <v>2015</v>
      </c>
      <c r="F4886">
        <v>2015</v>
      </c>
      <c r="G4886" t="s">
        <v>125</v>
      </c>
      <c r="H4886" t="s">
        <v>119</v>
      </c>
      <c r="I4886" t="s">
        <v>15</v>
      </c>
      <c r="J4886" s="10">
        <v>17.286202299999999</v>
      </c>
    </row>
    <row r="4887" spans="1:10" x14ac:dyDescent="0.35">
      <c r="A4887" t="s">
        <v>26</v>
      </c>
      <c r="B4887" t="s">
        <v>31</v>
      </c>
      <c r="C4887" t="s">
        <v>117</v>
      </c>
      <c r="D4887" t="s">
        <v>118</v>
      </c>
      <c r="E4887">
        <v>2015</v>
      </c>
      <c r="F4887">
        <v>2015</v>
      </c>
      <c r="G4887" t="s">
        <v>125</v>
      </c>
      <c r="H4887" t="s">
        <v>120</v>
      </c>
      <c r="I4887" t="s">
        <v>15</v>
      </c>
      <c r="J4887" s="10">
        <v>10.207862889999999</v>
      </c>
    </row>
    <row r="4888" spans="1:10" x14ac:dyDescent="0.35">
      <c r="A4888" t="s">
        <v>26</v>
      </c>
      <c r="B4888" t="s">
        <v>31</v>
      </c>
      <c r="C4888" t="s">
        <v>117</v>
      </c>
      <c r="D4888" t="s">
        <v>118</v>
      </c>
      <c r="E4888">
        <v>2015</v>
      </c>
      <c r="F4888">
        <v>2015</v>
      </c>
      <c r="G4888" t="s">
        <v>125</v>
      </c>
      <c r="H4888" t="s">
        <v>121</v>
      </c>
      <c r="I4888" t="s">
        <v>15</v>
      </c>
      <c r="J4888" s="10">
        <v>27.088761510000001</v>
      </c>
    </row>
    <row r="4889" spans="1:10" x14ac:dyDescent="0.35">
      <c r="A4889" t="s">
        <v>26</v>
      </c>
      <c r="B4889" t="s">
        <v>31</v>
      </c>
      <c r="C4889" t="s">
        <v>117</v>
      </c>
      <c r="D4889" t="s">
        <v>118</v>
      </c>
      <c r="E4889">
        <v>2015</v>
      </c>
      <c r="F4889">
        <v>2015</v>
      </c>
      <c r="G4889" t="s">
        <v>125</v>
      </c>
      <c r="H4889" t="s">
        <v>122</v>
      </c>
      <c r="I4889" t="s">
        <v>15</v>
      </c>
      <c r="J4889" s="10">
        <v>23.06756991</v>
      </c>
    </row>
    <row r="4890" spans="1:10" x14ac:dyDescent="0.35">
      <c r="A4890" t="s">
        <v>26</v>
      </c>
      <c r="B4890" t="s">
        <v>31</v>
      </c>
      <c r="C4890" t="s">
        <v>117</v>
      </c>
      <c r="D4890" t="s">
        <v>118</v>
      </c>
      <c r="E4890">
        <v>2015</v>
      </c>
      <c r="F4890">
        <v>2015</v>
      </c>
      <c r="G4890" t="s">
        <v>125</v>
      </c>
      <c r="H4890" t="s">
        <v>123</v>
      </c>
      <c r="I4890" t="s">
        <v>15</v>
      </c>
      <c r="J4890" s="10">
        <v>20.522841759999999</v>
      </c>
    </row>
    <row r="4891" spans="1:10" x14ac:dyDescent="0.35">
      <c r="A4891" t="s">
        <v>26</v>
      </c>
      <c r="B4891" t="s">
        <v>31</v>
      </c>
      <c r="C4891" t="s">
        <v>117</v>
      </c>
      <c r="D4891" t="s">
        <v>118</v>
      </c>
      <c r="E4891">
        <v>2015</v>
      </c>
      <c r="F4891">
        <v>2015</v>
      </c>
      <c r="G4891" t="s">
        <v>125</v>
      </c>
      <c r="H4891" t="s">
        <v>124</v>
      </c>
      <c r="I4891" t="s">
        <v>15</v>
      </c>
      <c r="J4891" s="10">
        <v>1.826761624</v>
      </c>
    </row>
    <row r="4892" spans="1:10" x14ac:dyDescent="0.35">
      <c r="A4892" t="s">
        <v>26</v>
      </c>
      <c r="B4892" t="s">
        <v>31</v>
      </c>
      <c r="C4892" t="s">
        <v>117</v>
      </c>
      <c r="D4892" t="s">
        <v>118</v>
      </c>
      <c r="E4892">
        <v>2015</v>
      </c>
      <c r="F4892">
        <v>2015</v>
      </c>
      <c r="G4892" t="s">
        <v>126</v>
      </c>
      <c r="H4892" t="s">
        <v>119</v>
      </c>
      <c r="I4892" t="s">
        <v>15</v>
      </c>
      <c r="J4892" s="10">
        <v>15.86714834</v>
      </c>
    </row>
    <row r="4893" spans="1:10" x14ac:dyDescent="0.35">
      <c r="A4893" t="s">
        <v>26</v>
      </c>
      <c r="B4893" t="s">
        <v>31</v>
      </c>
      <c r="C4893" t="s">
        <v>117</v>
      </c>
      <c r="D4893" t="s">
        <v>118</v>
      </c>
      <c r="E4893">
        <v>2015</v>
      </c>
      <c r="F4893">
        <v>2015</v>
      </c>
      <c r="G4893" t="s">
        <v>126</v>
      </c>
      <c r="H4893" t="s">
        <v>120</v>
      </c>
      <c r="I4893" t="s">
        <v>15</v>
      </c>
      <c r="J4893" s="10">
        <v>8.3116301210000003</v>
      </c>
    </row>
    <row r="4894" spans="1:10" x14ac:dyDescent="0.35">
      <c r="A4894" t="s">
        <v>26</v>
      </c>
      <c r="B4894" t="s">
        <v>31</v>
      </c>
      <c r="C4894" t="s">
        <v>117</v>
      </c>
      <c r="D4894" t="s">
        <v>118</v>
      </c>
      <c r="E4894">
        <v>2015</v>
      </c>
      <c r="F4894">
        <v>2015</v>
      </c>
      <c r="G4894" t="s">
        <v>126</v>
      </c>
      <c r="H4894" t="s">
        <v>121</v>
      </c>
      <c r="I4894" t="s">
        <v>15</v>
      </c>
      <c r="J4894" s="10">
        <v>28.356996840000001</v>
      </c>
    </row>
    <row r="4895" spans="1:10" x14ac:dyDescent="0.35">
      <c r="A4895" t="s">
        <v>26</v>
      </c>
      <c r="B4895" t="s">
        <v>31</v>
      </c>
      <c r="C4895" t="s">
        <v>117</v>
      </c>
      <c r="D4895" t="s">
        <v>118</v>
      </c>
      <c r="E4895">
        <v>2015</v>
      </c>
      <c r="F4895">
        <v>2015</v>
      </c>
      <c r="G4895" t="s">
        <v>126</v>
      </c>
      <c r="H4895" t="s">
        <v>122</v>
      </c>
      <c r="I4895" t="s">
        <v>15</v>
      </c>
      <c r="J4895" s="10">
        <v>22.820577449999998</v>
      </c>
    </row>
    <row r="4896" spans="1:10" x14ac:dyDescent="0.35">
      <c r="A4896" t="s">
        <v>26</v>
      </c>
      <c r="B4896" t="s">
        <v>31</v>
      </c>
      <c r="C4896" t="s">
        <v>117</v>
      </c>
      <c r="D4896" t="s">
        <v>118</v>
      </c>
      <c r="E4896">
        <v>2015</v>
      </c>
      <c r="F4896">
        <v>2015</v>
      </c>
      <c r="G4896" t="s">
        <v>126</v>
      </c>
      <c r="H4896" t="s">
        <v>123</v>
      </c>
      <c r="I4896" t="s">
        <v>15</v>
      </c>
      <c r="J4896" s="10">
        <v>21.263546999999999</v>
      </c>
    </row>
    <row r="4897" spans="1:10" x14ac:dyDescent="0.35">
      <c r="A4897" t="s">
        <v>26</v>
      </c>
      <c r="B4897" t="s">
        <v>31</v>
      </c>
      <c r="C4897" t="s">
        <v>117</v>
      </c>
      <c r="D4897" t="s">
        <v>118</v>
      </c>
      <c r="E4897">
        <v>2015</v>
      </c>
      <c r="F4897">
        <v>2015</v>
      </c>
      <c r="G4897" t="s">
        <v>126</v>
      </c>
      <c r="H4897" t="s">
        <v>124</v>
      </c>
      <c r="I4897" t="s">
        <v>15</v>
      </c>
      <c r="J4897" s="10">
        <v>3.3801002549999999</v>
      </c>
    </row>
    <row r="4898" spans="1:10" x14ac:dyDescent="0.35">
      <c r="A4898" t="s">
        <v>26</v>
      </c>
      <c r="B4898" t="s">
        <v>31</v>
      </c>
      <c r="C4898" t="s">
        <v>117</v>
      </c>
      <c r="D4898" t="s">
        <v>118</v>
      </c>
      <c r="E4898">
        <v>2014</v>
      </c>
      <c r="F4898">
        <v>2014</v>
      </c>
      <c r="G4898" t="s">
        <v>14</v>
      </c>
      <c r="H4898" t="s">
        <v>119</v>
      </c>
      <c r="I4898" t="s">
        <v>15</v>
      </c>
      <c r="J4898" s="10">
        <v>16.73915199</v>
      </c>
    </row>
    <row r="4899" spans="1:10" x14ac:dyDescent="0.35">
      <c r="A4899" t="s">
        <v>26</v>
      </c>
      <c r="B4899" t="s">
        <v>31</v>
      </c>
      <c r="C4899" t="s">
        <v>117</v>
      </c>
      <c r="D4899" t="s">
        <v>118</v>
      </c>
      <c r="E4899">
        <v>2014</v>
      </c>
      <c r="F4899">
        <v>2014</v>
      </c>
      <c r="G4899" t="s">
        <v>14</v>
      </c>
      <c r="H4899" t="s">
        <v>120</v>
      </c>
      <c r="I4899" t="s">
        <v>15</v>
      </c>
      <c r="J4899" s="10">
        <v>9.1473175710000003</v>
      </c>
    </row>
    <row r="4900" spans="1:10" x14ac:dyDescent="0.35">
      <c r="A4900" t="s">
        <v>26</v>
      </c>
      <c r="B4900" t="s">
        <v>31</v>
      </c>
      <c r="C4900" t="s">
        <v>117</v>
      </c>
      <c r="D4900" t="s">
        <v>118</v>
      </c>
      <c r="E4900">
        <v>2014</v>
      </c>
      <c r="F4900">
        <v>2014</v>
      </c>
      <c r="G4900" t="s">
        <v>14</v>
      </c>
      <c r="H4900" t="s">
        <v>121</v>
      </c>
      <c r="I4900" t="s">
        <v>15</v>
      </c>
      <c r="J4900" s="10">
        <v>28.21544433</v>
      </c>
    </row>
    <row r="4901" spans="1:10" x14ac:dyDescent="0.35">
      <c r="A4901" t="s">
        <v>26</v>
      </c>
      <c r="B4901" t="s">
        <v>31</v>
      </c>
      <c r="C4901" t="s">
        <v>117</v>
      </c>
      <c r="D4901" t="s">
        <v>118</v>
      </c>
      <c r="E4901">
        <v>2014</v>
      </c>
      <c r="F4901">
        <v>2014</v>
      </c>
      <c r="G4901" t="s">
        <v>14</v>
      </c>
      <c r="H4901" t="s">
        <v>122</v>
      </c>
      <c r="I4901" t="s">
        <v>15</v>
      </c>
      <c r="J4901" s="10">
        <v>22.830752669999999</v>
      </c>
    </row>
    <row r="4902" spans="1:10" x14ac:dyDescent="0.35">
      <c r="A4902" t="s">
        <v>26</v>
      </c>
      <c r="B4902" t="s">
        <v>31</v>
      </c>
      <c r="C4902" t="s">
        <v>117</v>
      </c>
      <c r="D4902" t="s">
        <v>118</v>
      </c>
      <c r="E4902">
        <v>2014</v>
      </c>
      <c r="F4902">
        <v>2014</v>
      </c>
      <c r="G4902" t="s">
        <v>14</v>
      </c>
      <c r="H4902" t="s">
        <v>123</v>
      </c>
      <c r="I4902" t="s">
        <v>15</v>
      </c>
      <c r="J4902" s="10">
        <v>20.520194360000001</v>
      </c>
    </row>
    <row r="4903" spans="1:10" x14ac:dyDescent="0.35">
      <c r="A4903" t="s">
        <v>26</v>
      </c>
      <c r="B4903" t="s">
        <v>31</v>
      </c>
      <c r="C4903" t="s">
        <v>117</v>
      </c>
      <c r="D4903" t="s">
        <v>118</v>
      </c>
      <c r="E4903">
        <v>2014</v>
      </c>
      <c r="F4903">
        <v>2014</v>
      </c>
      <c r="G4903" t="s">
        <v>14</v>
      </c>
      <c r="H4903" t="s">
        <v>124</v>
      </c>
      <c r="I4903" t="s">
        <v>15</v>
      </c>
      <c r="J4903" s="10">
        <v>2.5471390729999999</v>
      </c>
    </row>
    <row r="4904" spans="1:10" x14ac:dyDescent="0.35">
      <c r="A4904" t="s">
        <v>26</v>
      </c>
      <c r="B4904" t="s">
        <v>31</v>
      </c>
      <c r="C4904" t="s">
        <v>117</v>
      </c>
      <c r="D4904" t="s">
        <v>118</v>
      </c>
      <c r="E4904">
        <v>2014</v>
      </c>
      <c r="F4904">
        <v>2014</v>
      </c>
      <c r="G4904" t="s">
        <v>125</v>
      </c>
      <c r="H4904" t="s">
        <v>119</v>
      </c>
      <c r="I4904" t="s">
        <v>15</v>
      </c>
      <c r="J4904" s="10">
        <v>17.497767410000002</v>
      </c>
    </row>
    <row r="4905" spans="1:10" x14ac:dyDescent="0.35">
      <c r="A4905" t="s">
        <v>26</v>
      </c>
      <c r="B4905" t="s">
        <v>31</v>
      </c>
      <c r="C4905" t="s">
        <v>117</v>
      </c>
      <c r="D4905" t="s">
        <v>118</v>
      </c>
      <c r="E4905">
        <v>2014</v>
      </c>
      <c r="F4905">
        <v>2014</v>
      </c>
      <c r="G4905" t="s">
        <v>125</v>
      </c>
      <c r="H4905" t="s">
        <v>120</v>
      </c>
      <c r="I4905" t="s">
        <v>15</v>
      </c>
      <c r="J4905" s="10">
        <v>10.0711549</v>
      </c>
    </row>
    <row r="4906" spans="1:10" x14ac:dyDescent="0.35">
      <c r="A4906" t="s">
        <v>26</v>
      </c>
      <c r="B4906" t="s">
        <v>31</v>
      </c>
      <c r="C4906" t="s">
        <v>117</v>
      </c>
      <c r="D4906" t="s">
        <v>118</v>
      </c>
      <c r="E4906">
        <v>2014</v>
      </c>
      <c r="F4906">
        <v>2014</v>
      </c>
      <c r="G4906" t="s">
        <v>125</v>
      </c>
      <c r="H4906" t="s">
        <v>121</v>
      </c>
      <c r="I4906" t="s">
        <v>15</v>
      </c>
      <c r="J4906" s="10">
        <v>27.574683839999999</v>
      </c>
    </row>
    <row r="4907" spans="1:10" x14ac:dyDescent="0.35">
      <c r="A4907" t="s">
        <v>26</v>
      </c>
      <c r="B4907" t="s">
        <v>31</v>
      </c>
      <c r="C4907" t="s">
        <v>117</v>
      </c>
      <c r="D4907" t="s">
        <v>118</v>
      </c>
      <c r="E4907">
        <v>2014</v>
      </c>
      <c r="F4907">
        <v>2014</v>
      </c>
      <c r="G4907" t="s">
        <v>125</v>
      </c>
      <c r="H4907" t="s">
        <v>122</v>
      </c>
      <c r="I4907" t="s">
        <v>15</v>
      </c>
      <c r="J4907" s="10">
        <v>22.97986345</v>
      </c>
    </row>
    <row r="4908" spans="1:10" x14ac:dyDescent="0.35">
      <c r="A4908" t="s">
        <v>26</v>
      </c>
      <c r="B4908" t="s">
        <v>31</v>
      </c>
      <c r="C4908" t="s">
        <v>117</v>
      </c>
      <c r="D4908" t="s">
        <v>118</v>
      </c>
      <c r="E4908">
        <v>2014</v>
      </c>
      <c r="F4908">
        <v>2014</v>
      </c>
      <c r="G4908" t="s">
        <v>125</v>
      </c>
      <c r="H4908" t="s">
        <v>123</v>
      </c>
      <c r="I4908" t="s">
        <v>15</v>
      </c>
      <c r="J4908" s="10">
        <v>20.130786740000001</v>
      </c>
    </row>
    <row r="4909" spans="1:10" x14ac:dyDescent="0.35">
      <c r="A4909" t="s">
        <v>26</v>
      </c>
      <c r="B4909" t="s">
        <v>31</v>
      </c>
      <c r="C4909" t="s">
        <v>117</v>
      </c>
      <c r="D4909" t="s">
        <v>118</v>
      </c>
      <c r="E4909">
        <v>2014</v>
      </c>
      <c r="F4909">
        <v>2014</v>
      </c>
      <c r="G4909" t="s">
        <v>125</v>
      </c>
      <c r="H4909" t="s">
        <v>124</v>
      </c>
      <c r="I4909" t="s">
        <v>15</v>
      </c>
      <c r="J4909" s="10">
        <v>1.74574367</v>
      </c>
    </row>
    <row r="4910" spans="1:10" x14ac:dyDescent="0.35">
      <c r="A4910" t="s">
        <v>26</v>
      </c>
      <c r="B4910" t="s">
        <v>31</v>
      </c>
      <c r="C4910" t="s">
        <v>117</v>
      </c>
      <c r="D4910" t="s">
        <v>118</v>
      </c>
      <c r="E4910">
        <v>2014</v>
      </c>
      <c r="F4910">
        <v>2014</v>
      </c>
      <c r="G4910" t="s">
        <v>126</v>
      </c>
      <c r="H4910" t="s">
        <v>119</v>
      </c>
      <c r="I4910" t="s">
        <v>15</v>
      </c>
      <c r="J4910" s="10">
        <v>16.00512878</v>
      </c>
    </row>
    <row r="4911" spans="1:10" x14ac:dyDescent="0.35">
      <c r="A4911" t="s">
        <v>26</v>
      </c>
      <c r="B4911" t="s">
        <v>31</v>
      </c>
      <c r="C4911" t="s">
        <v>117</v>
      </c>
      <c r="D4911" t="s">
        <v>118</v>
      </c>
      <c r="E4911">
        <v>2014</v>
      </c>
      <c r="F4911">
        <v>2014</v>
      </c>
      <c r="G4911" t="s">
        <v>126</v>
      </c>
      <c r="H4911" t="s">
        <v>120</v>
      </c>
      <c r="I4911" t="s">
        <v>15</v>
      </c>
      <c r="J4911" s="10">
        <v>8.2534284759999998</v>
      </c>
    </row>
    <row r="4912" spans="1:10" x14ac:dyDescent="0.35">
      <c r="A4912" t="s">
        <v>26</v>
      </c>
      <c r="B4912" t="s">
        <v>31</v>
      </c>
      <c r="C4912" t="s">
        <v>117</v>
      </c>
      <c r="D4912" t="s">
        <v>118</v>
      </c>
      <c r="E4912">
        <v>2014</v>
      </c>
      <c r="F4912">
        <v>2014</v>
      </c>
      <c r="G4912" t="s">
        <v>126</v>
      </c>
      <c r="H4912" t="s">
        <v>121</v>
      </c>
      <c r="I4912" t="s">
        <v>15</v>
      </c>
      <c r="J4912" s="10">
        <v>28.835433160000001</v>
      </c>
    </row>
    <row r="4913" spans="1:10" x14ac:dyDescent="0.35">
      <c r="A4913" t="s">
        <v>26</v>
      </c>
      <c r="B4913" t="s">
        <v>31</v>
      </c>
      <c r="C4913" t="s">
        <v>117</v>
      </c>
      <c r="D4913" t="s">
        <v>118</v>
      </c>
      <c r="E4913">
        <v>2014</v>
      </c>
      <c r="F4913">
        <v>2014</v>
      </c>
      <c r="G4913" t="s">
        <v>126</v>
      </c>
      <c r="H4913" t="s">
        <v>122</v>
      </c>
      <c r="I4913" t="s">
        <v>15</v>
      </c>
      <c r="J4913" s="10">
        <v>22.686475640000001</v>
      </c>
    </row>
    <row r="4914" spans="1:10" x14ac:dyDescent="0.35">
      <c r="A4914" t="s">
        <v>26</v>
      </c>
      <c r="B4914" t="s">
        <v>31</v>
      </c>
      <c r="C4914" t="s">
        <v>117</v>
      </c>
      <c r="D4914" t="s">
        <v>118</v>
      </c>
      <c r="E4914">
        <v>2014</v>
      </c>
      <c r="F4914">
        <v>2014</v>
      </c>
      <c r="G4914" t="s">
        <v>126</v>
      </c>
      <c r="H4914" t="s">
        <v>123</v>
      </c>
      <c r="I4914" t="s">
        <v>15</v>
      </c>
      <c r="J4914" s="10">
        <v>20.896978480000001</v>
      </c>
    </row>
    <row r="4915" spans="1:10" x14ac:dyDescent="0.35">
      <c r="A4915" t="s">
        <v>26</v>
      </c>
      <c r="B4915" t="s">
        <v>31</v>
      </c>
      <c r="C4915" t="s">
        <v>117</v>
      </c>
      <c r="D4915" t="s">
        <v>118</v>
      </c>
      <c r="E4915">
        <v>2014</v>
      </c>
      <c r="F4915">
        <v>2014</v>
      </c>
      <c r="G4915" t="s">
        <v>126</v>
      </c>
      <c r="H4915" t="s">
        <v>124</v>
      </c>
      <c r="I4915" t="s">
        <v>15</v>
      </c>
      <c r="J4915" s="10">
        <v>3.3225554690000001</v>
      </c>
    </row>
    <row r="4916" spans="1:10" x14ac:dyDescent="0.35">
      <c r="A4916" t="s">
        <v>26</v>
      </c>
      <c r="B4916" t="s">
        <v>31</v>
      </c>
      <c r="C4916" t="s">
        <v>117</v>
      </c>
      <c r="D4916" t="s">
        <v>118</v>
      </c>
      <c r="E4916">
        <v>2013</v>
      </c>
      <c r="F4916">
        <v>2013</v>
      </c>
      <c r="G4916" t="s">
        <v>14</v>
      </c>
      <c r="H4916" t="s">
        <v>119</v>
      </c>
      <c r="I4916" t="s">
        <v>15</v>
      </c>
      <c r="J4916" s="10">
        <v>16.931627429999999</v>
      </c>
    </row>
    <row r="4917" spans="1:10" x14ac:dyDescent="0.35">
      <c r="A4917" t="s">
        <v>26</v>
      </c>
      <c r="B4917" t="s">
        <v>31</v>
      </c>
      <c r="C4917" t="s">
        <v>117</v>
      </c>
      <c r="D4917" t="s">
        <v>118</v>
      </c>
      <c r="E4917">
        <v>2013</v>
      </c>
      <c r="F4917">
        <v>2013</v>
      </c>
      <c r="G4917" t="s">
        <v>14</v>
      </c>
      <c r="H4917" t="s">
        <v>120</v>
      </c>
      <c r="I4917" t="s">
        <v>15</v>
      </c>
      <c r="J4917" s="10">
        <v>9.2169668930000004</v>
      </c>
    </row>
    <row r="4918" spans="1:10" x14ac:dyDescent="0.35">
      <c r="A4918" t="s">
        <v>26</v>
      </c>
      <c r="B4918" t="s">
        <v>31</v>
      </c>
      <c r="C4918" t="s">
        <v>117</v>
      </c>
      <c r="D4918" t="s">
        <v>118</v>
      </c>
      <c r="E4918">
        <v>2013</v>
      </c>
      <c r="F4918">
        <v>2013</v>
      </c>
      <c r="G4918" t="s">
        <v>14</v>
      </c>
      <c r="H4918" t="s">
        <v>121</v>
      </c>
      <c r="I4918" t="s">
        <v>15</v>
      </c>
      <c r="J4918" s="10">
        <v>28.754002620000001</v>
      </c>
    </row>
    <row r="4919" spans="1:10" x14ac:dyDescent="0.35">
      <c r="A4919" t="s">
        <v>26</v>
      </c>
      <c r="B4919" t="s">
        <v>31</v>
      </c>
      <c r="C4919" t="s">
        <v>117</v>
      </c>
      <c r="D4919" t="s">
        <v>118</v>
      </c>
      <c r="E4919">
        <v>2013</v>
      </c>
      <c r="F4919">
        <v>2013</v>
      </c>
      <c r="G4919" t="s">
        <v>14</v>
      </c>
      <c r="H4919" t="s">
        <v>122</v>
      </c>
      <c r="I4919" t="s">
        <v>15</v>
      </c>
      <c r="J4919" s="10">
        <v>22.811076159999999</v>
      </c>
    </row>
    <row r="4920" spans="1:10" x14ac:dyDescent="0.35">
      <c r="A4920" t="s">
        <v>26</v>
      </c>
      <c r="B4920" t="s">
        <v>31</v>
      </c>
      <c r="C4920" t="s">
        <v>117</v>
      </c>
      <c r="D4920" t="s">
        <v>118</v>
      </c>
      <c r="E4920">
        <v>2013</v>
      </c>
      <c r="F4920">
        <v>2013</v>
      </c>
      <c r="G4920" t="s">
        <v>14</v>
      </c>
      <c r="H4920" t="s">
        <v>123</v>
      </c>
      <c r="I4920" t="s">
        <v>15</v>
      </c>
      <c r="J4920" s="10">
        <v>19.882636720000001</v>
      </c>
    </row>
    <row r="4921" spans="1:10" x14ac:dyDescent="0.35">
      <c r="A4921" t="s">
        <v>26</v>
      </c>
      <c r="B4921" t="s">
        <v>31</v>
      </c>
      <c r="C4921" t="s">
        <v>117</v>
      </c>
      <c r="D4921" t="s">
        <v>118</v>
      </c>
      <c r="E4921">
        <v>2013</v>
      </c>
      <c r="F4921">
        <v>2013</v>
      </c>
      <c r="G4921" t="s">
        <v>14</v>
      </c>
      <c r="H4921" t="s">
        <v>124</v>
      </c>
      <c r="I4921" t="s">
        <v>15</v>
      </c>
      <c r="J4921" s="10">
        <v>2.4036901720000001</v>
      </c>
    </row>
    <row r="4922" spans="1:10" x14ac:dyDescent="0.35">
      <c r="A4922" t="s">
        <v>26</v>
      </c>
      <c r="B4922" t="s">
        <v>31</v>
      </c>
      <c r="C4922" t="s">
        <v>117</v>
      </c>
      <c r="D4922" t="s">
        <v>118</v>
      </c>
      <c r="E4922">
        <v>2013</v>
      </c>
      <c r="F4922">
        <v>2013</v>
      </c>
      <c r="G4922" t="s">
        <v>125</v>
      </c>
      <c r="H4922" t="s">
        <v>119</v>
      </c>
      <c r="I4922" t="s">
        <v>15</v>
      </c>
      <c r="J4922" s="10">
        <v>17.776376509999999</v>
      </c>
    </row>
    <row r="4923" spans="1:10" x14ac:dyDescent="0.35">
      <c r="A4923" t="s">
        <v>26</v>
      </c>
      <c r="B4923" t="s">
        <v>31</v>
      </c>
      <c r="C4923" t="s">
        <v>117</v>
      </c>
      <c r="D4923" t="s">
        <v>118</v>
      </c>
      <c r="E4923">
        <v>2013</v>
      </c>
      <c r="F4923">
        <v>2013</v>
      </c>
      <c r="G4923" t="s">
        <v>125</v>
      </c>
      <c r="H4923" t="s">
        <v>120</v>
      </c>
      <c r="I4923" t="s">
        <v>15</v>
      </c>
      <c r="J4923" s="10">
        <v>10.06620998</v>
      </c>
    </row>
    <row r="4924" spans="1:10" x14ac:dyDescent="0.35">
      <c r="A4924" t="s">
        <v>26</v>
      </c>
      <c r="B4924" t="s">
        <v>31</v>
      </c>
      <c r="C4924" t="s">
        <v>117</v>
      </c>
      <c r="D4924" t="s">
        <v>118</v>
      </c>
      <c r="E4924">
        <v>2013</v>
      </c>
      <c r="F4924">
        <v>2013</v>
      </c>
      <c r="G4924" t="s">
        <v>125</v>
      </c>
      <c r="H4924" t="s">
        <v>121</v>
      </c>
      <c r="I4924" t="s">
        <v>15</v>
      </c>
      <c r="J4924" s="10">
        <v>28.02889163</v>
      </c>
    </row>
    <row r="4925" spans="1:10" x14ac:dyDescent="0.35">
      <c r="A4925" t="s">
        <v>26</v>
      </c>
      <c r="B4925" t="s">
        <v>31</v>
      </c>
      <c r="C4925" t="s">
        <v>117</v>
      </c>
      <c r="D4925" t="s">
        <v>118</v>
      </c>
      <c r="E4925">
        <v>2013</v>
      </c>
      <c r="F4925">
        <v>2013</v>
      </c>
      <c r="G4925" t="s">
        <v>125</v>
      </c>
      <c r="H4925" t="s">
        <v>122</v>
      </c>
      <c r="I4925" t="s">
        <v>15</v>
      </c>
      <c r="J4925" s="10">
        <v>23.124767120000001</v>
      </c>
    </row>
    <row r="4926" spans="1:10" x14ac:dyDescent="0.35">
      <c r="A4926" t="s">
        <v>26</v>
      </c>
      <c r="B4926" t="s">
        <v>31</v>
      </c>
      <c r="C4926" t="s">
        <v>117</v>
      </c>
      <c r="D4926" t="s">
        <v>118</v>
      </c>
      <c r="E4926">
        <v>2013</v>
      </c>
      <c r="F4926">
        <v>2013</v>
      </c>
      <c r="G4926" t="s">
        <v>125</v>
      </c>
      <c r="H4926" t="s">
        <v>123</v>
      </c>
      <c r="I4926" t="s">
        <v>15</v>
      </c>
      <c r="J4926" s="10">
        <v>19.384333170000001</v>
      </c>
    </row>
    <row r="4927" spans="1:10" x14ac:dyDescent="0.35">
      <c r="A4927" t="s">
        <v>26</v>
      </c>
      <c r="B4927" t="s">
        <v>31</v>
      </c>
      <c r="C4927" t="s">
        <v>117</v>
      </c>
      <c r="D4927" t="s">
        <v>118</v>
      </c>
      <c r="E4927">
        <v>2013</v>
      </c>
      <c r="F4927">
        <v>2013</v>
      </c>
      <c r="G4927" t="s">
        <v>125</v>
      </c>
      <c r="H4927" t="s">
        <v>124</v>
      </c>
      <c r="I4927" t="s">
        <v>15</v>
      </c>
      <c r="J4927" s="10">
        <v>1.6194215940000001</v>
      </c>
    </row>
    <row r="4928" spans="1:10" x14ac:dyDescent="0.35">
      <c r="A4928" t="s">
        <v>26</v>
      </c>
      <c r="B4928" t="s">
        <v>31</v>
      </c>
      <c r="C4928" t="s">
        <v>117</v>
      </c>
      <c r="D4928" t="s">
        <v>118</v>
      </c>
      <c r="E4928">
        <v>2013</v>
      </c>
      <c r="F4928">
        <v>2013</v>
      </c>
      <c r="G4928" t="s">
        <v>126</v>
      </c>
      <c r="H4928" t="s">
        <v>119</v>
      </c>
      <c r="I4928" t="s">
        <v>15</v>
      </c>
      <c r="J4928" s="10">
        <v>16.112993719999999</v>
      </c>
    </row>
    <row r="4929" spans="1:10" x14ac:dyDescent="0.35">
      <c r="A4929" t="s">
        <v>26</v>
      </c>
      <c r="B4929" t="s">
        <v>31</v>
      </c>
      <c r="C4929" t="s">
        <v>117</v>
      </c>
      <c r="D4929" t="s">
        <v>118</v>
      </c>
      <c r="E4929">
        <v>2013</v>
      </c>
      <c r="F4929">
        <v>2013</v>
      </c>
      <c r="G4929" t="s">
        <v>126</v>
      </c>
      <c r="H4929" t="s">
        <v>120</v>
      </c>
      <c r="I4929" t="s">
        <v>15</v>
      </c>
      <c r="J4929" s="10">
        <v>8.3939781119999992</v>
      </c>
    </row>
    <row r="4930" spans="1:10" x14ac:dyDescent="0.35">
      <c r="A4930" t="s">
        <v>26</v>
      </c>
      <c r="B4930" t="s">
        <v>31</v>
      </c>
      <c r="C4930" t="s">
        <v>117</v>
      </c>
      <c r="D4930" t="s">
        <v>118</v>
      </c>
      <c r="E4930">
        <v>2013</v>
      </c>
      <c r="F4930">
        <v>2013</v>
      </c>
      <c r="G4930" t="s">
        <v>126</v>
      </c>
      <c r="H4930" t="s">
        <v>121</v>
      </c>
      <c r="I4930" t="s">
        <v>15</v>
      </c>
      <c r="J4930" s="10">
        <v>29.45669685</v>
      </c>
    </row>
    <row r="4931" spans="1:10" x14ac:dyDescent="0.35">
      <c r="A4931" t="s">
        <v>26</v>
      </c>
      <c r="B4931" t="s">
        <v>31</v>
      </c>
      <c r="C4931" t="s">
        <v>117</v>
      </c>
      <c r="D4931" t="s">
        <v>118</v>
      </c>
      <c r="E4931">
        <v>2013</v>
      </c>
      <c r="F4931">
        <v>2013</v>
      </c>
      <c r="G4931" t="s">
        <v>126</v>
      </c>
      <c r="H4931" t="s">
        <v>122</v>
      </c>
      <c r="I4931" t="s">
        <v>15</v>
      </c>
      <c r="J4931" s="10">
        <v>22.50708294</v>
      </c>
    </row>
    <row r="4932" spans="1:10" x14ac:dyDescent="0.35">
      <c r="A4932" t="s">
        <v>26</v>
      </c>
      <c r="B4932" t="s">
        <v>31</v>
      </c>
      <c r="C4932" t="s">
        <v>117</v>
      </c>
      <c r="D4932" t="s">
        <v>118</v>
      </c>
      <c r="E4932">
        <v>2013</v>
      </c>
      <c r="F4932">
        <v>2013</v>
      </c>
      <c r="G4932" t="s">
        <v>126</v>
      </c>
      <c r="H4932" t="s">
        <v>123</v>
      </c>
      <c r="I4932" t="s">
        <v>15</v>
      </c>
      <c r="J4932" s="10">
        <v>20.365535250000001</v>
      </c>
    </row>
    <row r="4933" spans="1:10" x14ac:dyDescent="0.35">
      <c r="A4933" t="s">
        <v>26</v>
      </c>
      <c r="B4933" t="s">
        <v>31</v>
      </c>
      <c r="C4933" t="s">
        <v>117</v>
      </c>
      <c r="D4933" t="s">
        <v>118</v>
      </c>
      <c r="E4933">
        <v>2013</v>
      </c>
      <c r="F4933">
        <v>2013</v>
      </c>
      <c r="G4933" t="s">
        <v>126</v>
      </c>
      <c r="H4933" t="s">
        <v>124</v>
      </c>
      <c r="I4933" t="s">
        <v>15</v>
      </c>
      <c r="J4933" s="10">
        <v>3.1637131269999998</v>
      </c>
    </row>
    <row r="4934" spans="1:10" x14ac:dyDescent="0.35">
      <c r="A4934" t="s">
        <v>26</v>
      </c>
      <c r="B4934" t="s">
        <v>31</v>
      </c>
      <c r="C4934" t="s">
        <v>117</v>
      </c>
      <c r="D4934" t="s">
        <v>118</v>
      </c>
      <c r="E4934">
        <v>2012</v>
      </c>
      <c r="F4934">
        <v>2012</v>
      </c>
      <c r="G4934" t="s">
        <v>14</v>
      </c>
      <c r="H4934" t="s">
        <v>119</v>
      </c>
      <c r="I4934" t="s">
        <v>15</v>
      </c>
      <c r="J4934" s="10">
        <v>17.080640630000001</v>
      </c>
    </row>
    <row r="4935" spans="1:10" x14ac:dyDescent="0.35">
      <c r="A4935" t="s">
        <v>26</v>
      </c>
      <c r="B4935" t="s">
        <v>31</v>
      </c>
      <c r="C4935" t="s">
        <v>117</v>
      </c>
      <c r="D4935" t="s">
        <v>118</v>
      </c>
      <c r="E4935">
        <v>2012</v>
      </c>
      <c r="F4935">
        <v>2012</v>
      </c>
      <c r="G4935" t="s">
        <v>14</v>
      </c>
      <c r="H4935" t="s">
        <v>120</v>
      </c>
      <c r="I4935" t="s">
        <v>15</v>
      </c>
      <c r="J4935" s="10">
        <v>9.2849114920000009</v>
      </c>
    </row>
    <row r="4936" spans="1:10" x14ac:dyDescent="0.35">
      <c r="A4936" t="s">
        <v>26</v>
      </c>
      <c r="B4936" t="s">
        <v>31</v>
      </c>
      <c r="C4936" t="s">
        <v>117</v>
      </c>
      <c r="D4936" t="s">
        <v>118</v>
      </c>
      <c r="E4936">
        <v>2012</v>
      </c>
      <c r="F4936">
        <v>2012</v>
      </c>
      <c r="G4936" t="s">
        <v>14</v>
      </c>
      <c r="H4936" t="s">
        <v>121</v>
      </c>
      <c r="I4936" t="s">
        <v>15</v>
      </c>
      <c r="J4936" s="10">
        <v>29.280696819999999</v>
      </c>
    </row>
    <row r="4937" spans="1:10" x14ac:dyDescent="0.35">
      <c r="A4937" t="s">
        <v>26</v>
      </c>
      <c r="B4937" t="s">
        <v>31</v>
      </c>
      <c r="C4937" t="s">
        <v>117</v>
      </c>
      <c r="D4937" t="s">
        <v>118</v>
      </c>
      <c r="E4937">
        <v>2012</v>
      </c>
      <c r="F4937">
        <v>2012</v>
      </c>
      <c r="G4937" t="s">
        <v>14</v>
      </c>
      <c r="H4937" t="s">
        <v>122</v>
      </c>
      <c r="I4937" t="s">
        <v>15</v>
      </c>
      <c r="J4937" s="10">
        <v>22.843495359999999</v>
      </c>
    </row>
    <row r="4938" spans="1:10" x14ac:dyDescent="0.35">
      <c r="A4938" t="s">
        <v>26</v>
      </c>
      <c r="B4938" t="s">
        <v>31</v>
      </c>
      <c r="C4938" t="s">
        <v>117</v>
      </c>
      <c r="D4938" t="s">
        <v>118</v>
      </c>
      <c r="E4938">
        <v>2012</v>
      </c>
      <c r="F4938">
        <v>2012</v>
      </c>
      <c r="G4938" t="s">
        <v>14</v>
      </c>
      <c r="H4938" t="s">
        <v>123</v>
      </c>
      <c r="I4938" t="s">
        <v>15</v>
      </c>
      <c r="J4938" s="10">
        <v>19.15285192</v>
      </c>
    </row>
    <row r="4939" spans="1:10" x14ac:dyDescent="0.35">
      <c r="A4939" t="s">
        <v>26</v>
      </c>
      <c r="B4939" t="s">
        <v>31</v>
      </c>
      <c r="C4939" t="s">
        <v>117</v>
      </c>
      <c r="D4939" t="s">
        <v>118</v>
      </c>
      <c r="E4939">
        <v>2012</v>
      </c>
      <c r="F4939">
        <v>2012</v>
      </c>
      <c r="G4939" t="s">
        <v>14</v>
      </c>
      <c r="H4939" t="s">
        <v>124</v>
      </c>
      <c r="I4939" t="s">
        <v>15</v>
      </c>
      <c r="J4939" s="10">
        <v>2.3574037649999999</v>
      </c>
    </row>
    <row r="4940" spans="1:10" x14ac:dyDescent="0.35">
      <c r="A4940" t="s">
        <v>26</v>
      </c>
      <c r="B4940" t="s">
        <v>31</v>
      </c>
      <c r="C4940" t="s">
        <v>117</v>
      </c>
      <c r="D4940" t="s">
        <v>118</v>
      </c>
      <c r="E4940">
        <v>2012</v>
      </c>
      <c r="F4940">
        <v>2012</v>
      </c>
      <c r="G4940" t="s">
        <v>125</v>
      </c>
      <c r="H4940" t="s">
        <v>119</v>
      </c>
      <c r="I4940" t="s">
        <v>15</v>
      </c>
      <c r="J4940" s="10">
        <v>17.965937019999998</v>
      </c>
    </row>
    <row r="4941" spans="1:10" x14ac:dyDescent="0.35">
      <c r="A4941" t="s">
        <v>26</v>
      </c>
      <c r="B4941" t="s">
        <v>31</v>
      </c>
      <c r="C4941" t="s">
        <v>117</v>
      </c>
      <c r="D4941" t="s">
        <v>118</v>
      </c>
      <c r="E4941">
        <v>2012</v>
      </c>
      <c r="F4941">
        <v>2012</v>
      </c>
      <c r="G4941" t="s">
        <v>125</v>
      </c>
      <c r="H4941" t="s">
        <v>120</v>
      </c>
      <c r="I4941" t="s">
        <v>15</v>
      </c>
      <c r="J4941" s="10">
        <v>10.01314511</v>
      </c>
    </row>
    <row r="4942" spans="1:10" x14ac:dyDescent="0.35">
      <c r="A4942" t="s">
        <v>26</v>
      </c>
      <c r="B4942" t="s">
        <v>31</v>
      </c>
      <c r="C4942" t="s">
        <v>117</v>
      </c>
      <c r="D4942" t="s">
        <v>118</v>
      </c>
      <c r="E4942">
        <v>2012</v>
      </c>
      <c r="F4942">
        <v>2012</v>
      </c>
      <c r="G4942" t="s">
        <v>125</v>
      </c>
      <c r="H4942" t="s">
        <v>121</v>
      </c>
      <c r="I4942" t="s">
        <v>15</v>
      </c>
      <c r="J4942" s="10">
        <v>28.682059779999999</v>
      </c>
    </row>
    <row r="4943" spans="1:10" x14ac:dyDescent="0.35">
      <c r="A4943" t="s">
        <v>26</v>
      </c>
      <c r="B4943" t="s">
        <v>31</v>
      </c>
      <c r="C4943" t="s">
        <v>117</v>
      </c>
      <c r="D4943" t="s">
        <v>118</v>
      </c>
      <c r="E4943">
        <v>2012</v>
      </c>
      <c r="F4943">
        <v>2012</v>
      </c>
      <c r="G4943" t="s">
        <v>125</v>
      </c>
      <c r="H4943" t="s">
        <v>122</v>
      </c>
      <c r="I4943" t="s">
        <v>15</v>
      </c>
      <c r="J4943" s="10">
        <v>23.232554149999999</v>
      </c>
    </row>
    <row r="4944" spans="1:10" x14ac:dyDescent="0.35">
      <c r="A4944" t="s">
        <v>26</v>
      </c>
      <c r="B4944" t="s">
        <v>31</v>
      </c>
      <c r="C4944" t="s">
        <v>117</v>
      </c>
      <c r="D4944" t="s">
        <v>118</v>
      </c>
      <c r="E4944">
        <v>2012</v>
      </c>
      <c r="F4944">
        <v>2012</v>
      </c>
      <c r="G4944" t="s">
        <v>125</v>
      </c>
      <c r="H4944" t="s">
        <v>123</v>
      </c>
      <c r="I4944" t="s">
        <v>15</v>
      </c>
      <c r="J4944" s="10">
        <v>18.56032463</v>
      </c>
    </row>
    <row r="4945" spans="1:10" x14ac:dyDescent="0.35">
      <c r="A4945" t="s">
        <v>26</v>
      </c>
      <c r="B4945" t="s">
        <v>31</v>
      </c>
      <c r="C4945" t="s">
        <v>117</v>
      </c>
      <c r="D4945" t="s">
        <v>118</v>
      </c>
      <c r="E4945">
        <v>2012</v>
      </c>
      <c r="F4945">
        <v>2012</v>
      </c>
      <c r="G4945" t="s">
        <v>125</v>
      </c>
      <c r="H4945" t="s">
        <v>124</v>
      </c>
      <c r="I4945" t="s">
        <v>15</v>
      </c>
      <c r="J4945" s="10">
        <v>1.545979311</v>
      </c>
    </row>
    <row r="4946" spans="1:10" x14ac:dyDescent="0.35">
      <c r="A4946" t="s">
        <v>26</v>
      </c>
      <c r="B4946" t="s">
        <v>31</v>
      </c>
      <c r="C4946" t="s">
        <v>117</v>
      </c>
      <c r="D4946" t="s">
        <v>118</v>
      </c>
      <c r="E4946">
        <v>2012</v>
      </c>
      <c r="F4946">
        <v>2012</v>
      </c>
      <c r="G4946" t="s">
        <v>126</v>
      </c>
      <c r="H4946" t="s">
        <v>119</v>
      </c>
      <c r="I4946" t="s">
        <v>15</v>
      </c>
      <c r="J4946" s="10">
        <v>16.224506720000001</v>
      </c>
    </row>
    <row r="4947" spans="1:10" x14ac:dyDescent="0.35">
      <c r="A4947" t="s">
        <v>26</v>
      </c>
      <c r="B4947" t="s">
        <v>31</v>
      </c>
      <c r="C4947" t="s">
        <v>117</v>
      </c>
      <c r="D4947" t="s">
        <v>118</v>
      </c>
      <c r="E4947">
        <v>2012</v>
      </c>
      <c r="F4947">
        <v>2012</v>
      </c>
      <c r="G4947" t="s">
        <v>126</v>
      </c>
      <c r="H4947" t="s">
        <v>120</v>
      </c>
      <c r="I4947" t="s">
        <v>15</v>
      </c>
      <c r="J4947" s="10">
        <v>8.5806665560000006</v>
      </c>
    </row>
    <row r="4948" spans="1:10" x14ac:dyDescent="0.35">
      <c r="A4948" t="s">
        <v>26</v>
      </c>
      <c r="B4948" t="s">
        <v>31</v>
      </c>
      <c r="C4948" t="s">
        <v>117</v>
      </c>
      <c r="D4948" t="s">
        <v>118</v>
      </c>
      <c r="E4948">
        <v>2012</v>
      </c>
      <c r="F4948">
        <v>2012</v>
      </c>
      <c r="G4948" t="s">
        <v>126</v>
      </c>
      <c r="H4948" t="s">
        <v>121</v>
      </c>
      <c r="I4948" t="s">
        <v>15</v>
      </c>
      <c r="J4948" s="10">
        <v>29.859614220000001</v>
      </c>
    </row>
    <row r="4949" spans="1:10" x14ac:dyDescent="0.35">
      <c r="A4949" t="s">
        <v>26</v>
      </c>
      <c r="B4949" t="s">
        <v>31</v>
      </c>
      <c r="C4949" t="s">
        <v>117</v>
      </c>
      <c r="D4949" t="s">
        <v>118</v>
      </c>
      <c r="E4949">
        <v>2012</v>
      </c>
      <c r="F4949">
        <v>2012</v>
      </c>
      <c r="G4949" t="s">
        <v>126</v>
      </c>
      <c r="H4949" t="s">
        <v>122</v>
      </c>
      <c r="I4949" t="s">
        <v>15</v>
      </c>
      <c r="J4949" s="10">
        <v>22.46725253</v>
      </c>
    </row>
    <row r="4950" spans="1:10" x14ac:dyDescent="0.35">
      <c r="A4950" t="s">
        <v>26</v>
      </c>
      <c r="B4950" t="s">
        <v>31</v>
      </c>
      <c r="C4950" t="s">
        <v>117</v>
      </c>
      <c r="D4950" t="s">
        <v>118</v>
      </c>
      <c r="E4950">
        <v>2012</v>
      </c>
      <c r="F4950">
        <v>2012</v>
      </c>
      <c r="G4950" t="s">
        <v>126</v>
      </c>
      <c r="H4950" t="s">
        <v>123</v>
      </c>
      <c r="I4950" t="s">
        <v>15</v>
      </c>
      <c r="J4950" s="10">
        <v>19.725860829999998</v>
      </c>
    </row>
    <row r="4951" spans="1:10" x14ac:dyDescent="0.35">
      <c r="A4951" t="s">
        <v>26</v>
      </c>
      <c r="B4951" t="s">
        <v>31</v>
      </c>
      <c r="C4951" t="s">
        <v>117</v>
      </c>
      <c r="D4951" t="s">
        <v>118</v>
      </c>
      <c r="E4951">
        <v>2012</v>
      </c>
      <c r="F4951">
        <v>2012</v>
      </c>
      <c r="G4951" t="s">
        <v>126</v>
      </c>
      <c r="H4951" t="s">
        <v>124</v>
      </c>
      <c r="I4951" t="s">
        <v>15</v>
      </c>
      <c r="J4951" s="10">
        <v>3.1420991539999998</v>
      </c>
    </row>
    <row r="4952" spans="1:10" x14ac:dyDescent="0.35">
      <c r="A4952" t="s">
        <v>26</v>
      </c>
      <c r="B4952" t="s">
        <v>31</v>
      </c>
      <c r="C4952" t="s">
        <v>117</v>
      </c>
      <c r="D4952" t="s">
        <v>118</v>
      </c>
      <c r="E4952">
        <v>2011</v>
      </c>
      <c r="F4952">
        <v>2011</v>
      </c>
      <c r="G4952" t="s">
        <v>14</v>
      </c>
      <c r="H4952" t="s">
        <v>119</v>
      </c>
      <c r="I4952" t="s">
        <v>15</v>
      </c>
      <c r="J4952" s="10">
        <v>17.36044021</v>
      </c>
    </row>
    <row r="4953" spans="1:10" x14ac:dyDescent="0.35">
      <c r="A4953" t="s">
        <v>26</v>
      </c>
      <c r="B4953" t="s">
        <v>31</v>
      </c>
      <c r="C4953" t="s">
        <v>117</v>
      </c>
      <c r="D4953" t="s">
        <v>118</v>
      </c>
      <c r="E4953">
        <v>2011</v>
      </c>
      <c r="F4953">
        <v>2011</v>
      </c>
      <c r="G4953" t="s">
        <v>14</v>
      </c>
      <c r="H4953" t="s">
        <v>120</v>
      </c>
      <c r="I4953" t="s">
        <v>15</v>
      </c>
      <c r="J4953" s="10">
        <v>9.3417902300000009</v>
      </c>
    </row>
    <row r="4954" spans="1:10" x14ac:dyDescent="0.35">
      <c r="A4954" t="s">
        <v>26</v>
      </c>
      <c r="B4954" t="s">
        <v>31</v>
      </c>
      <c r="C4954" t="s">
        <v>117</v>
      </c>
      <c r="D4954" t="s">
        <v>118</v>
      </c>
      <c r="E4954">
        <v>2011</v>
      </c>
      <c r="F4954">
        <v>2011</v>
      </c>
      <c r="G4954" t="s">
        <v>14</v>
      </c>
      <c r="H4954" t="s">
        <v>121</v>
      </c>
      <c r="I4954" t="s">
        <v>15</v>
      </c>
      <c r="J4954" s="10">
        <v>29.660744040000001</v>
      </c>
    </row>
    <row r="4955" spans="1:10" x14ac:dyDescent="0.35">
      <c r="A4955" t="s">
        <v>26</v>
      </c>
      <c r="B4955" t="s">
        <v>31</v>
      </c>
      <c r="C4955" t="s">
        <v>117</v>
      </c>
      <c r="D4955" t="s">
        <v>118</v>
      </c>
      <c r="E4955">
        <v>2011</v>
      </c>
      <c r="F4955">
        <v>2011</v>
      </c>
      <c r="G4955" t="s">
        <v>14</v>
      </c>
      <c r="H4955" t="s">
        <v>122</v>
      </c>
      <c r="I4955" t="s">
        <v>15</v>
      </c>
      <c r="J4955" s="10">
        <v>22.973635210000001</v>
      </c>
    </row>
    <row r="4956" spans="1:10" x14ac:dyDescent="0.35">
      <c r="A4956" t="s">
        <v>26</v>
      </c>
      <c r="B4956" t="s">
        <v>31</v>
      </c>
      <c r="C4956" t="s">
        <v>117</v>
      </c>
      <c r="D4956" t="s">
        <v>118</v>
      </c>
      <c r="E4956">
        <v>2011</v>
      </c>
      <c r="F4956">
        <v>2011</v>
      </c>
      <c r="G4956" t="s">
        <v>14</v>
      </c>
      <c r="H4956" t="s">
        <v>123</v>
      </c>
      <c r="I4956" t="s">
        <v>15</v>
      </c>
      <c r="J4956" s="10">
        <v>18.40355078</v>
      </c>
    </row>
    <row r="4957" spans="1:10" x14ac:dyDescent="0.35">
      <c r="A4957" t="s">
        <v>26</v>
      </c>
      <c r="B4957" t="s">
        <v>31</v>
      </c>
      <c r="C4957" t="s">
        <v>117</v>
      </c>
      <c r="D4957" t="s">
        <v>118</v>
      </c>
      <c r="E4957">
        <v>2011</v>
      </c>
      <c r="F4957">
        <v>2011</v>
      </c>
      <c r="G4957" t="s">
        <v>14</v>
      </c>
      <c r="H4957" t="s">
        <v>124</v>
      </c>
      <c r="I4957" t="s">
        <v>15</v>
      </c>
      <c r="J4957" s="10">
        <v>2.259839543</v>
      </c>
    </row>
    <row r="4958" spans="1:10" x14ac:dyDescent="0.35">
      <c r="A4958" t="s">
        <v>26</v>
      </c>
      <c r="B4958" t="s">
        <v>31</v>
      </c>
      <c r="C4958" t="s">
        <v>117</v>
      </c>
      <c r="D4958" t="s">
        <v>118</v>
      </c>
      <c r="E4958">
        <v>2011</v>
      </c>
      <c r="F4958">
        <v>2011</v>
      </c>
      <c r="G4958" t="s">
        <v>125</v>
      </c>
      <c r="H4958" t="s">
        <v>119</v>
      </c>
      <c r="I4958" t="s">
        <v>15</v>
      </c>
      <c r="J4958" s="10">
        <v>18.170940170000002</v>
      </c>
    </row>
    <row r="4959" spans="1:10" x14ac:dyDescent="0.35">
      <c r="A4959" t="s">
        <v>26</v>
      </c>
      <c r="B4959" t="s">
        <v>31</v>
      </c>
      <c r="C4959" t="s">
        <v>117</v>
      </c>
      <c r="D4959" t="s">
        <v>118</v>
      </c>
      <c r="E4959">
        <v>2011</v>
      </c>
      <c r="F4959">
        <v>2011</v>
      </c>
      <c r="G4959" t="s">
        <v>125</v>
      </c>
      <c r="H4959" t="s">
        <v>120</v>
      </c>
      <c r="I4959" t="s">
        <v>15</v>
      </c>
      <c r="J4959" s="10">
        <v>10.04843305</v>
      </c>
    </row>
    <row r="4960" spans="1:10" x14ac:dyDescent="0.35">
      <c r="A4960" t="s">
        <v>26</v>
      </c>
      <c r="B4960" t="s">
        <v>31</v>
      </c>
      <c r="C4960" t="s">
        <v>117</v>
      </c>
      <c r="D4960" t="s">
        <v>118</v>
      </c>
      <c r="E4960">
        <v>2011</v>
      </c>
      <c r="F4960">
        <v>2011</v>
      </c>
      <c r="G4960" t="s">
        <v>125</v>
      </c>
      <c r="H4960" t="s">
        <v>121</v>
      </c>
      <c r="I4960" t="s">
        <v>15</v>
      </c>
      <c r="J4960" s="10">
        <v>29.150997149999998</v>
      </c>
    </row>
    <row r="4961" spans="1:10" x14ac:dyDescent="0.35">
      <c r="A4961" t="s">
        <v>26</v>
      </c>
      <c r="B4961" t="s">
        <v>31</v>
      </c>
      <c r="C4961" t="s">
        <v>117</v>
      </c>
      <c r="D4961" t="s">
        <v>118</v>
      </c>
      <c r="E4961">
        <v>2011</v>
      </c>
      <c r="F4961">
        <v>2011</v>
      </c>
      <c r="G4961" t="s">
        <v>125</v>
      </c>
      <c r="H4961" t="s">
        <v>122</v>
      </c>
      <c r="I4961" t="s">
        <v>15</v>
      </c>
      <c r="J4961" s="10">
        <v>23.44729345</v>
      </c>
    </row>
    <row r="4962" spans="1:10" x14ac:dyDescent="0.35">
      <c r="A4962" t="s">
        <v>26</v>
      </c>
      <c r="B4962" t="s">
        <v>31</v>
      </c>
      <c r="C4962" t="s">
        <v>117</v>
      </c>
      <c r="D4962" t="s">
        <v>118</v>
      </c>
      <c r="E4962">
        <v>2011</v>
      </c>
      <c r="F4962">
        <v>2011</v>
      </c>
      <c r="G4962" t="s">
        <v>125</v>
      </c>
      <c r="H4962" t="s">
        <v>123</v>
      </c>
      <c r="I4962" t="s">
        <v>15</v>
      </c>
      <c r="J4962" s="10">
        <v>17.695156699999998</v>
      </c>
    </row>
    <row r="4963" spans="1:10" x14ac:dyDescent="0.35">
      <c r="A4963" t="s">
        <v>26</v>
      </c>
      <c r="B4963" t="s">
        <v>31</v>
      </c>
      <c r="C4963" t="s">
        <v>117</v>
      </c>
      <c r="D4963" t="s">
        <v>118</v>
      </c>
      <c r="E4963">
        <v>2011</v>
      </c>
      <c r="F4963">
        <v>2011</v>
      </c>
      <c r="G4963" t="s">
        <v>125</v>
      </c>
      <c r="H4963" t="s">
        <v>124</v>
      </c>
      <c r="I4963" t="s">
        <v>15</v>
      </c>
      <c r="J4963" s="10">
        <v>1.4871794869999999</v>
      </c>
    </row>
    <row r="4964" spans="1:10" x14ac:dyDescent="0.35">
      <c r="A4964" t="s">
        <v>26</v>
      </c>
      <c r="B4964" t="s">
        <v>31</v>
      </c>
      <c r="C4964" t="s">
        <v>117</v>
      </c>
      <c r="D4964" t="s">
        <v>118</v>
      </c>
      <c r="E4964">
        <v>2011</v>
      </c>
      <c r="F4964">
        <v>2011</v>
      </c>
      <c r="G4964" t="s">
        <v>126</v>
      </c>
      <c r="H4964" t="s">
        <v>119</v>
      </c>
      <c r="I4964" t="s">
        <v>15</v>
      </c>
      <c r="J4964" s="10">
        <v>16.577186749999999</v>
      </c>
    </row>
    <row r="4965" spans="1:10" x14ac:dyDescent="0.35">
      <c r="A4965" t="s">
        <v>26</v>
      </c>
      <c r="B4965" t="s">
        <v>31</v>
      </c>
      <c r="C4965" t="s">
        <v>117</v>
      </c>
      <c r="D4965" t="s">
        <v>118</v>
      </c>
      <c r="E4965">
        <v>2011</v>
      </c>
      <c r="F4965">
        <v>2011</v>
      </c>
      <c r="G4965" t="s">
        <v>126</v>
      </c>
      <c r="H4965" t="s">
        <v>120</v>
      </c>
      <c r="I4965" t="s">
        <v>15</v>
      </c>
      <c r="J4965" s="10">
        <v>8.6589025629999998</v>
      </c>
    </row>
    <row r="4966" spans="1:10" x14ac:dyDescent="0.35">
      <c r="A4966" t="s">
        <v>26</v>
      </c>
      <c r="B4966" t="s">
        <v>31</v>
      </c>
      <c r="C4966" t="s">
        <v>117</v>
      </c>
      <c r="D4966" t="s">
        <v>118</v>
      </c>
      <c r="E4966">
        <v>2011</v>
      </c>
      <c r="F4966">
        <v>2011</v>
      </c>
      <c r="G4966" t="s">
        <v>126</v>
      </c>
      <c r="H4966" t="s">
        <v>121</v>
      </c>
      <c r="I4966" t="s">
        <v>15</v>
      </c>
      <c r="J4966" s="10">
        <v>30.15335481</v>
      </c>
    </row>
    <row r="4967" spans="1:10" x14ac:dyDescent="0.35">
      <c r="A4967" t="s">
        <v>26</v>
      </c>
      <c r="B4967" t="s">
        <v>31</v>
      </c>
      <c r="C4967" t="s">
        <v>117</v>
      </c>
      <c r="D4967" t="s">
        <v>118</v>
      </c>
      <c r="E4967">
        <v>2011</v>
      </c>
      <c r="F4967">
        <v>2011</v>
      </c>
      <c r="G4967" t="s">
        <v>126</v>
      </c>
      <c r="H4967" t="s">
        <v>122</v>
      </c>
      <c r="I4967" t="s">
        <v>15</v>
      </c>
      <c r="J4967" s="10">
        <v>22.51589989</v>
      </c>
    </row>
    <row r="4968" spans="1:10" x14ac:dyDescent="0.35">
      <c r="A4968" t="s">
        <v>26</v>
      </c>
      <c r="B4968" t="s">
        <v>31</v>
      </c>
      <c r="C4968" t="s">
        <v>117</v>
      </c>
      <c r="D4968" t="s">
        <v>118</v>
      </c>
      <c r="E4968">
        <v>2011</v>
      </c>
      <c r="F4968">
        <v>2011</v>
      </c>
      <c r="G4968" t="s">
        <v>126</v>
      </c>
      <c r="H4968" t="s">
        <v>123</v>
      </c>
      <c r="I4968" t="s">
        <v>15</v>
      </c>
      <c r="J4968" s="10">
        <v>19.088130830000001</v>
      </c>
    </row>
    <row r="4969" spans="1:10" x14ac:dyDescent="0.35">
      <c r="A4969" t="s">
        <v>26</v>
      </c>
      <c r="B4969" t="s">
        <v>31</v>
      </c>
      <c r="C4969" t="s">
        <v>117</v>
      </c>
      <c r="D4969" t="s">
        <v>118</v>
      </c>
      <c r="E4969">
        <v>2011</v>
      </c>
      <c r="F4969">
        <v>2011</v>
      </c>
      <c r="G4969" t="s">
        <v>126</v>
      </c>
      <c r="H4969" t="s">
        <v>124</v>
      </c>
      <c r="I4969" t="s">
        <v>15</v>
      </c>
      <c r="J4969" s="10">
        <v>3.006525151</v>
      </c>
    </row>
    <row r="4970" spans="1:10" x14ac:dyDescent="0.35">
      <c r="A4970" t="s">
        <v>28</v>
      </c>
      <c r="B4970" t="s">
        <v>32</v>
      </c>
      <c r="C4970" t="s">
        <v>117</v>
      </c>
      <c r="D4970" t="s">
        <v>118</v>
      </c>
      <c r="E4970">
        <v>2020</v>
      </c>
      <c r="F4970">
        <v>2020</v>
      </c>
      <c r="G4970" t="s">
        <v>14</v>
      </c>
      <c r="H4970" t="s">
        <v>119</v>
      </c>
      <c r="I4970" t="s">
        <v>15</v>
      </c>
      <c r="J4970" s="10">
        <v>16.798652950000001</v>
      </c>
    </row>
    <row r="4971" spans="1:10" x14ac:dyDescent="0.35">
      <c r="A4971" t="s">
        <v>28</v>
      </c>
      <c r="B4971" t="s">
        <v>32</v>
      </c>
      <c r="C4971" t="s">
        <v>117</v>
      </c>
      <c r="D4971" t="s">
        <v>118</v>
      </c>
      <c r="E4971">
        <v>2020</v>
      </c>
      <c r="F4971">
        <v>2020</v>
      </c>
      <c r="G4971" t="s">
        <v>14</v>
      </c>
      <c r="H4971" t="s">
        <v>120</v>
      </c>
      <c r="I4971" t="s">
        <v>15</v>
      </c>
      <c r="J4971" s="10">
        <v>9.2175537369999994</v>
      </c>
    </row>
    <row r="4972" spans="1:10" x14ac:dyDescent="0.35">
      <c r="A4972" t="s">
        <v>28</v>
      </c>
      <c r="B4972" t="s">
        <v>32</v>
      </c>
      <c r="C4972" t="s">
        <v>117</v>
      </c>
      <c r="D4972" t="s">
        <v>118</v>
      </c>
      <c r="E4972">
        <v>2020</v>
      </c>
      <c r="F4972">
        <v>2020</v>
      </c>
      <c r="G4972" t="s">
        <v>14</v>
      </c>
      <c r="H4972" t="s">
        <v>121</v>
      </c>
      <c r="I4972" t="s">
        <v>15</v>
      </c>
      <c r="J4972" s="10">
        <v>27.311952430000002</v>
      </c>
    </row>
    <row r="4973" spans="1:10" x14ac:dyDescent="0.35">
      <c r="A4973" t="s">
        <v>28</v>
      </c>
      <c r="B4973" t="s">
        <v>32</v>
      </c>
      <c r="C4973" t="s">
        <v>117</v>
      </c>
      <c r="D4973" t="s">
        <v>118</v>
      </c>
      <c r="E4973">
        <v>2020</v>
      </c>
      <c r="F4973">
        <v>2020</v>
      </c>
      <c r="G4973" t="s">
        <v>14</v>
      </c>
      <c r="H4973" t="s">
        <v>122</v>
      </c>
      <c r="I4973" t="s">
        <v>15</v>
      </c>
      <c r="J4973" s="10">
        <v>23.731221550000001</v>
      </c>
    </row>
    <row r="4974" spans="1:10" x14ac:dyDescent="0.35">
      <c r="A4974" t="s">
        <v>28</v>
      </c>
      <c r="B4974" t="s">
        <v>32</v>
      </c>
      <c r="C4974" t="s">
        <v>117</v>
      </c>
      <c r="D4974" t="s">
        <v>118</v>
      </c>
      <c r="E4974">
        <v>2020</v>
      </c>
      <c r="F4974">
        <v>2020</v>
      </c>
      <c r="G4974" t="s">
        <v>14</v>
      </c>
      <c r="H4974" t="s">
        <v>123</v>
      </c>
      <c r="I4974" t="s">
        <v>15</v>
      </c>
      <c r="J4974" s="10">
        <v>20.410955300000001</v>
      </c>
    </row>
    <row r="4975" spans="1:10" x14ac:dyDescent="0.35">
      <c r="A4975" t="s">
        <v>28</v>
      </c>
      <c r="B4975" t="s">
        <v>32</v>
      </c>
      <c r="C4975" t="s">
        <v>117</v>
      </c>
      <c r="D4975" t="s">
        <v>118</v>
      </c>
      <c r="E4975">
        <v>2020</v>
      </c>
      <c r="F4975">
        <v>2020</v>
      </c>
      <c r="G4975" t="s">
        <v>14</v>
      </c>
      <c r="H4975" t="s">
        <v>124</v>
      </c>
      <c r="I4975" t="s">
        <v>15</v>
      </c>
      <c r="J4975" s="10">
        <v>2.5296640269999999</v>
      </c>
    </row>
    <row r="4976" spans="1:10" x14ac:dyDescent="0.35">
      <c r="A4976" t="s">
        <v>28</v>
      </c>
      <c r="B4976" t="s">
        <v>32</v>
      </c>
      <c r="C4976" t="s">
        <v>117</v>
      </c>
      <c r="D4976" t="s">
        <v>118</v>
      </c>
      <c r="E4976">
        <v>2020</v>
      </c>
      <c r="F4976">
        <v>2020</v>
      </c>
      <c r="G4976" t="s">
        <v>125</v>
      </c>
      <c r="H4976" t="s">
        <v>119</v>
      </c>
      <c r="I4976" t="s">
        <v>15</v>
      </c>
      <c r="J4976" s="10">
        <v>17.653108169999999</v>
      </c>
    </row>
    <row r="4977" spans="1:10" x14ac:dyDescent="0.35">
      <c r="A4977" t="s">
        <v>28</v>
      </c>
      <c r="B4977" t="s">
        <v>32</v>
      </c>
      <c r="C4977" t="s">
        <v>117</v>
      </c>
      <c r="D4977" t="s">
        <v>118</v>
      </c>
      <c r="E4977">
        <v>2020</v>
      </c>
      <c r="F4977">
        <v>2020</v>
      </c>
      <c r="G4977" t="s">
        <v>125</v>
      </c>
      <c r="H4977" t="s">
        <v>120</v>
      </c>
      <c r="I4977" t="s">
        <v>15</v>
      </c>
      <c r="J4977" s="10">
        <v>9.9645476439999996</v>
      </c>
    </row>
    <row r="4978" spans="1:10" x14ac:dyDescent="0.35">
      <c r="A4978" t="s">
        <v>28</v>
      </c>
      <c r="B4978" t="s">
        <v>32</v>
      </c>
      <c r="C4978" t="s">
        <v>117</v>
      </c>
      <c r="D4978" t="s">
        <v>118</v>
      </c>
      <c r="E4978">
        <v>2020</v>
      </c>
      <c r="F4978">
        <v>2020</v>
      </c>
      <c r="G4978" t="s">
        <v>125</v>
      </c>
      <c r="H4978" t="s">
        <v>121</v>
      </c>
      <c r="I4978" t="s">
        <v>15</v>
      </c>
      <c r="J4978" s="10">
        <v>26.95732186</v>
      </c>
    </row>
    <row r="4979" spans="1:10" x14ac:dyDescent="0.35">
      <c r="A4979" t="s">
        <v>28</v>
      </c>
      <c r="B4979" t="s">
        <v>32</v>
      </c>
      <c r="C4979" t="s">
        <v>117</v>
      </c>
      <c r="D4979" t="s">
        <v>118</v>
      </c>
      <c r="E4979">
        <v>2020</v>
      </c>
      <c r="F4979">
        <v>2020</v>
      </c>
      <c r="G4979" t="s">
        <v>125</v>
      </c>
      <c r="H4979" t="s">
        <v>122</v>
      </c>
      <c r="I4979" t="s">
        <v>15</v>
      </c>
      <c r="J4979" s="10">
        <v>23.284890799999999</v>
      </c>
    </row>
    <row r="4980" spans="1:10" x14ac:dyDescent="0.35">
      <c r="A4980" t="s">
        <v>28</v>
      </c>
      <c r="B4980" t="s">
        <v>32</v>
      </c>
      <c r="C4980" t="s">
        <v>117</v>
      </c>
      <c r="D4980" t="s">
        <v>118</v>
      </c>
      <c r="E4980">
        <v>2020</v>
      </c>
      <c r="F4980">
        <v>2020</v>
      </c>
      <c r="G4980" t="s">
        <v>125</v>
      </c>
      <c r="H4980" t="s">
        <v>123</v>
      </c>
      <c r="I4980" t="s">
        <v>15</v>
      </c>
      <c r="J4980" s="10">
        <v>20.202430249999999</v>
      </c>
    </row>
    <row r="4981" spans="1:10" x14ac:dyDescent="0.35">
      <c r="A4981" t="s">
        <v>28</v>
      </c>
      <c r="B4981" t="s">
        <v>32</v>
      </c>
      <c r="C4981" t="s">
        <v>117</v>
      </c>
      <c r="D4981" t="s">
        <v>118</v>
      </c>
      <c r="E4981">
        <v>2020</v>
      </c>
      <c r="F4981">
        <v>2020</v>
      </c>
      <c r="G4981" t="s">
        <v>125</v>
      </c>
      <c r="H4981" t="s">
        <v>124</v>
      </c>
      <c r="I4981" t="s">
        <v>15</v>
      </c>
      <c r="J4981" s="10">
        <v>1.93770128</v>
      </c>
    </row>
    <row r="4982" spans="1:10" x14ac:dyDescent="0.35">
      <c r="A4982" t="s">
        <v>28</v>
      </c>
      <c r="B4982" t="s">
        <v>32</v>
      </c>
      <c r="C4982" t="s">
        <v>117</v>
      </c>
      <c r="D4982" t="s">
        <v>118</v>
      </c>
      <c r="E4982">
        <v>2020</v>
      </c>
      <c r="F4982">
        <v>2020</v>
      </c>
      <c r="G4982" t="s">
        <v>126</v>
      </c>
      <c r="H4982" t="s">
        <v>119</v>
      </c>
      <c r="I4982" t="s">
        <v>15</v>
      </c>
      <c r="J4982" s="10">
        <v>15.9904779</v>
      </c>
    </row>
    <row r="4983" spans="1:10" x14ac:dyDescent="0.35">
      <c r="A4983" t="s">
        <v>28</v>
      </c>
      <c r="B4983" t="s">
        <v>32</v>
      </c>
      <c r="C4983" t="s">
        <v>117</v>
      </c>
      <c r="D4983" t="s">
        <v>118</v>
      </c>
      <c r="E4983">
        <v>2020</v>
      </c>
      <c r="F4983">
        <v>2020</v>
      </c>
      <c r="G4983" t="s">
        <v>126</v>
      </c>
      <c r="H4983" t="s">
        <v>120</v>
      </c>
      <c r="I4983" t="s">
        <v>15</v>
      </c>
      <c r="J4983" s="10">
        <v>8.5110195310000005</v>
      </c>
    </row>
    <row r="4984" spans="1:10" x14ac:dyDescent="0.35">
      <c r="A4984" t="s">
        <v>28</v>
      </c>
      <c r="B4984" t="s">
        <v>32</v>
      </c>
      <c r="C4984" t="s">
        <v>117</v>
      </c>
      <c r="D4984" t="s">
        <v>118</v>
      </c>
      <c r="E4984">
        <v>2020</v>
      </c>
      <c r="F4984">
        <v>2020</v>
      </c>
      <c r="G4984" t="s">
        <v>126</v>
      </c>
      <c r="H4984" t="s">
        <v>121</v>
      </c>
      <c r="I4984" t="s">
        <v>15</v>
      </c>
      <c r="J4984" s="10">
        <v>27.647375019999998</v>
      </c>
    </row>
    <row r="4985" spans="1:10" x14ac:dyDescent="0.35">
      <c r="A4985" t="s">
        <v>28</v>
      </c>
      <c r="B4985" t="s">
        <v>32</v>
      </c>
      <c r="C4985" t="s">
        <v>117</v>
      </c>
      <c r="D4985" t="s">
        <v>118</v>
      </c>
      <c r="E4985">
        <v>2020</v>
      </c>
      <c r="F4985">
        <v>2020</v>
      </c>
      <c r="G4985" t="s">
        <v>126</v>
      </c>
      <c r="H4985" t="s">
        <v>122</v>
      </c>
      <c r="I4985" t="s">
        <v>15</v>
      </c>
      <c r="J4985" s="10">
        <v>24.15337753</v>
      </c>
    </row>
    <row r="4986" spans="1:10" x14ac:dyDescent="0.35">
      <c r="A4986" t="s">
        <v>28</v>
      </c>
      <c r="B4986" t="s">
        <v>32</v>
      </c>
      <c r="C4986" t="s">
        <v>117</v>
      </c>
      <c r="D4986" t="s">
        <v>118</v>
      </c>
      <c r="E4986">
        <v>2020</v>
      </c>
      <c r="F4986">
        <v>2020</v>
      </c>
      <c r="G4986" t="s">
        <v>126</v>
      </c>
      <c r="H4986" t="s">
        <v>123</v>
      </c>
      <c r="I4986" t="s">
        <v>15</v>
      </c>
      <c r="J4986" s="10">
        <v>20.608185939999998</v>
      </c>
    </row>
    <row r="4987" spans="1:10" x14ac:dyDescent="0.35">
      <c r="A4987" t="s">
        <v>28</v>
      </c>
      <c r="B4987" t="s">
        <v>32</v>
      </c>
      <c r="C4987" t="s">
        <v>117</v>
      </c>
      <c r="D4987" t="s">
        <v>118</v>
      </c>
      <c r="E4987">
        <v>2020</v>
      </c>
      <c r="F4987">
        <v>2020</v>
      </c>
      <c r="G4987" t="s">
        <v>126</v>
      </c>
      <c r="H4987" t="s">
        <v>124</v>
      </c>
      <c r="I4987" t="s">
        <v>15</v>
      </c>
      <c r="J4987" s="10">
        <v>3.0895640819999999</v>
      </c>
    </row>
    <row r="4988" spans="1:10" x14ac:dyDescent="0.35">
      <c r="A4988" t="s">
        <v>28</v>
      </c>
      <c r="B4988" t="s">
        <v>32</v>
      </c>
      <c r="C4988" t="s">
        <v>117</v>
      </c>
      <c r="D4988" t="s">
        <v>118</v>
      </c>
      <c r="E4988">
        <v>2019</v>
      </c>
      <c r="F4988">
        <v>2019</v>
      </c>
      <c r="G4988" t="s">
        <v>14</v>
      </c>
      <c r="H4988" t="s">
        <v>119</v>
      </c>
      <c r="I4988" t="s">
        <v>15</v>
      </c>
      <c r="J4988" s="10">
        <v>16.84011104</v>
      </c>
    </row>
    <row r="4989" spans="1:10" x14ac:dyDescent="0.35">
      <c r="A4989" t="s">
        <v>28</v>
      </c>
      <c r="B4989" t="s">
        <v>32</v>
      </c>
      <c r="C4989" t="s">
        <v>117</v>
      </c>
      <c r="D4989" t="s">
        <v>118</v>
      </c>
      <c r="E4989">
        <v>2019</v>
      </c>
      <c r="F4989">
        <v>2019</v>
      </c>
      <c r="G4989" t="s">
        <v>14</v>
      </c>
      <c r="H4989" t="s">
        <v>120</v>
      </c>
      <c r="I4989" t="s">
        <v>15</v>
      </c>
      <c r="J4989" s="10">
        <v>9.4528279550000001</v>
      </c>
    </row>
    <row r="4990" spans="1:10" x14ac:dyDescent="0.35">
      <c r="A4990" t="s">
        <v>28</v>
      </c>
      <c r="B4990" t="s">
        <v>32</v>
      </c>
      <c r="C4990" t="s">
        <v>117</v>
      </c>
      <c r="D4990" t="s">
        <v>118</v>
      </c>
      <c r="E4990">
        <v>2019</v>
      </c>
      <c r="F4990">
        <v>2019</v>
      </c>
      <c r="G4990" t="s">
        <v>14</v>
      </c>
      <c r="H4990" t="s">
        <v>121</v>
      </c>
      <c r="I4990" t="s">
        <v>15</v>
      </c>
      <c r="J4990" s="10">
        <v>27.583575629999999</v>
      </c>
    </row>
    <row r="4991" spans="1:10" x14ac:dyDescent="0.35">
      <c r="A4991" t="s">
        <v>28</v>
      </c>
      <c r="B4991" t="s">
        <v>32</v>
      </c>
      <c r="C4991" t="s">
        <v>117</v>
      </c>
      <c r="D4991" t="s">
        <v>118</v>
      </c>
      <c r="E4991">
        <v>2019</v>
      </c>
      <c r="F4991">
        <v>2019</v>
      </c>
      <c r="G4991" t="s">
        <v>14</v>
      </c>
      <c r="H4991" t="s">
        <v>122</v>
      </c>
      <c r="I4991" t="s">
        <v>15</v>
      </c>
      <c r="J4991" s="10">
        <v>23.397229280000001</v>
      </c>
    </row>
    <row r="4992" spans="1:10" x14ac:dyDescent="0.35">
      <c r="A4992" t="s">
        <v>28</v>
      </c>
      <c r="B4992" t="s">
        <v>32</v>
      </c>
      <c r="C4992" t="s">
        <v>117</v>
      </c>
      <c r="D4992" t="s">
        <v>118</v>
      </c>
      <c r="E4992">
        <v>2019</v>
      </c>
      <c r="F4992">
        <v>2019</v>
      </c>
      <c r="G4992" t="s">
        <v>14</v>
      </c>
      <c r="H4992" t="s">
        <v>123</v>
      </c>
      <c r="I4992" t="s">
        <v>15</v>
      </c>
      <c r="J4992" s="10">
        <v>20.264705500000002</v>
      </c>
    </row>
    <row r="4993" spans="1:10" x14ac:dyDescent="0.35">
      <c r="A4993" t="s">
        <v>28</v>
      </c>
      <c r="B4993" t="s">
        <v>32</v>
      </c>
      <c r="C4993" t="s">
        <v>117</v>
      </c>
      <c r="D4993" t="s">
        <v>118</v>
      </c>
      <c r="E4993">
        <v>2019</v>
      </c>
      <c r="F4993">
        <v>2019</v>
      </c>
      <c r="G4993" t="s">
        <v>14</v>
      </c>
      <c r="H4993" t="s">
        <v>124</v>
      </c>
      <c r="I4993" t="s">
        <v>15</v>
      </c>
      <c r="J4993" s="10">
        <v>2.4615506059999999</v>
      </c>
    </row>
    <row r="4994" spans="1:10" x14ac:dyDescent="0.35">
      <c r="A4994" t="s">
        <v>28</v>
      </c>
      <c r="B4994" t="s">
        <v>32</v>
      </c>
      <c r="C4994" t="s">
        <v>117</v>
      </c>
      <c r="D4994" t="s">
        <v>118</v>
      </c>
      <c r="E4994">
        <v>2019</v>
      </c>
      <c r="F4994">
        <v>2019</v>
      </c>
      <c r="G4994" t="s">
        <v>125</v>
      </c>
      <c r="H4994" t="s">
        <v>119</v>
      </c>
      <c r="I4994" t="s">
        <v>15</v>
      </c>
      <c r="J4994" s="10">
        <v>17.740535850000001</v>
      </c>
    </row>
    <row r="4995" spans="1:10" x14ac:dyDescent="0.35">
      <c r="A4995" t="s">
        <v>28</v>
      </c>
      <c r="B4995" t="s">
        <v>32</v>
      </c>
      <c r="C4995" t="s">
        <v>117</v>
      </c>
      <c r="D4995" t="s">
        <v>118</v>
      </c>
      <c r="E4995">
        <v>2019</v>
      </c>
      <c r="F4995">
        <v>2019</v>
      </c>
      <c r="G4995" t="s">
        <v>125</v>
      </c>
      <c r="H4995" t="s">
        <v>120</v>
      </c>
      <c r="I4995" t="s">
        <v>15</v>
      </c>
      <c r="J4995" s="10">
        <v>10.239722309999999</v>
      </c>
    </row>
    <row r="4996" spans="1:10" x14ac:dyDescent="0.35">
      <c r="A4996" t="s">
        <v>28</v>
      </c>
      <c r="B4996" t="s">
        <v>32</v>
      </c>
      <c r="C4996" t="s">
        <v>117</v>
      </c>
      <c r="D4996" t="s">
        <v>118</v>
      </c>
      <c r="E4996">
        <v>2019</v>
      </c>
      <c r="F4996">
        <v>2019</v>
      </c>
      <c r="G4996" t="s">
        <v>125</v>
      </c>
      <c r="H4996" t="s">
        <v>121</v>
      </c>
      <c r="I4996" t="s">
        <v>15</v>
      </c>
      <c r="J4996" s="10">
        <v>27.082655389999999</v>
      </c>
    </row>
    <row r="4997" spans="1:10" x14ac:dyDescent="0.35">
      <c r="A4997" t="s">
        <v>28</v>
      </c>
      <c r="B4997" t="s">
        <v>32</v>
      </c>
      <c r="C4997" t="s">
        <v>117</v>
      </c>
      <c r="D4997" t="s">
        <v>118</v>
      </c>
      <c r="E4997">
        <v>2019</v>
      </c>
      <c r="F4997">
        <v>2019</v>
      </c>
      <c r="G4997" t="s">
        <v>125</v>
      </c>
      <c r="H4997" t="s">
        <v>122</v>
      </c>
      <c r="I4997" t="s">
        <v>15</v>
      </c>
      <c r="J4997" s="10">
        <v>23.069204899999999</v>
      </c>
    </row>
    <row r="4998" spans="1:10" x14ac:dyDescent="0.35">
      <c r="A4998" t="s">
        <v>28</v>
      </c>
      <c r="B4998" t="s">
        <v>32</v>
      </c>
      <c r="C4998" t="s">
        <v>117</v>
      </c>
      <c r="D4998" t="s">
        <v>118</v>
      </c>
      <c r="E4998">
        <v>2019</v>
      </c>
      <c r="F4998">
        <v>2019</v>
      </c>
      <c r="G4998" t="s">
        <v>125</v>
      </c>
      <c r="H4998" t="s">
        <v>123</v>
      </c>
      <c r="I4998" t="s">
        <v>15</v>
      </c>
      <c r="J4998" s="10">
        <v>20.072676000000001</v>
      </c>
    </row>
    <row r="4999" spans="1:10" x14ac:dyDescent="0.35">
      <c r="A4999" t="s">
        <v>28</v>
      </c>
      <c r="B4999" t="s">
        <v>32</v>
      </c>
      <c r="C4999" t="s">
        <v>117</v>
      </c>
      <c r="D4999" t="s">
        <v>118</v>
      </c>
      <c r="E4999">
        <v>2019</v>
      </c>
      <c r="F4999">
        <v>2019</v>
      </c>
      <c r="G4999" t="s">
        <v>125</v>
      </c>
      <c r="H4999" t="s">
        <v>124</v>
      </c>
      <c r="I4999" t="s">
        <v>15</v>
      </c>
      <c r="J4999" s="10">
        <v>1.795205554</v>
      </c>
    </row>
    <row r="5000" spans="1:10" x14ac:dyDescent="0.35">
      <c r="A5000" t="s">
        <v>28</v>
      </c>
      <c r="B5000" t="s">
        <v>32</v>
      </c>
      <c r="C5000" t="s">
        <v>117</v>
      </c>
      <c r="D5000" t="s">
        <v>118</v>
      </c>
      <c r="E5000">
        <v>2019</v>
      </c>
      <c r="F5000">
        <v>2019</v>
      </c>
      <c r="G5000" t="s">
        <v>126</v>
      </c>
      <c r="H5000" t="s">
        <v>119</v>
      </c>
      <c r="I5000" t="s">
        <v>15</v>
      </c>
      <c r="J5000" s="10">
        <v>15.99161833</v>
      </c>
    </row>
    <row r="5001" spans="1:10" x14ac:dyDescent="0.35">
      <c r="A5001" t="s">
        <v>28</v>
      </c>
      <c r="B5001" t="s">
        <v>32</v>
      </c>
      <c r="C5001" t="s">
        <v>117</v>
      </c>
      <c r="D5001" t="s">
        <v>118</v>
      </c>
      <c r="E5001">
        <v>2019</v>
      </c>
      <c r="F5001">
        <v>2019</v>
      </c>
      <c r="G5001" t="s">
        <v>126</v>
      </c>
      <c r="H5001" t="s">
        <v>120</v>
      </c>
      <c r="I5001" t="s">
        <v>15</v>
      </c>
      <c r="J5001" s="10">
        <v>8.7113178139999992</v>
      </c>
    </row>
    <row r="5002" spans="1:10" x14ac:dyDescent="0.35">
      <c r="A5002" t="s">
        <v>28</v>
      </c>
      <c r="B5002" t="s">
        <v>32</v>
      </c>
      <c r="C5002" t="s">
        <v>117</v>
      </c>
      <c r="D5002" t="s">
        <v>118</v>
      </c>
      <c r="E5002">
        <v>2019</v>
      </c>
      <c r="F5002">
        <v>2019</v>
      </c>
      <c r="G5002" t="s">
        <v>126</v>
      </c>
      <c r="H5002" t="s">
        <v>121</v>
      </c>
      <c r="I5002" t="s">
        <v>15</v>
      </c>
      <c r="J5002" s="10">
        <v>28.055605239999998</v>
      </c>
    </row>
    <row r="5003" spans="1:10" x14ac:dyDescent="0.35">
      <c r="A5003" t="s">
        <v>28</v>
      </c>
      <c r="B5003" t="s">
        <v>32</v>
      </c>
      <c r="C5003" t="s">
        <v>117</v>
      </c>
      <c r="D5003" t="s">
        <v>118</v>
      </c>
      <c r="E5003">
        <v>2019</v>
      </c>
      <c r="F5003">
        <v>2019</v>
      </c>
      <c r="G5003" t="s">
        <v>126</v>
      </c>
      <c r="H5003" t="s">
        <v>122</v>
      </c>
      <c r="I5003" t="s">
        <v>15</v>
      </c>
      <c r="J5003" s="10">
        <v>23.706334810000001</v>
      </c>
    </row>
    <row r="5004" spans="1:10" x14ac:dyDescent="0.35">
      <c r="A5004" t="s">
        <v>28</v>
      </c>
      <c r="B5004" t="s">
        <v>32</v>
      </c>
      <c r="C5004" t="s">
        <v>117</v>
      </c>
      <c r="D5004" t="s">
        <v>118</v>
      </c>
      <c r="E5004">
        <v>2019</v>
      </c>
      <c r="F5004">
        <v>2019</v>
      </c>
      <c r="G5004" t="s">
        <v>126</v>
      </c>
      <c r="H5004" t="s">
        <v>123</v>
      </c>
      <c r="I5004" t="s">
        <v>15</v>
      </c>
      <c r="J5004" s="10">
        <v>20.445659670000001</v>
      </c>
    </row>
    <row r="5005" spans="1:10" x14ac:dyDescent="0.35">
      <c r="A5005" t="s">
        <v>28</v>
      </c>
      <c r="B5005" t="s">
        <v>32</v>
      </c>
      <c r="C5005" t="s">
        <v>117</v>
      </c>
      <c r="D5005" t="s">
        <v>118</v>
      </c>
      <c r="E5005">
        <v>2019</v>
      </c>
      <c r="F5005">
        <v>2019</v>
      </c>
      <c r="G5005" t="s">
        <v>126</v>
      </c>
      <c r="H5005" t="s">
        <v>124</v>
      </c>
      <c r="I5005" t="s">
        <v>15</v>
      </c>
      <c r="J5005" s="10">
        <v>3.0894641350000001</v>
      </c>
    </row>
    <row r="5006" spans="1:10" x14ac:dyDescent="0.35">
      <c r="A5006" t="s">
        <v>28</v>
      </c>
      <c r="B5006" t="s">
        <v>32</v>
      </c>
      <c r="C5006" t="s">
        <v>117</v>
      </c>
      <c r="D5006" t="s">
        <v>118</v>
      </c>
      <c r="E5006">
        <v>2018</v>
      </c>
      <c r="F5006">
        <v>2018</v>
      </c>
      <c r="G5006" t="s">
        <v>14</v>
      </c>
      <c r="H5006" t="s">
        <v>119</v>
      </c>
      <c r="I5006" t="s">
        <v>15</v>
      </c>
      <c r="J5006" s="10">
        <v>16.868612370000001</v>
      </c>
    </row>
    <row r="5007" spans="1:10" x14ac:dyDescent="0.35">
      <c r="A5007" t="s">
        <v>28</v>
      </c>
      <c r="B5007" t="s">
        <v>32</v>
      </c>
      <c r="C5007" t="s">
        <v>117</v>
      </c>
      <c r="D5007" t="s">
        <v>118</v>
      </c>
      <c r="E5007">
        <v>2018</v>
      </c>
      <c r="F5007">
        <v>2018</v>
      </c>
      <c r="G5007" t="s">
        <v>14</v>
      </c>
      <c r="H5007" t="s">
        <v>120</v>
      </c>
      <c r="I5007" t="s">
        <v>15</v>
      </c>
      <c r="J5007" s="10">
        <v>9.6314929930000002</v>
      </c>
    </row>
    <row r="5008" spans="1:10" x14ac:dyDescent="0.35">
      <c r="A5008" t="s">
        <v>28</v>
      </c>
      <c r="B5008" t="s">
        <v>32</v>
      </c>
      <c r="C5008" t="s">
        <v>117</v>
      </c>
      <c r="D5008" t="s">
        <v>118</v>
      </c>
      <c r="E5008">
        <v>2018</v>
      </c>
      <c r="F5008">
        <v>2018</v>
      </c>
      <c r="G5008" t="s">
        <v>14</v>
      </c>
      <c r="H5008" t="s">
        <v>121</v>
      </c>
      <c r="I5008" t="s">
        <v>15</v>
      </c>
      <c r="J5008" s="10">
        <v>27.984406280000002</v>
      </c>
    </row>
    <row r="5009" spans="1:10" x14ac:dyDescent="0.35">
      <c r="A5009" t="s">
        <v>28</v>
      </c>
      <c r="B5009" t="s">
        <v>32</v>
      </c>
      <c r="C5009" t="s">
        <v>117</v>
      </c>
      <c r="D5009" t="s">
        <v>118</v>
      </c>
      <c r="E5009">
        <v>2018</v>
      </c>
      <c r="F5009">
        <v>2018</v>
      </c>
      <c r="G5009" t="s">
        <v>14</v>
      </c>
      <c r="H5009" t="s">
        <v>122</v>
      </c>
      <c r="I5009" t="s">
        <v>15</v>
      </c>
      <c r="J5009" s="10">
        <v>23.206195340000001</v>
      </c>
    </row>
    <row r="5010" spans="1:10" x14ac:dyDescent="0.35">
      <c r="A5010" t="s">
        <v>28</v>
      </c>
      <c r="B5010" t="s">
        <v>32</v>
      </c>
      <c r="C5010" t="s">
        <v>117</v>
      </c>
      <c r="D5010" t="s">
        <v>118</v>
      </c>
      <c r="E5010">
        <v>2018</v>
      </c>
      <c r="F5010">
        <v>2018</v>
      </c>
      <c r="G5010" t="s">
        <v>14</v>
      </c>
      <c r="H5010" t="s">
        <v>123</v>
      </c>
      <c r="I5010" t="s">
        <v>15</v>
      </c>
      <c r="J5010" s="10">
        <v>19.989990519999999</v>
      </c>
    </row>
    <row r="5011" spans="1:10" x14ac:dyDescent="0.35">
      <c r="A5011" t="s">
        <v>28</v>
      </c>
      <c r="B5011" t="s">
        <v>32</v>
      </c>
      <c r="C5011" t="s">
        <v>117</v>
      </c>
      <c r="D5011" t="s">
        <v>118</v>
      </c>
      <c r="E5011">
        <v>2018</v>
      </c>
      <c r="F5011">
        <v>2018</v>
      </c>
      <c r="G5011" t="s">
        <v>14</v>
      </c>
      <c r="H5011" t="s">
        <v>124</v>
      </c>
      <c r="I5011" t="s">
        <v>15</v>
      </c>
      <c r="J5011" s="10">
        <v>2.3193024969999998</v>
      </c>
    </row>
    <row r="5012" spans="1:10" x14ac:dyDescent="0.35">
      <c r="A5012" t="s">
        <v>28</v>
      </c>
      <c r="B5012" t="s">
        <v>32</v>
      </c>
      <c r="C5012" t="s">
        <v>117</v>
      </c>
      <c r="D5012" t="s">
        <v>118</v>
      </c>
      <c r="E5012">
        <v>2018</v>
      </c>
      <c r="F5012">
        <v>2018</v>
      </c>
      <c r="G5012" t="s">
        <v>125</v>
      </c>
      <c r="H5012" t="s">
        <v>119</v>
      </c>
      <c r="I5012" t="s">
        <v>15</v>
      </c>
      <c r="J5012" s="10">
        <v>17.737119280000002</v>
      </c>
    </row>
    <row r="5013" spans="1:10" x14ac:dyDescent="0.35">
      <c r="A5013" t="s">
        <v>28</v>
      </c>
      <c r="B5013" t="s">
        <v>32</v>
      </c>
      <c r="C5013" t="s">
        <v>117</v>
      </c>
      <c r="D5013" t="s">
        <v>118</v>
      </c>
      <c r="E5013">
        <v>2018</v>
      </c>
      <c r="F5013">
        <v>2018</v>
      </c>
      <c r="G5013" t="s">
        <v>125</v>
      </c>
      <c r="H5013" t="s">
        <v>120</v>
      </c>
      <c r="I5013" t="s">
        <v>15</v>
      </c>
      <c r="J5013" s="10">
        <v>10.44302079</v>
      </c>
    </row>
    <row r="5014" spans="1:10" x14ac:dyDescent="0.35">
      <c r="A5014" t="s">
        <v>28</v>
      </c>
      <c r="B5014" t="s">
        <v>32</v>
      </c>
      <c r="C5014" t="s">
        <v>117</v>
      </c>
      <c r="D5014" t="s">
        <v>118</v>
      </c>
      <c r="E5014">
        <v>2018</v>
      </c>
      <c r="F5014">
        <v>2018</v>
      </c>
      <c r="G5014" t="s">
        <v>125</v>
      </c>
      <c r="H5014" t="s">
        <v>121</v>
      </c>
      <c r="I5014" t="s">
        <v>15</v>
      </c>
      <c r="J5014" s="10">
        <v>27.376621969999999</v>
      </c>
    </row>
    <row r="5015" spans="1:10" x14ac:dyDescent="0.35">
      <c r="A5015" t="s">
        <v>28</v>
      </c>
      <c r="B5015" t="s">
        <v>32</v>
      </c>
      <c r="C5015" t="s">
        <v>117</v>
      </c>
      <c r="D5015" t="s">
        <v>118</v>
      </c>
      <c r="E5015">
        <v>2018</v>
      </c>
      <c r="F5015">
        <v>2018</v>
      </c>
      <c r="G5015" t="s">
        <v>125</v>
      </c>
      <c r="H5015" t="s">
        <v>122</v>
      </c>
      <c r="I5015" t="s">
        <v>15</v>
      </c>
      <c r="J5015" s="10">
        <v>23.04685379</v>
      </c>
    </row>
    <row r="5016" spans="1:10" x14ac:dyDescent="0.35">
      <c r="A5016" t="s">
        <v>28</v>
      </c>
      <c r="B5016" t="s">
        <v>32</v>
      </c>
      <c r="C5016" t="s">
        <v>117</v>
      </c>
      <c r="D5016" t="s">
        <v>118</v>
      </c>
      <c r="E5016">
        <v>2018</v>
      </c>
      <c r="F5016">
        <v>2018</v>
      </c>
      <c r="G5016" t="s">
        <v>125</v>
      </c>
      <c r="H5016" t="s">
        <v>123</v>
      </c>
      <c r="I5016" t="s">
        <v>15</v>
      </c>
      <c r="J5016" s="10">
        <v>19.737770780000002</v>
      </c>
    </row>
    <row r="5017" spans="1:10" x14ac:dyDescent="0.35">
      <c r="A5017" t="s">
        <v>28</v>
      </c>
      <c r="B5017" t="s">
        <v>32</v>
      </c>
      <c r="C5017" t="s">
        <v>117</v>
      </c>
      <c r="D5017" t="s">
        <v>118</v>
      </c>
      <c r="E5017">
        <v>2018</v>
      </c>
      <c r="F5017">
        <v>2018</v>
      </c>
      <c r="G5017" t="s">
        <v>125</v>
      </c>
      <c r="H5017" t="s">
        <v>124</v>
      </c>
      <c r="I5017" t="s">
        <v>15</v>
      </c>
      <c r="J5017" s="10">
        <v>1.658613388</v>
      </c>
    </row>
    <row r="5018" spans="1:10" x14ac:dyDescent="0.35">
      <c r="A5018" t="s">
        <v>28</v>
      </c>
      <c r="B5018" t="s">
        <v>32</v>
      </c>
      <c r="C5018" t="s">
        <v>117</v>
      </c>
      <c r="D5018" t="s">
        <v>118</v>
      </c>
      <c r="E5018">
        <v>2018</v>
      </c>
      <c r="F5018">
        <v>2018</v>
      </c>
      <c r="G5018" t="s">
        <v>126</v>
      </c>
      <c r="H5018" t="s">
        <v>119</v>
      </c>
      <c r="I5018" t="s">
        <v>15</v>
      </c>
      <c r="J5018" s="10">
        <v>16.0501407</v>
      </c>
    </row>
    <row r="5019" spans="1:10" x14ac:dyDescent="0.35">
      <c r="A5019" t="s">
        <v>28</v>
      </c>
      <c r="B5019" t="s">
        <v>32</v>
      </c>
      <c r="C5019" t="s">
        <v>117</v>
      </c>
      <c r="D5019" t="s">
        <v>118</v>
      </c>
      <c r="E5019">
        <v>2018</v>
      </c>
      <c r="F5019">
        <v>2018</v>
      </c>
      <c r="G5019" t="s">
        <v>126</v>
      </c>
      <c r="H5019" t="s">
        <v>120</v>
      </c>
      <c r="I5019" t="s">
        <v>15</v>
      </c>
      <c r="J5019" s="10">
        <v>8.8667178310000008</v>
      </c>
    </row>
    <row r="5020" spans="1:10" x14ac:dyDescent="0.35">
      <c r="A5020" t="s">
        <v>28</v>
      </c>
      <c r="B5020" t="s">
        <v>32</v>
      </c>
      <c r="C5020" t="s">
        <v>117</v>
      </c>
      <c r="D5020" t="s">
        <v>118</v>
      </c>
      <c r="E5020">
        <v>2018</v>
      </c>
      <c r="F5020">
        <v>2018</v>
      </c>
      <c r="G5020" t="s">
        <v>126</v>
      </c>
      <c r="H5020" t="s">
        <v>121</v>
      </c>
      <c r="I5020" t="s">
        <v>15</v>
      </c>
      <c r="J5020" s="10">
        <v>28.557175749999999</v>
      </c>
    </row>
    <row r="5021" spans="1:10" x14ac:dyDescent="0.35">
      <c r="A5021" t="s">
        <v>28</v>
      </c>
      <c r="B5021" t="s">
        <v>32</v>
      </c>
      <c r="C5021" t="s">
        <v>117</v>
      </c>
      <c r="D5021" t="s">
        <v>118</v>
      </c>
      <c r="E5021">
        <v>2018</v>
      </c>
      <c r="F5021">
        <v>2018</v>
      </c>
      <c r="G5021" t="s">
        <v>126</v>
      </c>
      <c r="H5021" t="s">
        <v>122</v>
      </c>
      <c r="I5021" t="s">
        <v>15</v>
      </c>
      <c r="J5021" s="10">
        <v>23.356357119999998</v>
      </c>
    </row>
    <row r="5022" spans="1:10" x14ac:dyDescent="0.35">
      <c r="A5022" t="s">
        <v>28</v>
      </c>
      <c r="B5022" t="s">
        <v>32</v>
      </c>
      <c r="C5022" t="s">
        <v>117</v>
      </c>
      <c r="D5022" t="s">
        <v>118</v>
      </c>
      <c r="E5022">
        <v>2018</v>
      </c>
      <c r="F5022">
        <v>2018</v>
      </c>
      <c r="G5022" t="s">
        <v>126</v>
      </c>
      <c r="H5022" t="s">
        <v>123</v>
      </c>
      <c r="I5022" t="s">
        <v>15</v>
      </c>
      <c r="J5022" s="10">
        <v>20.22767971</v>
      </c>
    </row>
    <row r="5023" spans="1:10" x14ac:dyDescent="0.35">
      <c r="A5023" t="s">
        <v>28</v>
      </c>
      <c r="B5023" t="s">
        <v>32</v>
      </c>
      <c r="C5023" t="s">
        <v>117</v>
      </c>
      <c r="D5023" t="s">
        <v>118</v>
      </c>
      <c r="E5023">
        <v>2018</v>
      </c>
      <c r="F5023">
        <v>2018</v>
      </c>
      <c r="G5023" t="s">
        <v>126</v>
      </c>
      <c r="H5023" t="s">
        <v>124</v>
      </c>
      <c r="I5023" t="s">
        <v>15</v>
      </c>
      <c r="J5023" s="10">
        <v>2.941928882</v>
      </c>
    </row>
    <row r="5024" spans="1:10" x14ac:dyDescent="0.35">
      <c r="A5024" t="s">
        <v>28</v>
      </c>
      <c r="B5024" t="s">
        <v>32</v>
      </c>
      <c r="C5024" t="s">
        <v>117</v>
      </c>
      <c r="D5024" t="s">
        <v>118</v>
      </c>
      <c r="E5024">
        <v>2017</v>
      </c>
      <c r="F5024">
        <v>2017</v>
      </c>
      <c r="G5024" t="s">
        <v>14</v>
      </c>
      <c r="H5024" t="s">
        <v>119</v>
      </c>
      <c r="I5024" t="s">
        <v>15</v>
      </c>
      <c r="J5024" s="10">
        <v>16.900574800000001</v>
      </c>
    </row>
    <row r="5025" spans="1:10" x14ac:dyDescent="0.35">
      <c r="A5025" t="s">
        <v>28</v>
      </c>
      <c r="B5025" t="s">
        <v>32</v>
      </c>
      <c r="C5025" t="s">
        <v>117</v>
      </c>
      <c r="D5025" t="s">
        <v>118</v>
      </c>
      <c r="E5025">
        <v>2017</v>
      </c>
      <c r="F5025">
        <v>2017</v>
      </c>
      <c r="G5025" t="s">
        <v>14</v>
      </c>
      <c r="H5025" t="s">
        <v>120</v>
      </c>
      <c r="I5025" t="s">
        <v>15</v>
      </c>
      <c r="J5025" s="10">
        <v>9.8386099680000001</v>
      </c>
    </row>
    <row r="5026" spans="1:10" x14ac:dyDescent="0.35">
      <c r="A5026" t="s">
        <v>28</v>
      </c>
      <c r="B5026" t="s">
        <v>32</v>
      </c>
      <c r="C5026" t="s">
        <v>117</v>
      </c>
      <c r="D5026" t="s">
        <v>118</v>
      </c>
      <c r="E5026">
        <v>2017</v>
      </c>
      <c r="F5026">
        <v>2017</v>
      </c>
      <c r="G5026" t="s">
        <v>14</v>
      </c>
      <c r="H5026" t="s">
        <v>121</v>
      </c>
      <c r="I5026" t="s">
        <v>15</v>
      </c>
      <c r="J5026" s="10">
        <v>28.392544749999999</v>
      </c>
    </row>
    <row r="5027" spans="1:10" x14ac:dyDescent="0.35">
      <c r="A5027" t="s">
        <v>28</v>
      </c>
      <c r="B5027" t="s">
        <v>32</v>
      </c>
      <c r="C5027" t="s">
        <v>117</v>
      </c>
      <c r="D5027" t="s">
        <v>118</v>
      </c>
      <c r="E5027">
        <v>2017</v>
      </c>
      <c r="F5027">
        <v>2017</v>
      </c>
      <c r="G5027" t="s">
        <v>14</v>
      </c>
      <c r="H5027" t="s">
        <v>122</v>
      </c>
      <c r="I5027" t="s">
        <v>15</v>
      </c>
      <c r="J5027" s="10">
        <v>22.86819156</v>
      </c>
    </row>
    <row r="5028" spans="1:10" x14ac:dyDescent="0.35">
      <c r="A5028" t="s">
        <v>28</v>
      </c>
      <c r="B5028" t="s">
        <v>32</v>
      </c>
      <c r="C5028" t="s">
        <v>117</v>
      </c>
      <c r="D5028" t="s">
        <v>118</v>
      </c>
      <c r="E5028">
        <v>2017</v>
      </c>
      <c r="F5028">
        <v>2017</v>
      </c>
      <c r="G5028" t="s">
        <v>14</v>
      </c>
      <c r="H5028" t="s">
        <v>123</v>
      </c>
      <c r="I5028" t="s">
        <v>15</v>
      </c>
      <c r="J5028" s="10">
        <v>19.765346520000001</v>
      </c>
    </row>
    <row r="5029" spans="1:10" x14ac:dyDescent="0.35">
      <c r="A5029" t="s">
        <v>28</v>
      </c>
      <c r="B5029" t="s">
        <v>32</v>
      </c>
      <c r="C5029" t="s">
        <v>117</v>
      </c>
      <c r="D5029" t="s">
        <v>118</v>
      </c>
      <c r="E5029">
        <v>2017</v>
      </c>
      <c r="F5029">
        <v>2017</v>
      </c>
      <c r="G5029" t="s">
        <v>14</v>
      </c>
      <c r="H5029" t="s">
        <v>124</v>
      </c>
      <c r="I5029" t="s">
        <v>15</v>
      </c>
      <c r="J5029" s="10">
        <v>2.2347323979999998</v>
      </c>
    </row>
    <row r="5030" spans="1:10" x14ac:dyDescent="0.35">
      <c r="A5030" t="s">
        <v>28</v>
      </c>
      <c r="B5030" t="s">
        <v>32</v>
      </c>
      <c r="C5030" t="s">
        <v>117</v>
      </c>
      <c r="D5030" t="s">
        <v>118</v>
      </c>
      <c r="E5030">
        <v>2017</v>
      </c>
      <c r="F5030">
        <v>2017</v>
      </c>
      <c r="G5030" t="s">
        <v>125</v>
      </c>
      <c r="H5030" t="s">
        <v>119</v>
      </c>
      <c r="I5030" t="s">
        <v>15</v>
      </c>
      <c r="J5030" s="10">
        <v>17.836637419999999</v>
      </c>
    </row>
    <row r="5031" spans="1:10" x14ac:dyDescent="0.35">
      <c r="A5031" t="s">
        <v>28</v>
      </c>
      <c r="B5031" t="s">
        <v>32</v>
      </c>
      <c r="C5031" t="s">
        <v>117</v>
      </c>
      <c r="D5031" t="s">
        <v>118</v>
      </c>
      <c r="E5031">
        <v>2017</v>
      </c>
      <c r="F5031">
        <v>2017</v>
      </c>
      <c r="G5031" t="s">
        <v>125</v>
      </c>
      <c r="H5031" t="s">
        <v>120</v>
      </c>
      <c r="I5031" t="s">
        <v>15</v>
      </c>
      <c r="J5031" s="10">
        <v>10.581193799999999</v>
      </c>
    </row>
    <row r="5032" spans="1:10" x14ac:dyDescent="0.35">
      <c r="A5032" t="s">
        <v>28</v>
      </c>
      <c r="B5032" t="s">
        <v>32</v>
      </c>
      <c r="C5032" t="s">
        <v>117</v>
      </c>
      <c r="D5032" t="s">
        <v>118</v>
      </c>
      <c r="E5032">
        <v>2017</v>
      </c>
      <c r="F5032">
        <v>2017</v>
      </c>
      <c r="G5032" t="s">
        <v>125</v>
      </c>
      <c r="H5032" t="s">
        <v>121</v>
      </c>
      <c r="I5032" t="s">
        <v>15</v>
      </c>
      <c r="J5032" s="10">
        <v>27.743473080000001</v>
      </c>
    </row>
    <row r="5033" spans="1:10" x14ac:dyDescent="0.35">
      <c r="A5033" t="s">
        <v>28</v>
      </c>
      <c r="B5033" t="s">
        <v>32</v>
      </c>
      <c r="C5033" t="s">
        <v>117</v>
      </c>
      <c r="D5033" t="s">
        <v>118</v>
      </c>
      <c r="E5033">
        <v>2017</v>
      </c>
      <c r="F5033">
        <v>2017</v>
      </c>
      <c r="G5033" t="s">
        <v>125</v>
      </c>
      <c r="H5033" t="s">
        <v>122</v>
      </c>
      <c r="I5033" t="s">
        <v>15</v>
      </c>
      <c r="J5033" s="10">
        <v>22.719640340000002</v>
      </c>
    </row>
    <row r="5034" spans="1:10" x14ac:dyDescent="0.35">
      <c r="A5034" t="s">
        <v>28</v>
      </c>
      <c r="B5034" t="s">
        <v>32</v>
      </c>
      <c r="C5034" t="s">
        <v>117</v>
      </c>
      <c r="D5034" t="s">
        <v>118</v>
      </c>
      <c r="E5034">
        <v>2017</v>
      </c>
      <c r="F5034">
        <v>2017</v>
      </c>
      <c r="G5034" t="s">
        <v>125</v>
      </c>
      <c r="H5034" t="s">
        <v>123</v>
      </c>
      <c r="I5034" t="s">
        <v>15</v>
      </c>
      <c r="J5034" s="10">
        <v>19.521178639999999</v>
      </c>
    </row>
    <row r="5035" spans="1:10" x14ac:dyDescent="0.35">
      <c r="A5035" t="s">
        <v>28</v>
      </c>
      <c r="B5035" t="s">
        <v>32</v>
      </c>
      <c r="C5035" t="s">
        <v>117</v>
      </c>
      <c r="D5035" t="s">
        <v>118</v>
      </c>
      <c r="E5035">
        <v>2017</v>
      </c>
      <c r="F5035">
        <v>2017</v>
      </c>
      <c r="G5035" t="s">
        <v>125</v>
      </c>
      <c r="H5035" t="s">
        <v>124</v>
      </c>
      <c r="I5035" t="s">
        <v>15</v>
      </c>
      <c r="J5035" s="10">
        <v>1.5978767199999999</v>
      </c>
    </row>
    <row r="5036" spans="1:10" x14ac:dyDescent="0.35">
      <c r="A5036" t="s">
        <v>28</v>
      </c>
      <c r="B5036" t="s">
        <v>32</v>
      </c>
      <c r="C5036" t="s">
        <v>117</v>
      </c>
      <c r="D5036" t="s">
        <v>118</v>
      </c>
      <c r="E5036">
        <v>2017</v>
      </c>
      <c r="F5036">
        <v>2017</v>
      </c>
      <c r="G5036" t="s">
        <v>126</v>
      </c>
      <c r="H5036" t="s">
        <v>119</v>
      </c>
      <c r="I5036" t="s">
        <v>15</v>
      </c>
      <c r="J5036" s="10">
        <v>16.016673910000002</v>
      </c>
    </row>
    <row r="5037" spans="1:10" x14ac:dyDescent="0.35">
      <c r="A5037" t="s">
        <v>28</v>
      </c>
      <c r="B5037" t="s">
        <v>32</v>
      </c>
      <c r="C5037" t="s">
        <v>117</v>
      </c>
      <c r="D5037" t="s">
        <v>118</v>
      </c>
      <c r="E5037">
        <v>2017</v>
      </c>
      <c r="F5037">
        <v>2017</v>
      </c>
      <c r="G5037" t="s">
        <v>126</v>
      </c>
      <c r="H5037" t="s">
        <v>120</v>
      </c>
      <c r="I5037" t="s">
        <v>15</v>
      </c>
      <c r="J5037" s="10">
        <v>9.1374063369999998</v>
      </c>
    </row>
    <row r="5038" spans="1:10" x14ac:dyDescent="0.35">
      <c r="A5038" t="s">
        <v>28</v>
      </c>
      <c r="B5038" t="s">
        <v>32</v>
      </c>
      <c r="C5038" t="s">
        <v>117</v>
      </c>
      <c r="D5038" t="s">
        <v>118</v>
      </c>
      <c r="E5038">
        <v>2017</v>
      </c>
      <c r="F5038">
        <v>2017</v>
      </c>
      <c r="G5038" t="s">
        <v>126</v>
      </c>
      <c r="H5038" t="s">
        <v>121</v>
      </c>
      <c r="I5038" t="s">
        <v>15</v>
      </c>
      <c r="J5038" s="10">
        <v>29.005447149999998</v>
      </c>
    </row>
    <row r="5039" spans="1:10" x14ac:dyDescent="0.35">
      <c r="A5039" t="s">
        <v>28</v>
      </c>
      <c r="B5039" t="s">
        <v>32</v>
      </c>
      <c r="C5039" t="s">
        <v>117</v>
      </c>
      <c r="D5039" t="s">
        <v>118</v>
      </c>
      <c r="E5039">
        <v>2017</v>
      </c>
      <c r="F5039">
        <v>2017</v>
      </c>
      <c r="G5039" t="s">
        <v>126</v>
      </c>
      <c r="H5039" t="s">
        <v>122</v>
      </c>
      <c r="I5039" t="s">
        <v>15</v>
      </c>
      <c r="J5039" s="10">
        <v>23.00846482</v>
      </c>
    </row>
    <row r="5040" spans="1:10" x14ac:dyDescent="0.35">
      <c r="A5040" t="s">
        <v>28</v>
      </c>
      <c r="B5040" t="s">
        <v>32</v>
      </c>
      <c r="C5040" t="s">
        <v>117</v>
      </c>
      <c r="D5040" t="s">
        <v>118</v>
      </c>
      <c r="E5040">
        <v>2017</v>
      </c>
      <c r="F5040">
        <v>2017</v>
      </c>
      <c r="G5040" t="s">
        <v>126</v>
      </c>
      <c r="H5040" t="s">
        <v>123</v>
      </c>
      <c r="I5040" t="s">
        <v>15</v>
      </c>
      <c r="J5040" s="10">
        <v>19.995908239999999</v>
      </c>
    </row>
    <row r="5041" spans="1:10" x14ac:dyDescent="0.35">
      <c r="A5041" t="s">
        <v>28</v>
      </c>
      <c r="B5041" t="s">
        <v>32</v>
      </c>
      <c r="C5041" t="s">
        <v>117</v>
      </c>
      <c r="D5041" t="s">
        <v>118</v>
      </c>
      <c r="E5041">
        <v>2017</v>
      </c>
      <c r="F5041">
        <v>2017</v>
      </c>
      <c r="G5041" t="s">
        <v>126</v>
      </c>
      <c r="H5041" t="s">
        <v>124</v>
      </c>
      <c r="I5041" t="s">
        <v>15</v>
      </c>
      <c r="J5041" s="10">
        <v>2.836099532</v>
      </c>
    </row>
    <row r="5042" spans="1:10" x14ac:dyDescent="0.35">
      <c r="A5042" t="s">
        <v>28</v>
      </c>
      <c r="B5042" t="s">
        <v>32</v>
      </c>
      <c r="C5042" t="s">
        <v>117</v>
      </c>
      <c r="D5042" t="s">
        <v>118</v>
      </c>
      <c r="E5042">
        <v>2016</v>
      </c>
      <c r="F5042">
        <v>2016</v>
      </c>
      <c r="G5042" t="s">
        <v>14</v>
      </c>
      <c r="H5042" t="s">
        <v>119</v>
      </c>
      <c r="I5042" t="s">
        <v>15</v>
      </c>
      <c r="J5042" s="10">
        <v>16.979028679999999</v>
      </c>
    </row>
    <row r="5043" spans="1:10" x14ac:dyDescent="0.35">
      <c r="A5043" t="s">
        <v>28</v>
      </c>
      <c r="B5043" t="s">
        <v>32</v>
      </c>
      <c r="C5043" t="s">
        <v>117</v>
      </c>
      <c r="D5043" t="s">
        <v>118</v>
      </c>
      <c r="E5043">
        <v>2016</v>
      </c>
      <c r="F5043">
        <v>2016</v>
      </c>
      <c r="G5043" t="s">
        <v>14</v>
      </c>
      <c r="H5043" t="s">
        <v>120</v>
      </c>
      <c r="I5043" t="s">
        <v>15</v>
      </c>
      <c r="J5043" s="10">
        <v>10.01482026</v>
      </c>
    </row>
    <row r="5044" spans="1:10" x14ac:dyDescent="0.35">
      <c r="A5044" t="s">
        <v>28</v>
      </c>
      <c r="B5044" t="s">
        <v>32</v>
      </c>
      <c r="C5044" t="s">
        <v>117</v>
      </c>
      <c r="D5044" t="s">
        <v>118</v>
      </c>
      <c r="E5044">
        <v>2016</v>
      </c>
      <c r="F5044">
        <v>2016</v>
      </c>
      <c r="G5044" t="s">
        <v>14</v>
      </c>
      <c r="H5044" t="s">
        <v>121</v>
      </c>
      <c r="I5044" t="s">
        <v>15</v>
      </c>
      <c r="J5044" s="10">
        <v>28.913924479999999</v>
      </c>
    </row>
    <row r="5045" spans="1:10" x14ac:dyDescent="0.35">
      <c r="A5045" t="s">
        <v>28</v>
      </c>
      <c r="B5045" t="s">
        <v>32</v>
      </c>
      <c r="C5045" t="s">
        <v>117</v>
      </c>
      <c r="D5045" t="s">
        <v>118</v>
      </c>
      <c r="E5045">
        <v>2016</v>
      </c>
      <c r="F5045">
        <v>2016</v>
      </c>
      <c r="G5045" t="s">
        <v>14</v>
      </c>
      <c r="H5045" t="s">
        <v>122</v>
      </c>
      <c r="I5045" t="s">
        <v>15</v>
      </c>
      <c r="J5045" s="10">
        <v>22.503180449999999</v>
      </c>
    </row>
    <row r="5046" spans="1:10" x14ac:dyDescent="0.35">
      <c r="A5046" t="s">
        <v>28</v>
      </c>
      <c r="B5046" t="s">
        <v>32</v>
      </c>
      <c r="C5046" t="s">
        <v>117</v>
      </c>
      <c r="D5046" t="s">
        <v>118</v>
      </c>
      <c r="E5046">
        <v>2016</v>
      </c>
      <c r="F5046">
        <v>2016</v>
      </c>
      <c r="G5046" t="s">
        <v>14</v>
      </c>
      <c r="H5046" t="s">
        <v>123</v>
      </c>
      <c r="I5046" t="s">
        <v>15</v>
      </c>
      <c r="J5046" s="10">
        <v>19.456503210000001</v>
      </c>
    </row>
    <row r="5047" spans="1:10" x14ac:dyDescent="0.35">
      <c r="A5047" t="s">
        <v>28</v>
      </c>
      <c r="B5047" t="s">
        <v>32</v>
      </c>
      <c r="C5047" t="s">
        <v>117</v>
      </c>
      <c r="D5047" t="s">
        <v>118</v>
      </c>
      <c r="E5047">
        <v>2016</v>
      </c>
      <c r="F5047">
        <v>2016</v>
      </c>
      <c r="G5047" t="s">
        <v>14</v>
      </c>
      <c r="H5047" t="s">
        <v>124</v>
      </c>
      <c r="I5047" t="s">
        <v>15</v>
      </c>
      <c r="J5047" s="10">
        <v>2.1325429200000001</v>
      </c>
    </row>
    <row r="5048" spans="1:10" x14ac:dyDescent="0.35">
      <c r="A5048" t="s">
        <v>28</v>
      </c>
      <c r="B5048" t="s">
        <v>32</v>
      </c>
      <c r="C5048" t="s">
        <v>117</v>
      </c>
      <c r="D5048" t="s">
        <v>118</v>
      </c>
      <c r="E5048">
        <v>2016</v>
      </c>
      <c r="F5048">
        <v>2016</v>
      </c>
      <c r="G5048" t="s">
        <v>125</v>
      </c>
      <c r="H5048" t="s">
        <v>119</v>
      </c>
      <c r="I5048" t="s">
        <v>15</v>
      </c>
      <c r="J5048" s="10">
        <v>17.855890370000001</v>
      </c>
    </row>
    <row r="5049" spans="1:10" x14ac:dyDescent="0.35">
      <c r="A5049" t="s">
        <v>28</v>
      </c>
      <c r="B5049" t="s">
        <v>32</v>
      </c>
      <c r="C5049" t="s">
        <v>117</v>
      </c>
      <c r="D5049" t="s">
        <v>118</v>
      </c>
      <c r="E5049">
        <v>2016</v>
      </c>
      <c r="F5049">
        <v>2016</v>
      </c>
      <c r="G5049" t="s">
        <v>125</v>
      </c>
      <c r="H5049" t="s">
        <v>120</v>
      </c>
      <c r="I5049" t="s">
        <v>15</v>
      </c>
      <c r="J5049" s="10">
        <v>10.736734200000001</v>
      </c>
    </row>
    <row r="5050" spans="1:10" x14ac:dyDescent="0.35">
      <c r="A5050" t="s">
        <v>28</v>
      </c>
      <c r="B5050" t="s">
        <v>32</v>
      </c>
      <c r="C5050" t="s">
        <v>117</v>
      </c>
      <c r="D5050" t="s">
        <v>118</v>
      </c>
      <c r="E5050">
        <v>2016</v>
      </c>
      <c r="F5050">
        <v>2016</v>
      </c>
      <c r="G5050" t="s">
        <v>125</v>
      </c>
      <c r="H5050" t="s">
        <v>121</v>
      </c>
      <c r="I5050" t="s">
        <v>15</v>
      </c>
      <c r="J5050" s="10">
        <v>28.271601610000001</v>
      </c>
    </row>
    <row r="5051" spans="1:10" x14ac:dyDescent="0.35">
      <c r="A5051" t="s">
        <v>28</v>
      </c>
      <c r="B5051" t="s">
        <v>32</v>
      </c>
      <c r="C5051" t="s">
        <v>117</v>
      </c>
      <c r="D5051" t="s">
        <v>118</v>
      </c>
      <c r="E5051">
        <v>2016</v>
      </c>
      <c r="F5051">
        <v>2016</v>
      </c>
      <c r="G5051" t="s">
        <v>125</v>
      </c>
      <c r="H5051" t="s">
        <v>122</v>
      </c>
      <c r="I5051" t="s">
        <v>15</v>
      </c>
      <c r="J5051" s="10">
        <v>22.425746579999998</v>
      </c>
    </row>
    <row r="5052" spans="1:10" x14ac:dyDescent="0.35">
      <c r="A5052" t="s">
        <v>28</v>
      </c>
      <c r="B5052" t="s">
        <v>32</v>
      </c>
      <c r="C5052" t="s">
        <v>117</v>
      </c>
      <c r="D5052" t="s">
        <v>118</v>
      </c>
      <c r="E5052">
        <v>2016</v>
      </c>
      <c r="F5052">
        <v>2016</v>
      </c>
      <c r="G5052" t="s">
        <v>125</v>
      </c>
      <c r="H5052" t="s">
        <v>123</v>
      </c>
      <c r="I5052" t="s">
        <v>15</v>
      </c>
      <c r="J5052" s="10">
        <v>19.139982199999999</v>
      </c>
    </row>
    <row r="5053" spans="1:10" x14ac:dyDescent="0.35">
      <c r="A5053" t="s">
        <v>28</v>
      </c>
      <c r="B5053" t="s">
        <v>32</v>
      </c>
      <c r="C5053" t="s">
        <v>117</v>
      </c>
      <c r="D5053" t="s">
        <v>118</v>
      </c>
      <c r="E5053">
        <v>2016</v>
      </c>
      <c r="F5053">
        <v>2016</v>
      </c>
      <c r="G5053" t="s">
        <v>125</v>
      </c>
      <c r="H5053" t="s">
        <v>124</v>
      </c>
      <c r="I5053" t="s">
        <v>15</v>
      </c>
      <c r="J5053" s="10">
        <v>1.5700450509999999</v>
      </c>
    </row>
    <row r="5054" spans="1:10" x14ac:dyDescent="0.35">
      <c r="A5054" t="s">
        <v>28</v>
      </c>
      <c r="B5054" t="s">
        <v>32</v>
      </c>
      <c r="C5054" t="s">
        <v>117</v>
      </c>
      <c r="D5054" t="s">
        <v>118</v>
      </c>
      <c r="E5054">
        <v>2016</v>
      </c>
      <c r="F5054">
        <v>2016</v>
      </c>
      <c r="G5054" t="s">
        <v>126</v>
      </c>
      <c r="H5054" t="s">
        <v>119</v>
      </c>
      <c r="I5054" t="s">
        <v>15</v>
      </c>
      <c r="J5054" s="10">
        <v>16.149369539999999</v>
      </c>
    </row>
    <row r="5055" spans="1:10" x14ac:dyDescent="0.35">
      <c r="A5055" t="s">
        <v>28</v>
      </c>
      <c r="B5055" t="s">
        <v>32</v>
      </c>
      <c r="C5055" t="s">
        <v>117</v>
      </c>
      <c r="D5055" t="s">
        <v>118</v>
      </c>
      <c r="E5055">
        <v>2016</v>
      </c>
      <c r="F5055">
        <v>2016</v>
      </c>
      <c r="G5055" t="s">
        <v>126</v>
      </c>
      <c r="H5055" t="s">
        <v>120</v>
      </c>
      <c r="I5055" t="s">
        <v>15</v>
      </c>
      <c r="J5055" s="10">
        <v>9.3317678290000003</v>
      </c>
    </row>
    <row r="5056" spans="1:10" x14ac:dyDescent="0.35">
      <c r="A5056" t="s">
        <v>28</v>
      </c>
      <c r="B5056" t="s">
        <v>32</v>
      </c>
      <c r="C5056" t="s">
        <v>117</v>
      </c>
      <c r="D5056" t="s">
        <v>118</v>
      </c>
      <c r="E5056">
        <v>2016</v>
      </c>
      <c r="F5056">
        <v>2016</v>
      </c>
      <c r="G5056" t="s">
        <v>126</v>
      </c>
      <c r="H5056" t="s">
        <v>121</v>
      </c>
      <c r="I5056" t="s">
        <v>15</v>
      </c>
      <c r="J5056" s="10">
        <v>29.521670329999999</v>
      </c>
    </row>
    <row r="5057" spans="1:10" x14ac:dyDescent="0.35">
      <c r="A5057" t="s">
        <v>28</v>
      </c>
      <c r="B5057" t="s">
        <v>32</v>
      </c>
      <c r="C5057" t="s">
        <v>117</v>
      </c>
      <c r="D5057" t="s">
        <v>118</v>
      </c>
      <c r="E5057">
        <v>2016</v>
      </c>
      <c r="F5057">
        <v>2016</v>
      </c>
      <c r="G5057" t="s">
        <v>126</v>
      </c>
      <c r="H5057" t="s">
        <v>122</v>
      </c>
      <c r="I5057" t="s">
        <v>15</v>
      </c>
      <c r="J5057" s="10">
        <v>22.576445960000001</v>
      </c>
    </row>
    <row r="5058" spans="1:10" x14ac:dyDescent="0.35">
      <c r="A5058" t="s">
        <v>28</v>
      </c>
      <c r="B5058" t="s">
        <v>32</v>
      </c>
      <c r="C5058" t="s">
        <v>117</v>
      </c>
      <c r="D5058" t="s">
        <v>118</v>
      </c>
      <c r="E5058">
        <v>2016</v>
      </c>
      <c r="F5058">
        <v>2016</v>
      </c>
      <c r="G5058" t="s">
        <v>126</v>
      </c>
      <c r="H5058" t="s">
        <v>123</v>
      </c>
      <c r="I5058" t="s">
        <v>15</v>
      </c>
      <c r="J5058" s="10">
        <v>19.755985500000001</v>
      </c>
    </row>
    <row r="5059" spans="1:10" x14ac:dyDescent="0.35">
      <c r="A5059" t="s">
        <v>28</v>
      </c>
      <c r="B5059" t="s">
        <v>32</v>
      </c>
      <c r="C5059" t="s">
        <v>117</v>
      </c>
      <c r="D5059" t="s">
        <v>118</v>
      </c>
      <c r="E5059">
        <v>2016</v>
      </c>
      <c r="F5059">
        <v>2016</v>
      </c>
      <c r="G5059" t="s">
        <v>126</v>
      </c>
      <c r="H5059" t="s">
        <v>124</v>
      </c>
      <c r="I5059" t="s">
        <v>15</v>
      </c>
      <c r="J5059" s="10">
        <v>2.664760835</v>
      </c>
    </row>
    <row r="5060" spans="1:10" x14ac:dyDescent="0.35">
      <c r="A5060" t="s">
        <v>28</v>
      </c>
      <c r="B5060" t="s">
        <v>32</v>
      </c>
      <c r="C5060" t="s">
        <v>117</v>
      </c>
      <c r="D5060" t="s">
        <v>118</v>
      </c>
      <c r="E5060">
        <v>2015</v>
      </c>
      <c r="F5060">
        <v>2015</v>
      </c>
      <c r="G5060" t="s">
        <v>14</v>
      </c>
      <c r="H5060" t="s">
        <v>119</v>
      </c>
      <c r="I5060" t="s">
        <v>15</v>
      </c>
      <c r="J5060" s="10">
        <v>16.851881039999999</v>
      </c>
    </row>
    <row r="5061" spans="1:10" x14ac:dyDescent="0.35">
      <c r="A5061" t="s">
        <v>28</v>
      </c>
      <c r="B5061" t="s">
        <v>32</v>
      </c>
      <c r="C5061" t="s">
        <v>117</v>
      </c>
      <c r="D5061" t="s">
        <v>118</v>
      </c>
      <c r="E5061">
        <v>2015</v>
      </c>
      <c r="F5061">
        <v>2015</v>
      </c>
      <c r="G5061" t="s">
        <v>14</v>
      </c>
      <c r="H5061" t="s">
        <v>120</v>
      </c>
      <c r="I5061" t="s">
        <v>15</v>
      </c>
      <c r="J5061" s="10">
        <v>10.39433586</v>
      </c>
    </row>
    <row r="5062" spans="1:10" x14ac:dyDescent="0.35">
      <c r="A5062" t="s">
        <v>28</v>
      </c>
      <c r="B5062" t="s">
        <v>32</v>
      </c>
      <c r="C5062" t="s">
        <v>117</v>
      </c>
      <c r="D5062" t="s">
        <v>118</v>
      </c>
      <c r="E5062">
        <v>2015</v>
      </c>
      <c r="F5062">
        <v>2015</v>
      </c>
      <c r="G5062" t="s">
        <v>14</v>
      </c>
      <c r="H5062" t="s">
        <v>121</v>
      </c>
      <c r="I5062" t="s">
        <v>15</v>
      </c>
      <c r="J5062" s="10">
        <v>29.372898280000001</v>
      </c>
    </row>
    <row r="5063" spans="1:10" x14ac:dyDescent="0.35">
      <c r="A5063" t="s">
        <v>28</v>
      </c>
      <c r="B5063" t="s">
        <v>32</v>
      </c>
      <c r="C5063" t="s">
        <v>117</v>
      </c>
      <c r="D5063" t="s">
        <v>118</v>
      </c>
      <c r="E5063">
        <v>2015</v>
      </c>
      <c r="F5063">
        <v>2015</v>
      </c>
      <c r="G5063" t="s">
        <v>14</v>
      </c>
      <c r="H5063" t="s">
        <v>122</v>
      </c>
      <c r="I5063" t="s">
        <v>15</v>
      </c>
      <c r="J5063" s="10">
        <v>22.12326608</v>
      </c>
    </row>
    <row r="5064" spans="1:10" x14ac:dyDescent="0.35">
      <c r="A5064" t="s">
        <v>28</v>
      </c>
      <c r="B5064" t="s">
        <v>32</v>
      </c>
      <c r="C5064" t="s">
        <v>117</v>
      </c>
      <c r="D5064" t="s">
        <v>118</v>
      </c>
      <c r="E5064">
        <v>2015</v>
      </c>
      <c r="F5064">
        <v>2015</v>
      </c>
      <c r="G5064" t="s">
        <v>14</v>
      </c>
      <c r="H5064" t="s">
        <v>123</v>
      </c>
      <c r="I5064" t="s">
        <v>15</v>
      </c>
      <c r="J5064" s="10">
        <v>19.22288777</v>
      </c>
    </row>
    <row r="5065" spans="1:10" x14ac:dyDescent="0.35">
      <c r="A5065" t="s">
        <v>28</v>
      </c>
      <c r="B5065" t="s">
        <v>32</v>
      </c>
      <c r="C5065" t="s">
        <v>117</v>
      </c>
      <c r="D5065" t="s">
        <v>118</v>
      </c>
      <c r="E5065">
        <v>2015</v>
      </c>
      <c r="F5065">
        <v>2015</v>
      </c>
      <c r="G5065" t="s">
        <v>14</v>
      </c>
      <c r="H5065" t="s">
        <v>124</v>
      </c>
      <c r="I5065" t="s">
        <v>15</v>
      </c>
      <c r="J5065" s="10">
        <v>2.0347309789999999</v>
      </c>
    </row>
    <row r="5066" spans="1:10" x14ac:dyDescent="0.35">
      <c r="A5066" t="s">
        <v>28</v>
      </c>
      <c r="B5066" t="s">
        <v>32</v>
      </c>
      <c r="C5066" t="s">
        <v>117</v>
      </c>
      <c r="D5066" t="s">
        <v>118</v>
      </c>
      <c r="E5066">
        <v>2015</v>
      </c>
      <c r="F5066">
        <v>2015</v>
      </c>
      <c r="G5066" t="s">
        <v>125</v>
      </c>
      <c r="H5066" t="s">
        <v>119</v>
      </c>
      <c r="I5066" t="s">
        <v>15</v>
      </c>
      <c r="J5066" s="10">
        <v>17.803153009999999</v>
      </c>
    </row>
    <row r="5067" spans="1:10" x14ac:dyDescent="0.35">
      <c r="A5067" t="s">
        <v>28</v>
      </c>
      <c r="B5067" t="s">
        <v>32</v>
      </c>
      <c r="C5067" t="s">
        <v>117</v>
      </c>
      <c r="D5067" t="s">
        <v>118</v>
      </c>
      <c r="E5067">
        <v>2015</v>
      </c>
      <c r="F5067">
        <v>2015</v>
      </c>
      <c r="G5067" t="s">
        <v>125</v>
      </c>
      <c r="H5067" t="s">
        <v>120</v>
      </c>
      <c r="I5067" t="s">
        <v>15</v>
      </c>
      <c r="J5067" s="10">
        <v>10.938343590000001</v>
      </c>
    </row>
    <row r="5068" spans="1:10" x14ac:dyDescent="0.35">
      <c r="A5068" t="s">
        <v>28</v>
      </c>
      <c r="B5068" t="s">
        <v>32</v>
      </c>
      <c r="C5068" t="s">
        <v>117</v>
      </c>
      <c r="D5068" t="s">
        <v>118</v>
      </c>
      <c r="E5068">
        <v>2015</v>
      </c>
      <c r="F5068">
        <v>2015</v>
      </c>
      <c r="G5068" t="s">
        <v>125</v>
      </c>
      <c r="H5068" t="s">
        <v>121</v>
      </c>
      <c r="I5068" t="s">
        <v>15</v>
      </c>
      <c r="J5068" s="10">
        <v>28.781988989999999</v>
      </c>
    </row>
    <row r="5069" spans="1:10" x14ac:dyDescent="0.35">
      <c r="A5069" t="s">
        <v>28</v>
      </c>
      <c r="B5069" t="s">
        <v>32</v>
      </c>
      <c r="C5069" t="s">
        <v>117</v>
      </c>
      <c r="D5069" t="s">
        <v>118</v>
      </c>
      <c r="E5069">
        <v>2015</v>
      </c>
      <c r="F5069">
        <v>2015</v>
      </c>
      <c r="G5069" t="s">
        <v>125</v>
      </c>
      <c r="H5069" t="s">
        <v>122</v>
      </c>
      <c r="I5069" t="s">
        <v>15</v>
      </c>
      <c r="J5069" s="10">
        <v>22.165532880000001</v>
      </c>
    </row>
    <row r="5070" spans="1:10" x14ac:dyDescent="0.35">
      <c r="A5070" t="s">
        <v>28</v>
      </c>
      <c r="B5070" t="s">
        <v>32</v>
      </c>
      <c r="C5070" t="s">
        <v>117</v>
      </c>
      <c r="D5070" t="s">
        <v>118</v>
      </c>
      <c r="E5070">
        <v>2015</v>
      </c>
      <c r="F5070">
        <v>2015</v>
      </c>
      <c r="G5070" t="s">
        <v>125</v>
      </c>
      <c r="H5070" t="s">
        <v>123</v>
      </c>
      <c r="I5070" t="s">
        <v>15</v>
      </c>
      <c r="J5070" s="10">
        <v>18.823561170000001</v>
      </c>
    </row>
    <row r="5071" spans="1:10" x14ac:dyDescent="0.35">
      <c r="A5071" t="s">
        <v>28</v>
      </c>
      <c r="B5071" t="s">
        <v>32</v>
      </c>
      <c r="C5071" t="s">
        <v>117</v>
      </c>
      <c r="D5071" t="s">
        <v>118</v>
      </c>
      <c r="E5071">
        <v>2015</v>
      </c>
      <c r="F5071">
        <v>2015</v>
      </c>
      <c r="G5071" t="s">
        <v>125</v>
      </c>
      <c r="H5071" t="s">
        <v>124</v>
      </c>
      <c r="I5071" t="s">
        <v>15</v>
      </c>
      <c r="J5071" s="10">
        <v>1.487420365</v>
      </c>
    </row>
    <row r="5072" spans="1:10" x14ac:dyDescent="0.35">
      <c r="A5072" t="s">
        <v>28</v>
      </c>
      <c r="B5072" t="s">
        <v>32</v>
      </c>
      <c r="C5072" t="s">
        <v>117</v>
      </c>
      <c r="D5072" t="s">
        <v>118</v>
      </c>
      <c r="E5072">
        <v>2015</v>
      </c>
      <c r="F5072">
        <v>2015</v>
      </c>
      <c r="G5072" t="s">
        <v>126</v>
      </c>
      <c r="H5072" t="s">
        <v>119</v>
      </c>
      <c r="I5072" t="s">
        <v>15</v>
      </c>
      <c r="J5072" s="10">
        <v>15.950260979999999</v>
      </c>
    </row>
    <row r="5073" spans="1:10" x14ac:dyDescent="0.35">
      <c r="A5073" t="s">
        <v>28</v>
      </c>
      <c r="B5073" t="s">
        <v>32</v>
      </c>
      <c r="C5073" t="s">
        <v>117</v>
      </c>
      <c r="D5073" t="s">
        <v>118</v>
      </c>
      <c r="E5073">
        <v>2015</v>
      </c>
      <c r="F5073">
        <v>2015</v>
      </c>
      <c r="G5073" t="s">
        <v>126</v>
      </c>
      <c r="H5073" t="s">
        <v>120</v>
      </c>
      <c r="I5073" t="s">
        <v>15</v>
      </c>
      <c r="J5073" s="10">
        <v>9.8787227509999997</v>
      </c>
    </row>
    <row r="5074" spans="1:10" x14ac:dyDescent="0.35">
      <c r="A5074" t="s">
        <v>28</v>
      </c>
      <c r="B5074" t="s">
        <v>32</v>
      </c>
      <c r="C5074" t="s">
        <v>117</v>
      </c>
      <c r="D5074" t="s">
        <v>118</v>
      </c>
      <c r="E5074">
        <v>2015</v>
      </c>
      <c r="F5074">
        <v>2015</v>
      </c>
      <c r="G5074" t="s">
        <v>126</v>
      </c>
      <c r="H5074" t="s">
        <v>121</v>
      </c>
      <c r="I5074" t="s">
        <v>15</v>
      </c>
      <c r="J5074" s="10">
        <v>29.932964900000002</v>
      </c>
    </row>
    <row r="5075" spans="1:10" x14ac:dyDescent="0.35">
      <c r="A5075" t="s">
        <v>28</v>
      </c>
      <c r="B5075" t="s">
        <v>32</v>
      </c>
      <c r="C5075" t="s">
        <v>117</v>
      </c>
      <c r="D5075" t="s">
        <v>118</v>
      </c>
      <c r="E5075">
        <v>2015</v>
      </c>
      <c r="F5075">
        <v>2015</v>
      </c>
      <c r="G5075" t="s">
        <v>126</v>
      </c>
      <c r="H5075" t="s">
        <v>122</v>
      </c>
      <c r="I5075" t="s">
        <v>15</v>
      </c>
      <c r="J5075" s="10">
        <v>22.083205400000001</v>
      </c>
    </row>
    <row r="5076" spans="1:10" x14ac:dyDescent="0.35">
      <c r="A5076" t="s">
        <v>28</v>
      </c>
      <c r="B5076" t="s">
        <v>32</v>
      </c>
      <c r="C5076" t="s">
        <v>117</v>
      </c>
      <c r="D5076" t="s">
        <v>118</v>
      </c>
      <c r="E5076">
        <v>2015</v>
      </c>
      <c r="F5076">
        <v>2015</v>
      </c>
      <c r="G5076" t="s">
        <v>126</v>
      </c>
      <c r="H5076" t="s">
        <v>123</v>
      </c>
      <c r="I5076" t="s">
        <v>15</v>
      </c>
      <c r="J5076" s="10">
        <v>19.601371409999999</v>
      </c>
    </row>
    <row r="5077" spans="1:10" x14ac:dyDescent="0.35">
      <c r="A5077" t="s">
        <v>28</v>
      </c>
      <c r="B5077" t="s">
        <v>32</v>
      </c>
      <c r="C5077" t="s">
        <v>117</v>
      </c>
      <c r="D5077" t="s">
        <v>118</v>
      </c>
      <c r="E5077">
        <v>2015</v>
      </c>
      <c r="F5077">
        <v>2015</v>
      </c>
      <c r="G5077" t="s">
        <v>126</v>
      </c>
      <c r="H5077" t="s">
        <v>124</v>
      </c>
      <c r="I5077" t="s">
        <v>15</v>
      </c>
      <c r="J5077" s="10">
        <v>2.5534745679999999</v>
      </c>
    </row>
    <row r="5078" spans="1:10" x14ac:dyDescent="0.35">
      <c r="A5078" t="s">
        <v>28</v>
      </c>
      <c r="B5078" t="s">
        <v>32</v>
      </c>
      <c r="C5078" t="s">
        <v>117</v>
      </c>
      <c r="D5078" t="s">
        <v>118</v>
      </c>
      <c r="E5078">
        <v>2014</v>
      </c>
      <c r="F5078">
        <v>2014</v>
      </c>
      <c r="G5078" t="s">
        <v>14</v>
      </c>
      <c r="H5078" t="s">
        <v>119</v>
      </c>
      <c r="I5078" t="s">
        <v>15</v>
      </c>
      <c r="J5078" s="10">
        <v>16.821303140000001</v>
      </c>
    </row>
    <row r="5079" spans="1:10" x14ac:dyDescent="0.35">
      <c r="A5079" t="s">
        <v>28</v>
      </c>
      <c r="B5079" t="s">
        <v>32</v>
      </c>
      <c r="C5079" t="s">
        <v>117</v>
      </c>
      <c r="D5079" t="s">
        <v>118</v>
      </c>
      <c r="E5079">
        <v>2014</v>
      </c>
      <c r="F5079">
        <v>2014</v>
      </c>
      <c r="G5079" t="s">
        <v>14</v>
      </c>
      <c r="H5079" t="s">
        <v>120</v>
      </c>
      <c r="I5079" t="s">
        <v>15</v>
      </c>
      <c r="J5079" s="10">
        <v>10.566388849999999</v>
      </c>
    </row>
    <row r="5080" spans="1:10" x14ac:dyDescent="0.35">
      <c r="A5080" t="s">
        <v>28</v>
      </c>
      <c r="B5080" t="s">
        <v>32</v>
      </c>
      <c r="C5080" t="s">
        <v>117</v>
      </c>
      <c r="D5080" t="s">
        <v>118</v>
      </c>
      <c r="E5080">
        <v>2014</v>
      </c>
      <c r="F5080">
        <v>2014</v>
      </c>
      <c r="G5080" t="s">
        <v>14</v>
      </c>
      <c r="H5080" t="s">
        <v>121</v>
      </c>
      <c r="I5080" t="s">
        <v>15</v>
      </c>
      <c r="J5080" s="10">
        <v>29.93788331</v>
      </c>
    </row>
    <row r="5081" spans="1:10" x14ac:dyDescent="0.35">
      <c r="A5081" t="s">
        <v>28</v>
      </c>
      <c r="B5081" t="s">
        <v>32</v>
      </c>
      <c r="C5081" t="s">
        <v>117</v>
      </c>
      <c r="D5081" t="s">
        <v>118</v>
      </c>
      <c r="E5081">
        <v>2014</v>
      </c>
      <c r="F5081">
        <v>2014</v>
      </c>
      <c r="G5081" t="s">
        <v>14</v>
      </c>
      <c r="H5081" t="s">
        <v>122</v>
      </c>
      <c r="I5081" t="s">
        <v>15</v>
      </c>
      <c r="J5081" s="10">
        <v>21.74870263</v>
      </c>
    </row>
    <row r="5082" spans="1:10" x14ac:dyDescent="0.35">
      <c r="A5082" t="s">
        <v>28</v>
      </c>
      <c r="B5082" t="s">
        <v>32</v>
      </c>
      <c r="C5082" t="s">
        <v>117</v>
      </c>
      <c r="D5082" t="s">
        <v>118</v>
      </c>
      <c r="E5082">
        <v>2014</v>
      </c>
      <c r="F5082">
        <v>2014</v>
      </c>
      <c r="G5082" t="s">
        <v>14</v>
      </c>
      <c r="H5082" t="s">
        <v>123</v>
      </c>
      <c r="I5082" t="s">
        <v>15</v>
      </c>
      <c r="J5082" s="10">
        <v>18.87744404</v>
      </c>
    </row>
    <row r="5083" spans="1:10" x14ac:dyDescent="0.35">
      <c r="A5083" t="s">
        <v>28</v>
      </c>
      <c r="B5083" t="s">
        <v>32</v>
      </c>
      <c r="C5083" t="s">
        <v>117</v>
      </c>
      <c r="D5083" t="s">
        <v>118</v>
      </c>
      <c r="E5083">
        <v>2014</v>
      </c>
      <c r="F5083">
        <v>2014</v>
      </c>
      <c r="G5083" t="s">
        <v>14</v>
      </c>
      <c r="H5083" t="s">
        <v>124</v>
      </c>
      <c r="I5083" t="s">
        <v>15</v>
      </c>
      <c r="J5083" s="10">
        <v>2.0482780310000002</v>
      </c>
    </row>
    <row r="5084" spans="1:10" x14ac:dyDescent="0.35">
      <c r="A5084" t="s">
        <v>28</v>
      </c>
      <c r="B5084" t="s">
        <v>32</v>
      </c>
      <c r="C5084" t="s">
        <v>117</v>
      </c>
      <c r="D5084" t="s">
        <v>118</v>
      </c>
      <c r="E5084">
        <v>2014</v>
      </c>
      <c r="F5084">
        <v>2014</v>
      </c>
      <c r="G5084" t="s">
        <v>125</v>
      </c>
      <c r="H5084" t="s">
        <v>119</v>
      </c>
      <c r="I5084" t="s">
        <v>15</v>
      </c>
      <c r="J5084" s="10">
        <v>17.733844000000001</v>
      </c>
    </row>
    <row r="5085" spans="1:10" x14ac:dyDescent="0.35">
      <c r="A5085" t="s">
        <v>28</v>
      </c>
      <c r="B5085" t="s">
        <v>32</v>
      </c>
      <c r="C5085" t="s">
        <v>117</v>
      </c>
      <c r="D5085" t="s">
        <v>118</v>
      </c>
      <c r="E5085">
        <v>2014</v>
      </c>
      <c r="F5085">
        <v>2014</v>
      </c>
      <c r="G5085" t="s">
        <v>125</v>
      </c>
      <c r="H5085" t="s">
        <v>120</v>
      </c>
      <c r="I5085" t="s">
        <v>15</v>
      </c>
      <c r="J5085" s="10">
        <v>11.15007013</v>
      </c>
    </row>
    <row r="5086" spans="1:10" x14ac:dyDescent="0.35">
      <c r="A5086" t="s">
        <v>28</v>
      </c>
      <c r="B5086" t="s">
        <v>32</v>
      </c>
      <c r="C5086" t="s">
        <v>117</v>
      </c>
      <c r="D5086" t="s">
        <v>118</v>
      </c>
      <c r="E5086">
        <v>2014</v>
      </c>
      <c r="F5086">
        <v>2014</v>
      </c>
      <c r="G5086" t="s">
        <v>125</v>
      </c>
      <c r="H5086" t="s">
        <v>121</v>
      </c>
      <c r="I5086" t="s">
        <v>15</v>
      </c>
      <c r="J5086" s="10">
        <v>29.382889200000001</v>
      </c>
    </row>
    <row r="5087" spans="1:10" x14ac:dyDescent="0.35">
      <c r="A5087" t="s">
        <v>28</v>
      </c>
      <c r="B5087" t="s">
        <v>32</v>
      </c>
      <c r="C5087" t="s">
        <v>117</v>
      </c>
      <c r="D5087" t="s">
        <v>118</v>
      </c>
      <c r="E5087">
        <v>2014</v>
      </c>
      <c r="F5087">
        <v>2014</v>
      </c>
      <c r="G5087" t="s">
        <v>125</v>
      </c>
      <c r="H5087" t="s">
        <v>122</v>
      </c>
      <c r="I5087" t="s">
        <v>15</v>
      </c>
      <c r="J5087" s="10">
        <v>21.817348150000001</v>
      </c>
    </row>
    <row r="5088" spans="1:10" x14ac:dyDescent="0.35">
      <c r="A5088" t="s">
        <v>28</v>
      </c>
      <c r="B5088" t="s">
        <v>32</v>
      </c>
      <c r="C5088" t="s">
        <v>117</v>
      </c>
      <c r="D5088" t="s">
        <v>118</v>
      </c>
      <c r="E5088">
        <v>2014</v>
      </c>
      <c r="F5088">
        <v>2014</v>
      </c>
      <c r="G5088" t="s">
        <v>125</v>
      </c>
      <c r="H5088" t="s">
        <v>123</v>
      </c>
      <c r="I5088" t="s">
        <v>15</v>
      </c>
      <c r="J5088" s="10">
        <v>18.4108318</v>
      </c>
    </row>
    <row r="5089" spans="1:10" x14ac:dyDescent="0.35">
      <c r="A5089" t="s">
        <v>28</v>
      </c>
      <c r="B5089" t="s">
        <v>32</v>
      </c>
      <c r="C5089" t="s">
        <v>117</v>
      </c>
      <c r="D5089" t="s">
        <v>118</v>
      </c>
      <c r="E5089">
        <v>2014</v>
      </c>
      <c r="F5089">
        <v>2014</v>
      </c>
      <c r="G5089" t="s">
        <v>125</v>
      </c>
      <c r="H5089" t="s">
        <v>124</v>
      </c>
      <c r="I5089" t="s">
        <v>15</v>
      </c>
      <c r="J5089" s="10">
        <v>1.5050167219999999</v>
      </c>
    </row>
    <row r="5090" spans="1:10" x14ac:dyDescent="0.35">
      <c r="A5090" t="s">
        <v>28</v>
      </c>
      <c r="B5090" t="s">
        <v>32</v>
      </c>
      <c r="C5090" t="s">
        <v>117</v>
      </c>
      <c r="D5090" t="s">
        <v>118</v>
      </c>
      <c r="E5090">
        <v>2014</v>
      </c>
      <c r="F5090">
        <v>2014</v>
      </c>
      <c r="G5090" t="s">
        <v>126</v>
      </c>
      <c r="H5090" t="s">
        <v>119</v>
      </c>
      <c r="I5090" t="s">
        <v>15</v>
      </c>
      <c r="J5090" s="10">
        <v>15.958911090000001</v>
      </c>
    </row>
    <row r="5091" spans="1:10" x14ac:dyDescent="0.35">
      <c r="A5091" t="s">
        <v>28</v>
      </c>
      <c r="B5091" t="s">
        <v>32</v>
      </c>
      <c r="C5091" t="s">
        <v>117</v>
      </c>
      <c r="D5091" t="s">
        <v>118</v>
      </c>
      <c r="E5091">
        <v>2014</v>
      </c>
      <c r="F5091">
        <v>2014</v>
      </c>
      <c r="G5091" t="s">
        <v>126</v>
      </c>
      <c r="H5091" t="s">
        <v>120</v>
      </c>
      <c r="I5091" t="s">
        <v>15</v>
      </c>
      <c r="J5091" s="10">
        <v>10.014783850000001</v>
      </c>
    </row>
    <row r="5092" spans="1:10" x14ac:dyDescent="0.35">
      <c r="A5092" t="s">
        <v>28</v>
      </c>
      <c r="B5092" t="s">
        <v>32</v>
      </c>
      <c r="C5092" t="s">
        <v>117</v>
      </c>
      <c r="D5092" t="s">
        <v>118</v>
      </c>
      <c r="E5092">
        <v>2014</v>
      </c>
      <c r="F5092">
        <v>2014</v>
      </c>
      <c r="G5092" t="s">
        <v>126</v>
      </c>
      <c r="H5092" t="s">
        <v>121</v>
      </c>
      <c r="I5092" t="s">
        <v>15</v>
      </c>
      <c r="J5092" s="10">
        <v>30.462377650000001</v>
      </c>
    </row>
    <row r="5093" spans="1:10" x14ac:dyDescent="0.35">
      <c r="A5093" t="s">
        <v>28</v>
      </c>
      <c r="B5093" t="s">
        <v>32</v>
      </c>
      <c r="C5093" t="s">
        <v>117</v>
      </c>
      <c r="D5093" t="s">
        <v>118</v>
      </c>
      <c r="E5093">
        <v>2014</v>
      </c>
      <c r="F5093">
        <v>2014</v>
      </c>
      <c r="G5093" t="s">
        <v>126</v>
      </c>
      <c r="H5093" t="s">
        <v>122</v>
      </c>
      <c r="I5093" t="s">
        <v>15</v>
      </c>
      <c r="J5093" s="10">
        <v>21.683829530000001</v>
      </c>
    </row>
    <row r="5094" spans="1:10" x14ac:dyDescent="0.35">
      <c r="A5094" t="s">
        <v>28</v>
      </c>
      <c r="B5094" t="s">
        <v>32</v>
      </c>
      <c r="C5094" t="s">
        <v>117</v>
      </c>
      <c r="D5094" t="s">
        <v>118</v>
      </c>
      <c r="E5094">
        <v>2014</v>
      </c>
      <c r="F5094">
        <v>2014</v>
      </c>
      <c r="G5094" t="s">
        <v>126</v>
      </c>
      <c r="H5094" t="s">
        <v>123</v>
      </c>
      <c r="I5094" t="s">
        <v>15</v>
      </c>
      <c r="J5094" s="10">
        <v>19.318413540000002</v>
      </c>
    </row>
    <row r="5095" spans="1:10" x14ac:dyDescent="0.35">
      <c r="A5095" t="s">
        <v>28</v>
      </c>
      <c r="B5095" t="s">
        <v>32</v>
      </c>
      <c r="C5095" t="s">
        <v>117</v>
      </c>
      <c r="D5095" t="s">
        <v>118</v>
      </c>
      <c r="E5095">
        <v>2014</v>
      </c>
      <c r="F5095">
        <v>2014</v>
      </c>
      <c r="G5095" t="s">
        <v>126</v>
      </c>
      <c r="H5095" t="s">
        <v>124</v>
      </c>
      <c r="I5095" t="s">
        <v>15</v>
      </c>
      <c r="J5095" s="10">
        <v>2.5616843390000001</v>
      </c>
    </row>
    <row r="5096" spans="1:10" x14ac:dyDescent="0.35">
      <c r="A5096" t="s">
        <v>28</v>
      </c>
      <c r="B5096" t="s">
        <v>32</v>
      </c>
      <c r="C5096" t="s">
        <v>117</v>
      </c>
      <c r="D5096" t="s">
        <v>118</v>
      </c>
      <c r="E5096">
        <v>2013</v>
      </c>
      <c r="F5096">
        <v>2013</v>
      </c>
      <c r="G5096" t="s">
        <v>14</v>
      </c>
      <c r="H5096" t="s">
        <v>119</v>
      </c>
      <c r="I5096" t="s">
        <v>15</v>
      </c>
      <c r="J5096" s="10">
        <v>16.899399299999999</v>
      </c>
    </row>
    <row r="5097" spans="1:10" x14ac:dyDescent="0.35">
      <c r="A5097" t="s">
        <v>28</v>
      </c>
      <c r="B5097" t="s">
        <v>32</v>
      </c>
      <c r="C5097" t="s">
        <v>117</v>
      </c>
      <c r="D5097" t="s">
        <v>118</v>
      </c>
      <c r="E5097">
        <v>2013</v>
      </c>
      <c r="F5097">
        <v>2013</v>
      </c>
      <c r="G5097" t="s">
        <v>14</v>
      </c>
      <c r="H5097" t="s">
        <v>120</v>
      </c>
      <c r="I5097" t="s">
        <v>15</v>
      </c>
      <c r="J5097" s="10">
        <v>10.667312300000001</v>
      </c>
    </row>
    <row r="5098" spans="1:10" x14ac:dyDescent="0.35">
      <c r="A5098" t="s">
        <v>28</v>
      </c>
      <c r="B5098" t="s">
        <v>32</v>
      </c>
      <c r="C5098" t="s">
        <v>117</v>
      </c>
      <c r="D5098" t="s">
        <v>118</v>
      </c>
      <c r="E5098">
        <v>2013</v>
      </c>
      <c r="F5098">
        <v>2013</v>
      </c>
      <c r="G5098" t="s">
        <v>14</v>
      </c>
      <c r="H5098" t="s">
        <v>121</v>
      </c>
      <c r="I5098" t="s">
        <v>15</v>
      </c>
      <c r="J5098" s="10">
        <v>30.313698290000001</v>
      </c>
    </row>
    <row r="5099" spans="1:10" x14ac:dyDescent="0.35">
      <c r="A5099" t="s">
        <v>28</v>
      </c>
      <c r="B5099" t="s">
        <v>32</v>
      </c>
      <c r="C5099" t="s">
        <v>117</v>
      </c>
      <c r="D5099" t="s">
        <v>118</v>
      </c>
      <c r="E5099">
        <v>2013</v>
      </c>
      <c r="F5099">
        <v>2013</v>
      </c>
      <c r="G5099" t="s">
        <v>14</v>
      </c>
      <c r="H5099" t="s">
        <v>122</v>
      </c>
      <c r="I5099" t="s">
        <v>15</v>
      </c>
      <c r="J5099" s="10">
        <v>21.532240120000001</v>
      </c>
    </row>
    <row r="5100" spans="1:10" x14ac:dyDescent="0.35">
      <c r="A5100" t="s">
        <v>28</v>
      </c>
      <c r="B5100" t="s">
        <v>32</v>
      </c>
      <c r="C5100" t="s">
        <v>117</v>
      </c>
      <c r="D5100" t="s">
        <v>118</v>
      </c>
      <c r="E5100">
        <v>2013</v>
      </c>
      <c r="F5100">
        <v>2013</v>
      </c>
      <c r="G5100" t="s">
        <v>14</v>
      </c>
      <c r="H5100" t="s">
        <v>123</v>
      </c>
      <c r="I5100" t="s">
        <v>15</v>
      </c>
      <c r="J5100" s="10">
        <v>18.592872750000002</v>
      </c>
    </row>
    <row r="5101" spans="1:10" x14ac:dyDescent="0.35">
      <c r="A5101" t="s">
        <v>28</v>
      </c>
      <c r="B5101" t="s">
        <v>32</v>
      </c>
      <c r="C5101" t="s">
        <v>117</v>
      </c>
      <c r="D5101" t="s">
        <v>118</v>
      </c>
      <c r="E5101">
        <v>2013</v>
      </c>
      <c r="F5101">
        <v>2013</v>
      </c>
      <c r="G5101" t="s">
        <v>14</v>
      </c>
      <c r="H5101" t="s">
        <v>124</v>
      </c>
      <c r="I5101" t="s">
        <v>15</v>
      </c>
      <c r="J5101" s="10">
        <v>1.994477235</v>
      </c>
    </row>
    <row r="5102" spans="1:10" x14ac:dyDescent="0.35">
      <c r="A5102" t="s">
        <v>28</v>
      </c>
      <c r="B5102" t="s">
        <v>32</v>
      </c>
      <c r="C5102" t="s">
        <v>117</v>
      </c>
      <c r="D5102" t="s">
        <v>118</v>
      </c>
      <c r="E5102">
        <v>2013</v>
      </c>
      <c r="F5102">
        <v>2013</v>
      </c>
      <c r="G5102" t="s">
        <v>125</v>
      </c>
      <c r="H5102" t="s">
        <v>119</v>
      </c>
      <c r="I5102" t="s">
        <v>15</v>
      </c>
      <c r="J5102" s="10">
        <v>17.7994226</v>
      </c>
    </row>
    <row r="5103" spans="1:10" x14ac:dyDescent="0.35">
      <c r="A5103" t="s">
        <v>28</v>
      </c>
      <c r="B5103" t="s">
        <v>32</v>
      </c>
      <c r="C5103" t="s">
        <v>117</v>
      </c>
      <c r="D5103" t="s">
        <v>118</v>
      </c>
      <c r="E5103">
        <v>2013</v>
      </c>
      <c r="F5103">
        <v>2013</v>
      </c>
      <c r="G5103" t="s">
        <v>125</v>
      </c>
      <c r="H5103" t="s">
        <v>120</v>
      </c>
      <c r="I5103" t="s">
        <v>15</v>
      </c>
      <c r="J5103" s="10">
        <v>11.34554677</v>
      </c>
    </row>
    <row r="5104" spans="1:10" x14ac:dyDescent="0.35">
      <c r="A5104" t="s">
        <v>28</v>
      </c>
      <c r="B5104" t="s">
        <v>32</v>
      </c>
      <c r="C5104" t="s">
        <v>117</v>
      </c>
      <c r="D5104" t="s">
        <v>118</v>
      </c>
      <c r="E5104">
        <v>2013</v>
      </c>
      <c r="F5104">
        <v>2013</v>
      </c>
      <c r="G5104" t="s">
        <v>125</v>
      </c>
      <c r="H5104" t="s">
        <v>121</v>
      </c>
      <c r="I5104" t="s">
        <v>15</v>
      </c>
      <c r="J5104" s="10">
        <v>29.73315706</v>
      </c>
    </row>
    <row r="5105" spans="1:10" x14ac:dyDescent="0.35">
      <c r="A5105" t="s">
        <v>28</v>
      </c>
      <c r="B5105" t="s">
        <v>32</v>
      </c>
      <c r="C5105" t="s">
        <v>117</v>
      </c>
      <c r="D5105" t="s">
        <v>118</v>
      </c>
      <c r="E5105">
        <v>2013</v>
      </c>
      <c r="F5105">
        <v>2013</v>
      </c>
      <c r="G5105" t="s">
        <v>125</v>
      </c>
      <c r="H5105" t="s">
        <v>122</v>
      </c>
      <c r="I5105" t="s">
        <v>15</v>
      </c>
      <c r="J5105" s="10">
        <v>21.708981999999999</v>
      </c>
    </row>
    <row r="5106" spans="1:10" x14ac:dyDescent="0.35">
      <c r="A5106" t="s">
        <v>28</v>
      </c>
      <c r="B5106" t="s">
        <v>32</v>
      </c>
      <c r="C5106" t="s">
        <v>117</v>
      </c>
      <c r="D5106" t="s">
        <v>118</v>
      </c>
      <c r="E5106">
        <v>2013</v>
      </c>
      <c r="F5106">
        <v>2013</v>
      </c>
      <c r="G5106" t="s">
        <v>125</v>
      </c>
      <c r="H5106" t="s">
        <v>123</v>
      </c>
      <c r="I5106" t="s">
        <v>15</v>
      </c>
      <c r="J5106" s="10">
        <v>17.93432804</v>
      </c>
    </row>
    <row r="5107" spans="1:10" x14ac:dyDescent="0.35">
      <c r="A5107" t="s">
        <v>28</v>
      </c>
      <c r="B5107" t="s">
        <v>32</v>
      </c>
      <c r="C5107" t="s">
        <v>117</v>
      </c>
      <c r="D5107" t="s">
        <v>118</v>
      </c>
      <c r="E5107">
        <v>2013</v>
      </c>
      <c r="F5107">
        <v>2013</v>
      </c>
      <c r="G5107" t="s">
        <v>125</v>
      </c>
      <c r="H5107" t="s">
        <v>124</v>
      </c>
      <c r="I5107" t="s">
        <v>15</v>
      </c>
      <c r="J5107" s="10">
        <v>1.4785635269999999</v>
      </c>
    </row>
    <row r="5108" spans="1:10" x14ac:dyDescent="0.35">
      <c r="A5108" t="s">
        <v>28</v>
      </c>
      <c r="B5108" t="s">
        <v>32</v>
      </c>
      <c r="C5108" t="s">
        <v>117</v>
      </c>
      <c r="D5108" t="s">
        <v>118</v>
      </c>
      <c r="E5108">
        <v>2013</v>
      </c>
      <c r="F5108">
        <v>2013</v>
      </c>
      <c r="G5108" t="s">
        <v>126</v>
      </c>
      <c r="H5108" t="s">
        <v>119</v>
      </c>
      <c r="I5108" t="s">
        <v>15</v>
      </c>
      <c r="J5108" s="10">
        <v>16.051641759999999</v>
      </c>
    </row>
    <row r="5109" spans="1:10" x14ac:dyDescent="0.35">
      <c r="A5109" t="s">
        <v>28</v>
      </c>
      <c r="B5109" t="s">
        <v>32</v>
      </c>
      <c r="C5109" t="s">
        <v>117</v>
      </c>
      <c r="D5109" t="s">
        <v>118</v>
      </c>
      <c r="E5109">
        <v>2013</v>
      </c>
      <c r="F5109">
        <v>2013</v>
      </c>
      <c r="G5109" t="s">
        <v>126</v>
      </c>
      <c r="H5109" t="s">
        <v>120</v>
      </c>
      <c r="I5109" t="s">
        <v>15</v>
      </c>
      <c r="J5109" s="10">
        <v>10.02846396</v>
      </c>
    </row>
    <row r="5110" spans="1:10" x14ac:dyDescent="0.35">
      <c r="A5110" t="s">
        <v>28</v>
      </c>
      <c r="B5110" t="s">
        <v>32</v>
      </c>
      <c r="C5110" t="s">
        <v>117</v>
      </c>
      <c r="D5110" t="s">
        <v>118</v>
      </c>
      <c r="E5110">
        <v>2013</v>
      </c>
      <c r="F5110">
        <v>2013</v>
      </c>
      <c r="G5110" t="s">
        <v>126</v>
      </c>
      <c r="H5110" t="s">
        <v>121</v>
      </c>
      <c r="I5110" t="s">
        <v>15</v>
      </c>
      <c r="J5110" s="10">
        <v>30.860526579999998</v>
      </c>
    </row>
    <row r="5111" spans="1:10" x14ac:dyDescent="0.35">
      <c r="A5111" t="s">
        <v>28</v>
      </c>
      <c r="B5111" t="s">
        <v>32</v>
      </c>
      <c r="C5111" t="s">
        <v>117</v>
      </c>
      <c r="D5111" t="s">
        <v>118</v>
      </c>
      <c r="E5111">
        <v>2013</v>
      </c>
      <c r="F5111">
        <v>2013</v>
      </c>
      <c r="G5111" t="s">
        <v>126</v>
      </c>
      <c r="H5111" t="s">
        <v>122</v>
      </c>
      <c r="I5111" t="s">
        <v>15</v>
      </c>
      <c r="J5111" s="10">
        <v>21.365761920000001</v>
      </c>
    </row>
    <row r="5112" spans="1:10" x14ac:dyDescent="0.35">
      <c r="A5112" t="s">
        <v>28</v>
      </c>
      <c r="B5112" t="s">
        <v>32</v>
      </c>
      <c r="C5112" t="s">
        <v>117</v>
      </c>
      <c r="D5112" t="s">
        <v>118</v>
      </c>
      <c r="E5112">
        <v>2013</v>
      </c>
      <c r="F5112">
        <v>2013</v>
      </c>
      <c r="G5112" t="s">
        <v>126</v>
      </c>
      <c r="H5112" t="s">
        <v>123</v>
      </c>
      <c r="I5112" t="s">
        <v>15</v>
      </c>
      <c r="J5112" s="10">
        <v>19.21317475</v>
      </c>
    </row>
    <row r="5113" spans="1:10" x14ac:dyDescent="0.35">
      <c r="A5113" t="s">
        <v>28</v>
      </c>
      <c r="B5113" t="s">
        <v>32</v>
      </c>
      <c r="C5113" t="s">
        <v>117</v>
      </c>
      <c r="D5113" t="s">
        <v>118</v>
      </c>
      <c r="E5113">
        <v>2013</v>
      </c>
      <c r="F5113">
        <v>2013</v>
      </c>
      <c r="G5113" t="s">
        <v>126</v>
      </c>
      <c r="H5113" t="s">
        <v>124</v>
      </c>
      <c r="I5113" t="s">
        <v>15</v>
      </c>
      <c r="J5113" s="10">
        <v>2.4804310260000002</v>
      </c>
    </row>
    <row r="5114" spans="1:10" x14ac:dyDescent="0.35">
      <c r="A5114" t="s">
        <v>28</v>
      </c>
      <c r="B5114" t="s">
        <v>32</v>
      </c>
      <c r="C5114" t="s">
        <v>117</v>
      </c>
      <c r="D5114" t="s">
        <v>118</v>
      </c>
      <c r="E5114">
        <v>2012</v>
      </c>
      <c r="F5114">
        <v>2012</v>
      </c>
      <c r="G5114" t="s">
        <v>14</v>
      </c>
      <c r="H5114" t="s">
        <v>119</v>
      </c>
      <c r="I5114" t="s">
        <v>15</v>
      </c>
      <c r="J5114" s="10">
        <v>17.027571940000001</v>
      </c>
    </row>
    <row r="5115" spans="1:10" x14ac:dyDescent="0.35">
      <c r="A5115" t="s">
        <v>28</v>
      </c>
      <c r="B5115" t="s">
        <v>32</v>
      </c>
      <c r="C5115" t="s">
        <v>117</v>
      </c>
      <c r="D5115" t="s">
        <v>118</v>
      </c>
      <c r="E5115">
        <v>2012</v>
      </c>
      <c r="F5115">
        <v>2012</v>
      </c>
      <c r="G5115" t="s">
        <v>14</v>
      </c>
      <c r="H5115" t="s">
        <v>120</v>
      </c>
      <c r="I5115" t="s">
        <v>15</v>
      </c>
      <c r="J5115" s="10">
        <v>10.607211120000001</v>
      </c>
    </row>
    <row r="5116" spans="1:10" x14ac:dyDescent="0.35">
      <c r="A5116" t="s">
        <v>28</v>
      </c>
      <c r="B5116" t="s">
        <v>32</v>
      </c>
      <c r="C5116" t="s">
        <v>117</v>
      </c>
      <c r="D5116" t="s">
        <v>118</v>
      </c>
      <c r="E5116">
        <v>2012</v>
      </c>
      <c r="F5116">
        <v>2012</v>
      </c>
      <c r="G5116" t="s">
        <v>14</v>
      </c>
      <c r="H5116" t="s">
        <v>121</v>
      </c>
      <c r="I5116" t="s">
        <v>15</v>
      </c>
      <c r="J5116" s="10">
        <v>30.871147650000001</v>
      </c>
    </row>
    <row r="5117" spans="1:10" x14ac:dyDescent="0.35">
      <c r="A5117" t="s">
        <v>28</v>
      </c>
      <c r="B5117" t="s">
        <v>32</v>
      </c>
      <c r="C5117" t="s">
        <v>117</v>
      </c>
      <c r="D5117" t="s">
        <v>118</v>
      </c>
      <c r="E5117">
        <v>2012</v>
      </c>
      <c r="F5117">
        <v>2012</v>
      </c>
      <c r="G5117" t="s">
        <v>14</v>
      </c>
      <c r="H5117" t="s">
        <v>122</v>
      </c>
      <c r="I5117" t="s">
        <v>15</v>
      </c>
      <c r="J5117" s="10">
        <v>21.406875970000002</v>
      </c>
    </row>
    <row r="5118" spans="1:10" x14ac:dyDescent="0.35">
      <c r="A5118" t="s">
        <v>28</v>
      </c>
      <c r="B5118" t="s">
        <v>32</v>
      </c>
      <c r="C5118" t="s">
        <v>117</v>
      </c>
      <c r="D5118" t="s">
        <v>118</v>
      </c>
      <c r="E5118">
        <v>2012</v>
      </c>
      <c r="F5118">
        <v>2012</v>
      </c>
      <c r="G5118" t="s">
        <v>14</v>
      </c>
      <c r="H5118" t="s">
        <v>123</v>
      </c>
      <c r="I5118" t="s">
        <v>15</v>
      </c>
      <c r="J5118" s="10">
        <v>18.144327199999999</v>
      </c>
    </row>
    <row r="5119" spans="1:10" x14ac:dyDescent="0.35">
      <c r="A5119" t="s">
        <v>28</v>
      </c>
      <c r="B5119" t="s">
        <v>32</v>
      </c>
      <c r="C5119" t="s">
        <v>117</v>
      </c>
      <c r="D5119" t="s">
        <v>118</v>
      </c>
      <c r="E5119">
        <v>2012</v>
      </c>
      <c r="F5119">
        <v>2012</v>
      </c>
      <c r="G5119" t="s">
        <v>14</v>
      </c>
      <c r="H5119" t="s">
        <v>124</v>
      </c>
      <c r="I5119" t="s">
        <v>15</v>
      </c>
      <c r="J5119" s="10">
        <v>1.9428661199999999</v>
      </c>
    </row>
    <row r="5120" spans="1:10" x14ac:dyDescent="0.35">
      <c r="A5120" t="s">
        <v>28</v>
      </c>
      <c r="B5120" t="s">
        <v>32</v>
      </c>
      <c r="C5120" t="s">
        <v>117</v>
      </c>
      <c r="D5120" t="s">
        <v>118</v>
      </c>
      <c r="E5120">
        <v>2012</v>
      </c>
      <c r="F5120">
        <v>2012</v>
      </c>
      <c r="G5120" t="s">
        <v>125</v>
      </c>
      <c r="H5120" t="s">
        <v>119</v>
      </c>
      <c r="I5120" t="s">
        <v>15</v>
      </c>
      <c r="J5120" s="10">
        <v>18.07124709</v>
      </c>
    </row>
    <row r="5121" spans="1:10" x14ac:dyDescent="0.35">
      <c r="A5121" t="s">
        <v>28</v>
      </c>
      <c r="B5121" t="s">
        <v>32</v>
      </c>
      <c r="C5121" t="s">
        <v>117</v>
      </c>
      <c r="D5121" t="s">
        <v>118</v>
      </c>
      <c r="E5121">
        <v>2012</v>
      </c>
      <c r="F5121">
        <v>2012</v>
      </c>
      <c r="G5121" t="s">
        <v>125</v>
      </c>
      <c r="H5121" t="s">
        <v>120</v>
      </c>
      <c r="I5121" t="s">
        <v>15</v>
      </c>
      <c r="J5121" s="10">
        <v>11.14654846</v>
      </c>
    </row>
    <row r="5122" spans="1:10" x14ac:dyDescent="0.35">
      <c r="A5122" t="s">
        <v>28</v>
      </c>
      <c r="B5122" t="s">
        <v>32</v>
      </c>
      <c r="C5122" t="s">
        <v>117</v>
      </c>
      <c r="D5122" t="s">
        <v>118</v>
      </c>
      <c r="E5122">
        <v>2012</v>
      </c>
      <c r="F5122">
        <v>2012</v>
      </c>
      <c r="G5122" t="s">
        <v>125</v>
      </c>
      <c r="H5122" t="s">
        <v>121</v>
      </c>
      <c r="I5122" t="s">
        <v>15</v>
      </c>
      <c r="J5122" s="10">
        <v>30.20163252</v>
      </c>
    </row>
    <row r="5123" spans="1:10" x14ac:dyDescent="0.35">
      <c r="A5123" t="s">
        <v>28</v>
      </c>
      <c r="B5123" t="s">
        <v>32</v>
      </c>
      <c r="C5123" t="s">
        <v>117</v>
      </c>
      <c r="D5123" t="s">
        <v>118</v>
      </c>
      <c r="E5123">
        <v>2012</v>
      </c>
      <c r="F5123">
        <v>2012</v>
      </c>
      <c r="G5123" t="s">
        <v>125</v>
      </c>
      <c r="H5123" t="s">
        <v>122</v>
      </c>
      <c r="I5123" t="s">
        <v>15</v>
      </c>
      <c r="J5123" s="10">
        <v>21.736310069999998</v>
      </c>
    </row>
    <row r="5124" spans="1:10" x14ac:dyDescent="0.35">
      <c r="A5124" t="s">
        <v>28</v>
      </c>
      <c r="B5124" t="s">
        <v>32</v>
      </c>
      <c r="C5124" t="s">
        <v>117</v>
      </c>
      <c r="D5124" t="s">
        <v>118</v>
      </c>
      <c r="E5124">
        <v>2012</v>
      </c>
      <c r="F5124">
        <v>2012</v>
      </c>
      <c r="G5124" t="s">
        <v>125</v>
      </c>
      <c r="H5124" t="s">
        <v>123</v>
      </c>
      <c r="I5124" t="s">
        <v>15</v>
      </c>
      <c r="J5124" s="10">
        <v>17.47391751</v>
      </c>
    </row>
    <row r="5125" spans="1:10" x14ac:dyDescent="0.35">
      <c r="A5125" t="s">
        <v>28</v>
      </c>
      <c r="B5125" t="s">
        <v>32</v>
      </c>
      <c r="C5125" t="s">
        <v>117</v>
      </c>
      <c r="D5125" t="s">
        <v>118</v>
      </c>
      <c r="E5125">
        <v>2012</v>
      </c>
      <c r="F5125">
        <v>2012</v>
      </c>
      <c r="G5125" t="s">
        <v>125</v>
      </c>
      <c r="H5125" t="s">
        <v>124</v>
      </c>
      <c r="I5125" t="s">
        <v>15</v>
      </c>
      <c r="J5125" s="10">
        <v>1.370344343</v>
      </c>
    </row>
    <row r="5126" spans="1:10" x14ac:dyDescent="0.35">
      <c r="A5126" t="s">
        <v>28</v>
      </c>
      <c r="B5126" t="s">
        <v>32</v>
      </c>
      <c r="C5126" t="s">
        <v>117</v>
      </c>
      <c r="D5126" t="s">
        <v>118</v>
      </c>
      <c r="E5126">
        <v>2012</v>
      </c>
      <c r="F5126">
        <v>2012</v>
      </c>
      <c r="G5126" t="s">
        <v>126</v>
      </c>
      <c r="H5126" t="s">
        <v>119</v>
      </c>
      <c r="I5126" t="s">
        <v>15</v>
      </c>
      <c r="J5126" s="10">
        <v>16.047125739999998</v>
      </c>
    </row>
    <row r="5127" spans="1:10" x14ac:dyDescent="0.35">
      <c r="A5127" t="s">
        <v>28</v>
      </c>
      <c r="B5127" t="s">
        <v>32</v>
      </c>
      <c r="C5127" t="s">
        <v>117</v>
      </c>
      <c r="D5127" t="s">
        <v>118</v>
      </c>
      <c r="E5127">
        <v>2012</v>
      </c>
      <c r="F5127">
        <v>2012</v>
      </c>
      <c r="G5127" t="s">
        <v>126</v>
      </c>
      <c r="H5127" t="s">
        <v>120</v>
      </c>
      <c r="I5127" t="s">
        <v>15</v>
      </c>
      <c r="J5127" s="10">
        <v>10.10054845</v>
      </c>
    </row>
    <row r="5128" spans="1:10" x14ac:dyDescent="0.35">
      <c r="A5128" t="s">
        <v>28</v>
      </c>
      <c r="B5128" t="s">
        <v>32</v>
      </c>
      <c r="C5128" t="s">
        <v>117</v>
      </c>
      <c r="D5128" t="s">
        <v>118</v>
      </c>
      <c r="E5128">
        <v>2012</v>
      </c>
      <c r="F5128">
        <v>2012</v>
      </c>
      <c r="G5128" t="s">
        <v>126</v>
      </c>
      <c r="H5128" t="s">
        <v>121</v>
      </c>
      <c r="I5128" t="s">
        <v>15</v>
      </c>
      <c r="J5128" s="10">
        <v>31.500101560000001</v>
      </c>
    </row>
    <row r="5129" spans="1:10" x14ac:dyDescent="0.35">
      <c r="A5129" t="s">
        <v>28</v>
      </c>
      <c r="B5129" t="s">
        <v>32</v>
      </c>
      <c r="C5129" t="s">
        <v>117</v>
      </c>
      <c r="D5129" t="s">
        <v>118</v>
      </c>
      <c r="E5129">
        <v>2012</v>
      </c>
      <c r="F5129">
        <v>2012</v>
      </c>
      <c r="G5129" t="s">
        <v>126</v>
      </c>
      <c r="H5129" t="s">
        <v>122</v>
      </c>
      <c r="I5129" t="s">
        <v>15</v>
      </c>
      <c r="J5129" s="10">
        <v>21.097399960000001</v>
      </c>
    </row>
    <row r="5130" spans="1:10" x14ac:dyDescent="0.35">
      <c r="A5130" t="s">
        <v>28</v>
      </c>
      <c r="B5130" t="s">
        <v>32</v>
      </c>
      <c r="C5130" t="s">
        <v>117</v>
      </c>
      <c r="D5130" t="s">
        <v>118</v>
      </c>
      <c r="E5130">
        <v>2012</v>
      </c>
      <c r="F5130">
        <v>2012</v>
      </c>
      <c r="G5130" t="s">
        <v>126</v>
      </c>
      <c r="H5130" t="s">
        <v>123</v>
      </c>
      <c r="I5130" t="s">
        <v>15</v>
      </c>
      <c r="J5130" s="10">
        <v>18.774121470000001</v>
      </c>
    </row>
    <row r="5131" spans="1:10" x14ac:dyDescent="0.35">
      <c r="A5131" t="s">
        <v>28</v>
      </c>
      <c r="B5131" t="s">
        <v>32</v>
      </c>
      <c r="C5131" t="s">
        <v>117</v>
      </c>
      <c r="D5131" t="s">
        <v>118</v>
      </c>
      <c r="E5131">
        <v>2012</v>
      </c>
      <c r="F5131">
        <v>2012</v>
      </c>
      <c r="G5131" t="s">
        <v>126</v>
      </c>
      <c r="H5131" t="s">
        <v>124</v>
      </c>
      <c r="I5131" t="s">
        <v>15</v>
      </c>
      <c r="J5131" s="10">
        <v>2.4807028230000001</v>
      </c>
    </row>
    <row r="5132" spans="1:10" x14ac:dyDescent="0.35">
      <c r="A5132" t="s">
        <v>28</v>
      </c>
      <c r="B5132" t="s">
        <v>32</v>
      </c>
      <c r="C5132" t="s">
        <v>117</v>
      </c>
      <c r="D5132" t="s">
        <v>118</v>
      </c>
      <c r="E5132">
        <v>2011</v>
      </c>
      <c r="F5132">
        <v>2011</v>
      </c>
      <c r="G5132" t="s">
        <v>14</v>
      </c>
      <c r="H5132" t="s">
        <v>119</v>
      </c>
      <c r="I5132" t="s">
        <v>15</v>
      </c>
      <c r="J5132" s="10">
        <v>17.286126450000001</v>
      </c>
    </row>
    <row r="5133" spans="1:10" x14ac:dyDescent="0.35">
      <c r="A5133" t="s">
        <v>28</v>
      </c>
      <c r="B5133" t="s">
        <v>32</v>
      </c>
      <c r="C5133" t="s">
        <v>117</v>
      </c>
      <c r="D5133" t="s">
        <v>118</v>
      </c>
      <c r="E5133">
        <v>2011</v>
      </c>
      <c r="F5133">
        <v>2011</v>
      </c>
      <c r="G5133" t="s">
        <v>14</v>
      </c>
      <c r="H5133" t="s">
        <v>120</v>
      </c>
      <c r="I5133" t="s">
        <v>15</v>
      </c>
      <c r="J5133" s="10">
        <v>10.60979908</v>
      </c>
    </row>
    <row r="5134" spans="1:10" x14ac:dyDescent="0.35">
      <c r="A5134" t="s">
        <v>28</v>
      </c>
      <c r="B5134" t="s">
        <v>32</v>
      </c>
      <c r="C5134" t="s">
        <v>117</v>
      </c>
      <c r="D5134" t="s">
        <v>118</v>
      </c>
      <c r="E5134">
        <v>2011</v>
      </c>
      <c r="F5134">
        <v>2011</v>
      </c>
      <c r="G5134" t="s">
        <v>14</v>
      </c>
      <c r="H5134" t="s">
        <v>121</v>
      </c>
      <c r="I5134" t="s">
        <v>15</v>
      </c>
      <c r="J5134" s="10">
        <v>31.47169023</v>
      </c>
    </row>
    <row r="5135" spans="1:10" x14ac:dyDescent="0.35">
      <c r="A5135" t="s">
        <v>28</v>
      </c>
      <c r="B5135" t="s">
        <v>32</v>
      </c>
      <c r="C5135" t="s">
        <v>117</v>
      </c>
      <c r="D5135" t="s">
        <v>118</v>
      </c>
      <c r="E5135">
        <v>2011</v>
      </c>
      <c r="F5135">
        <v>2011</v>
      </c>
      <c r="G5135" t="s">
        <v>14</v>
      </c>
      <c r="H5135" t="s">
        <v>122</v>
      </c>
      <c r="I5135" t="s">
        <v>15</v>
      </c>
      <c r="J5135" s="10">
        <v>21.363203169999998</v>
      </c>
    </row>
    <row r="5136" spans="1:10" x14ac:dyDescent="0.35">
      <c r="A5136" t="s">
        <v>28</v>
      </c>
      <c r="B5136" t="s">
        <v>32</v>
      </c>
      <c r="C5136" t="s">
        <v>117</v>
      </c>
      <c r="D5136" t="s">
        <v>118</v>
      </c>
      <c r="E5136">
        <v>2011</v>
      </c>
      <c r="F5136">
        <v>2011</v>
      </c>
      <c r="G5136" t="s">
        <v>14</v>
      </c>
      <c r="H5136" t="s">
        <v>123</v>
      </c>
      <c r="I5136" t="s">
        <v>15</v>
      </c>
      <c r="J5136" s="10">
        <v>17.36445646</v>
      </c>
    </row>
    <row r="5137" spans="1:10" x14ac:dyDescent="0.35">
      <c r="A5137" t="s">
        <v>28</v>
      </c>
      <c r="B5137" t="s">
        <v>32</v>
      </c>
      <c r="C5137" t="s">
        <v>117</v>
      </c>
      <c r="D5137" t="s">
        <v>118</v>
      </c>
      <c r="E5137">
        <v>2011</v>
      </c>
      <c r="F5137">
        <v>2011</v>
      </c>
      <c r="G5137" t="s">
        <v>14</v>
      </c>
      <c r="H5137" t="s">
        <v>124</v>
      </c>
      <c r="I5137" t="s">
        <v>15</v>
      </c>
      <c r="J5137" s="10">
        <v>1.904724605</v>
      </c>
    </row>
    <row r="5138" spans="1:10" x14ac:dyDescent="0.35">
      <c r="A5138" t="s">
        <v>28</v>
      </c>
      <c r="B5138" t="s">
        <v>32</v>
      </c>
      <c r="C5138" t="s">
        <v>117</v>
      </c>
      <c r="D5138" t="s">
        <v>118</v>
      </c>
      <c r="E5138">
        <v>2011</v>
      </c>
      <c r="F5138">
        <v>2011</v>
      </c>
      <c r="G5138" t="s">
        <v>125</v>
      </c>
      <c r="H5138" t="s">
        <v>119</v>
      </c>
      <c r="I5138" t="s">
        <v>15</v>
      </c>
      <c r="J5138" s="10">
        <v>18.38197645</v>
      </c>
    </row>
    <row r="5139" spans="1:10" x14ac:dyDescent="0.35">
      <c r="A5139" t="s">
        <v>28</v>
      </c>
      <c r="B5139" t="s">
        <v>32</v>
      </c>
      <c r="C5139" t="s">
        <v>117</v>
      </c>
      <c r="D5139" t="s">
        <v>118</v>
      </c>
      <c r="E5139">
        <v>2011</v>
      </c>
      <c r="F5139">
        <v>2011</v>
      </c>
      <c r="G5139" t="s">
        <v>125</v>
      </c>
      <c r="H5139" t="s">
        <v>120</v>
      </c>
      <c r="I5139" t="s">
        <v>15</v>
      </c>
      <c r="J5139" s="10">
        <v>11.05990783</v>
      </c>
    </row>
    <row r="5140" spans="1:10" x14ac:dyDescent="0.35">
      <c r="A5140" t="s">
        <v>28</v>
      </c>
      <c r="B5140" t="s">
        <v>32</v>
      </c>
      <c r="C5140" t="s">
        <v>117</v>
      </c>
      <c r="D5140" t="s">
        <v>118</v>
      </c>
      <c r="E5140">
        <v>2011</v>
      </c>
      <c r="F5140">
        <v>2011</v>
      </c>
      <c r="G5140" t="s">
        <v>125</v>
      </c>
      <c r="H5140" t="s">
        <v>121</v>
      </c>
      <c r="I5140" t="s">
        <v>15</v>
      </c>
      <c r="J5140" s="10">
        <v>30.883660760000001</v>
      </c>
    </row>
    <row r="5141" spans="1:10" x14ac:dyDescent="0.35">
      <c r="A5141" t="s">
        <v>28</v>
      </c>
      <c r="B5141" t="s">
        <v>32</v>
      </c>
      <c r="C5141" t="s">
        <v>117</v>
      </c>
      <c r="D5141" t="s">
        <v>118</v>
      </c>
      <c r="E5141">
        <v>2011</v>
      </c>
      <c r="F5141">
        <v>2011</v>
      </c>
      <c r="G5141" t="s">
        <v>125</v>
      </c>
      <c r="H5141" t="s">
        <v>122</v>
      </c>
      <c r="I5141" t="s">
        <v>15</v>
      </c>
      <c r="J5141" s="10">
        <v>21.742528360000001</v>
      </c>
    </row>
    <row r="5142" spans="1:10" x14ac:dyDescent="0.35">
      <c r="A5142" t="s">
        <v>28</v>
      </c>
      <c r="B5142" t="s">
        <v>32</v>
      </c>
      <c r="C5142" t="s">
        <v>117</v>
      </c>
      <c r="D5142" t="s">
        <v>118</v>
      </c>
      <c r="E5142">
        <v>2011</v>
      </c>
      <c r="F5142">
        <v>2011</v>
      </c>
      <c r="G5142" t="s">
        <v>125</v>
      </c>
      <c r="H5142" t="s">
        <v>123</v>
      </c>
      <c r="I5142" t="s">
        <v>15</v>
      </c>
      <c r="J5142" s="10">
        <v>16.62489557</v>
      </c>
    </row>
    <row r="5143" spans="1:10" x14ac:dyDescent="0.35">
      <c r="A5143" t="s">
        <v>28</v>
      </c>
      <c r="B5143" t="s">
        <v>32</v>
      </c>
      <c r="C5143" t="s">
        <v>117</v>
      </c>
      <c r="D5143" t="s">
        <v>118</v>
      </c>
      <c r="E5143">
        <v>2011</v>
      </c>
      <c r="F5143">
        <v>2011</v>
      </c>
      <c r="G5143" t="s">
        <v>125</v>
      </c>
      <c r="H5143" t="s">
        <v>124</v>
      </c>
      <c r="I5143" t="s">
        <v>15</v>
      </c>
      <c r="J5143" s="10">
        <v>1.307031018</v>
      </c>
    </row>
    <row r="5144" spans="1:10" x14ac:dyDescent="0.35">
      <c r="A5144" t="s">
        <v>28</v>
      </c>
      <c r="B5144" t="s">
        <v>32</v>
      </c>
      <c r="C5144" t="s">
        <v>117</v>
      </c>
      <c r="D5144" t="s">
        <v>118</v>
      </c>
      <c r="E5144">
        <v>2011</v>
      </c>
      <c r="F5144">
        <v>2011</v>
      </c>
      <c r="G5144" t="s">
        <v>126</v>
      </c>
      <c r="H5144" t="s">
        <v>119</v>
      </c>
      <c r="I5144" t="s">
        <v>15</v>
      </c>
      <c r="J5144" s="10">
        <v>16.256457000000001</v>
      </c>
    </row>
    <row r="5145" spans="1:10" x14ac:dyDescent="0.35">
      <c r="A5145" t="s">
        <v>28</v>
      </c>
      <c r="B5145" t="s">
        <v>32</v>
      </c>
      <c r="C5145" t="s">
        <v>117</v>
      </c>
      <c r="D5145" t="s">
        <v>118</v>
      </c>
      <c r="E5145">
        <v>2011</v>
      </c>
      <c r="F5145">
        <v>2011</v>
      </c>
      <c r="G5145" t="s">
        <v>126</v>
      </c>
      <c r="H5145" t="s">
        <v>120</v>
      </c>
      <c r="I5145" t="s">
        <v>15</v>
      </c>
      <c r="J5145" s="10">
        <v>10.186873289999999</v>
      </c>
    </row>
    <row r="5146" spans="1:10" x14ac:dyDescent="0.35">
      <c r="A5146" t="s">
        <v>28</v>
      </c>
      <c r="B5146" t="s">
        <v>32</v>
      </c>
      <c r="C5146" t="s">
        <v>117</v>
      </c>
      <c r="D5146" t="s">
        <v>118</v>
      </c>
      <c r="E5146">
        <v>2011</v>
      </c>
      <c r="F5146">
        <v>2011</v>
      </c>
      <c r="G5146" t="s">
        <v>126</v>
      </c>
      <c r="H5146" t="s">
        <v>121</v>
      </c>
      <c r="I5146" t="s">
        <v>15</v>
      </c>
      <c r="J5146" s="10">
        <v>32.024207429999997</v>
      </c>
    </row>
    <row r="5147" spans="1:10" x14ac:dyDescent="0.35">
      <c r="A5147" t="s">
        <v>28</v>
      </c>
      <c r="B5147" t="s">
        <v>32</v>
      </c>
      <c r="C5147" t="s">
        <v>117</v>
      </c>
      <c r="D5147" t="s">
        <v>118</v>
      </c>
      <c r="E5147">
        <v>2011</v>
      </c>
      <c r="F5147">
        <v>2011</v>
      </c>
      <c r="G5147" t="s">
        <v>126</v>
      </c>
      <c r="H5147" t="s">
        <v>122</v>
      </c>
      <c r="I5147" t="s">
        <v>15</v>
      </c>
      <c r="J5147" s="10">
        <v>21.006786179999999</v>
      </c>
    </row>
    <row r="5148" spans="1:10" x14ac:dyDescent="0.35">
      <c r="A5148" t="s">
        <v>28</v>
      </c>
      <c r="B5148" t="s">
        <v>32</v>
      </c>
      <c r="C5148" t="s">
        <v>117</v>
      </c>
      <c r="D5148" t="s">
        <v>118</v>
      </c>
      <c r="E5148">
        <v>2011</v>
      </c>
      <c r="F5148">
        <v>2011</v>
      </c>
      <c r="G5148" t="s">
        <v>126</v>
      </c>
      <c r="H5148" t="s">
        <v>123</v>
      </c>
      <c r="I5148" t="s">
        <v>15</v>
      </c>
      <c r="J5148" s="10">
        <v>18.059353789999999</v>
      </c>
    </row>
    <row r="5149" spans="1:10" x14ac:dyDescent="0.35">
      <c r="A5149" t="s">
        <v>28</v>
      </c>
      <c r="B5149" t="s">
        <v>32</v>
      </c>
      <c r="C5149" t="s">
        <v>117</v>
      </c>
      <c r="D5149" t="s">
        <v>118</v>
      </c>
      <c r="E5149">
        <v>2011</v>
      </c>
      <c r="F5149">
        <v>2011</v>
      </c>
      <c r="G5149" t="s">
        <v>126</v>
      </c>
      <c r="H5149" t="s">
        <v>124</v>
      </c>
      <c r="I5149" t="s">
        <v>15</v>
      </c>
      <c r="J5149" s="10">
        <v>2.4663222930000002</v>
      </c>
    </row>
    <row r="5150" spans="1:10" x14ac:dyDescent="0.35">
      <c r="A5150" t="s">
        <v>33</v>
      </c>
      <c r="B5150" t="s">
        <v>34</v>
      </c>
      <c r="C5150" t="s">
        <v>117</v>
      </c>
      <c r="D5150" t="s">
        <v>118</v>
      </c>
      <c r="E5150">
        <v>2020</v>
      </c>
      <c r="F5150">
        <v>2020</v>
      </c>
      <c r="G5150" t="s">
        <v>14</v>
      </c>
      <c r="H5150" t="s">
        <v>119</v>
      </c>
      <c r="I5150" t="s">
        <v>15</v>
      </c>
      <c r="J5150" s="10">
        <v>16.851532089999999</v>
      </c>
    </row>
    <row r="5151" spans="1:10" x14ac:dyDescent="0.35">
      <c r="A5151" t="s">
        <v>33</v>
      </c>
      <c r="B5151" t="s">
        <v>34</v>
      </c>
      <c r="C5151" t="s">
        <v>117</v>
      </c>
      <c r="D5151" t="s">
        <v>118</v>
      </c>
      <c r="E5151">
        <v>2020</v>
      </c>
      <c r="F5151">
        <v>2020</v>
      </c>
      <c r="G5151" t="s">
        <v>14</v>
      </c>
      <c r="H5151" t="s">
        <v>120</v>
      </c>
      <c r="I5151" t="s">
        <v>15</v>
      </c>
      <c r="J5151" s="10">
        <v>11.54847962</v>
      </c>
    </row>
    <row r="5152" spans="1:10" x14ac:dyDescent="0.35">
      <c r="A5152" t="s">
        <v>33</v>
      </c>
      <c r="B5152" t="s">
        <v>34</v>
      </c>
      <c r="C5152" t="s">
        <v>117</v>
      </c>
      <c r="D5152" t="s">
        <v>118</v>
      </c>
      <c r="E5152">
        <v>2020</v>
      </c>
      <c r="F5152">
        <v>2020</v>
      </c>
      <c r="G5152" t="s">
        <v>14</v>
      </c>
      <c r="H5152" t="s">
        <v>121</v>
      </c>
      <c r="I5152" t="s">
        <v>15</v>
      </c>
      <c r="J5152" s="10">
        <v>28.852175949999999</v>
      </c>
    </row>
    <row r="5153" spans="1:10" x14ac:dyDescent="0.35">
      <c r="A5153" t="s">
        <v>33</v>
      </c>
      <c r="B5153" t="s">
        <v>34</v>
      </c>
      <c r="C5153" t="s">
        <v>117</v>
      </c>
      <c r="D5153" t="s">
        <v>118</v>
      </c>
      <c r="E5153">
        <v>2020</v>
      </c>
      <c r="F5153">
        <v>2020</v>
      </c>
      <c r="G5153" t="s">
        <v>14</v>
      </c>
      <c r="H5153" t="s">
        <v>122</v>
      </c>
      <c r="I5153" t="s">
        <v>15</v>
      </c>
      <c r="J5153" s="10">
        <v>22.043372649999998</v>
      </c>
    </row>
    <row r="5154" spans="1:10" x14ac:dyDescent="0.35">
      <c r="A5154" t="s">
        <v>33</v>
      </c>
      <c r="B5154" t="s">
        <v>34</v>
      </c>
      <c r="C5154" t="s">
        <v>117</v>
      </c>
      <c r="D5154" t="s">
        <v>118</v>
      </c>
      <c r="E5154">
        <v>2020</v>
      </c>
      <c r="F5154">
        <v>2020</v>
      </c>
      <c r="G5154" t="s">
        <v>14</v>
      </c>
      <c r="H5154" t="s">
        <v>123</v>
      </c>
      <c r="I5154" t="s">
        <v>15</v>
      </c>
      <c r="J5154" s="10">
        <v>18.480201350000002</v>
      </c>
    </row>
    <row r="5155" spans="1:10" x14ac:dyDescent="0.35">
      <c r="A5155" t="s">
        <v>33</v>
      </c>
      <c r="B5155" t="s">
        <v>34</v>
      </c>
      <c r="C5155" t="s">
        <v>117</v>
      </c>
      <c r="D5155" t="s">
        <v>118</v>
      </c>
      <c r="E5155">
        <v>2020</v>
      </c>
      <c r="F5155">
        <v>2020</v>
      </c>
      <c r="G5155" t="s">
        <v>14</v>
      </c>
      <c r="H5155" t="s">
        <v>124</v>
      </c>
      <c r="I5155" t="s">
        <v>15</v>
      </c>
      <c r="J5155" s="10">
        <v>2.2242383449999998</v>
      </c>
    </row>
    <row r="5156" spans="1:10" x14ac:dyDescent="0.35">
      <c r="A5156" t="s">
        <v>33</v>
      </c>
      <c r="B5156" t="s">
        <v>34</v>
      </c>
      <c r="C5156" t="s">
        <v>117</v>
      </c>
      <c r="D5156" t="s">
        <v>118</v>
      </c>
      <c r="E5156">
        <v>2020</v>
      </c>
      <c r="F5156">
        <v>2020</v>
      </c>
      <c r="G5156" t="s">
        <v>125</v>
      </c>
      <c r="H5156" t="s">
        <v>119</v>
      </c>
      <c r="I5156" t="s">
        <v>15</v>
      </c>
      <c r="J5156" s="10">
        <v>17.730560310000001</v>
      </c>
    </row>
    <row r="5157" spans="1:10" x14ac:dyDescent="0.35">
      <c r="A5157" t="s">
        <v>33</v>
      </c>
      <c r="B5157" t="s">
        <v>34</v>
      </c>
      <c r="C5157" t="s">
        <v>117</v>
      </c>
      <c r="D5157" t="s">
        <v>118</v>
      </c>
      <c r="E5157">
        <v>2020</v>
      </c>
      <c r="F5157">
        <v>2020</v>
      </c>
      <c r="G5157" t="s">
        <v>125</v>
      </c>
      <c r="H5157" t="s">
        <v>120</v>
      </c>
      <c r="I5157" t="s">
        <v>15</v>
      </c>
      <c r="J5157" s="10">
        <v>11.96542721</v>
      </c>
    </row>
    <row r="5158" spans="1:10" x14ac:dyDescent="0.35">
      <c r="A5158" t="s">
        <v>33</v>
      </c>
      <c r="B5158" t="s">
        <v>34</v>
      </c>
      <c r="C5158" t="s">
        <v>117</v>
      </c>
      <c r="D5158" t="s">
        <v>118</v>
      </c>
      <c r="E5158">
        <v>2020</v>
      </c>
      <c r="F5158">
        <v>2020</v>
      </c>
      <c r="G5158" t="s">
        <v>125</v>
      </c>
      <c r="H5158" t="s">
        <v>121</v>
      </c>
      <c r="I5158" t="s">
        <v>15</v>
      </c>
      <c r="J5158" s="10">
        <v>28.804657720000002</v>
      </c>
    </row>
    <row r="5159" spans="1:10" x14ac:dyDescent="0.35">
      <c r="A5159" t="s">
        <v>33</v>
      </c>
      <c r="B5159" t="s">
        <v>34</v>
      </c>
      <c r="C5159" t="s">
        <v>117</v>
      </c>
      <c r="D5159" t="s">
        <v>118</v>
      </c>
      <c r="E5159">
        <v>2020</v>
      </c>
      <c r="F5159">
        <v>2020</v>
      </c>
      <c r="G5159" t="s">
        <v>125</v>
      </c>
      <c r="H5159" t="s">
        <v>122</v>
      </c>
      <c r="I5159" t="s">
        <v>15</v>
      </c>
      <c r="J5159" s="10">
        <v>22.085171509999999</v>
      </c>
    </row>
    <row r="5160" spans="1:10" x14ac:dyDescent="0.35">
      <c r="A5160" t="s">
        <v>33</v>
      </c>
      <c r="B5160" t="s">
        <v>34</v>
      </c>
      <c r="C5160" t="s">
        <v>117</v>
      </c>
      <c r="D5160" t="s">
        <v>118</v>
      </c>
      <c r="E5160">
        <v>2020</v>
      </c>
      <c r="F5160">
        <v>2020</v>
      </c>
      <c r="G5160" t="s">
        <v>125</v>
      </c>
      <c r="H5160" t="s">
        <v>123</v>
      </c>
      <c r="I5160" t="s">
        <v>15</v>
      </c>
      <c r="J5160" s="10">
        <v>17.59851145</v>
      </c>
    </row>
    <row r="5161" spans="1:10" x14ac:dyDescent="0.35">
      <c r="A5161" t="s">
        <v>33</v>
      </c>
      <c r="B5161" t="s">
        <v>34</v>
      </c>
      <c r="C5161" t="s">
        <v>117</v>
      </c>
      <c r="D5161" t="s">
        <v>118</v>
      </c>
      <c r="E5161">
        <v>2020</v>
      </c>
      <c r="F5161">
        <v>2020</v>
      </c>
      <c r="G5161" t="s">
        <v>125</v>
      </c>
      <c r="H5161" t="s">
        <v>124</v>
      </c>
      <c r="I5161" t="s">
        <v>15</v>
      </c>
      <c r="J5161" s="10">
        <v>1.815671799</v>
      </c>
    </row>
    <row r="5162" spans="1:10" x14ac:dyDescent="0.35">
      <c r="A5162" t="s">
        <v>33</v>
      </c>
      <c r="B5162" t="s">
        <v>34</v>
      </c>
      <c r="C5162" t="s">
        <v>117</v>
      </c>
      <c r="D5162" t="s">
        <v>118</v>
      </c>
      <c r="E5162">
        <v>2020</v>
      </c>
      <c r="F5162">
        <v>2020</v>
      </c>
      <c r="G5162" t="s">
        <v>126</v>
      </c>
      <c r="H5162" t="s">
        <v>119</v>
      </c>
      <c r="I5162" t="s">
        <v>15</v>
      </c>
      <c r="J5162" s="10">
        <v>16.015078389999999</v>
      </c>
    </row>
    <row r="5163" spans="1:10" x14ac:dyDescent="0.35">
      <c r="A5163" t="s">
        <v>33</v>
      </c>
      <c r="B5163" t="s">
        <v>34</v>
      </c>
      <c r="C5163" t="s">
        <v>117</v>
      </c>
      <c r="D5163" t="s">
        <v>118</v>
      </c>
      <c r="E5163">
        <v>2020</v>
      </c>
      <c r="F5163">
        <v>2020</v>
      </c>
      <c r="G5163" t="s">
        <v>126</v>
      </c>
      <c r="H5163" t="s">
        <v>120</v>
      </c>
      <c r="I5163" t="s">
        <v>15</v>
      </c>
      <c r="J5163" s="10">
        <v>11.1517263</v>
      </c>
    </row>
    <row r="5164" spans="1:10" x14ac:dyDescent="0.35">
      <c r="A5164" t="s">
        <v>33</v>
      </c>
      <c r="B5164" t="s">
        <v>34</v>
      </c>
      <c r="C5164" t="s">
        <v>117</v>
      </c>
      <c r="D5164" t="s">
        <v>118</v>
      </c>
      <c r="E5164">
        <v>2020</v>
      </c>
      <c r="F5164">
        <v>2020</v>
      </c>
      <c r="G5164" t="s">
        <v>126</v>
      </c>
      <c r="H5164" t="s">
        <v>121</v>
      </c>
      <c r="I5164" t="s">
        <v>15</v>
      </c>
      <c r="J5164" s="10">
        <v>28.89739269</v>
      </c>
    </row>
    <row r="5165" spans="1:10" x14ac:dyDescent="0.35">
      <c r="A5165" t="s">
        <v>33</v>
      </c>
      <c r="B5165" t="s">
        <v>34</v>
      </c>
      <c r="C5165" t="s">
        <v>117</v>
      </c>
      <c r="D5165" t="s">
        <v>118</v>
      </c>
      <c r="E5165">
        <v>2020</v>
      </c>
      <c r="F5165">
        <v>2020</v>
      </c>
      <c r="G5165" t="s">
        <v>126</v>
      </c>
      <c r="H5165" t="s">
        <v>122</v>
      </c>
      <c r="I5165" t="s">
        <v>15</v>
      </c>
      <c r="J5165" s="10">
        <v>22.00359825</v>
      </c>
    </row>
    <row r="5166" spans="1:10" x14ac:dyDescent="0.35">
      <c r="A5166" t="s">
        <v>33</v>
      </c>
      <c r="B5166" t="s">
        <v>34</v>
      </c>
      <c r="C5166" t="s">
        <v>117</v>
      </c>
      <c r="D5166" t="s">
        <v>118</v>
      </c>
      <c r="E5166">
        <v>2020</v>
      </c>
      <c r="F5166">
        <v>2020</v>
      </c>
      <c r="G5166" t="s">
        <v>126</v>
      </c>
      <c r="H5166" t="s">
        <v>123</v>
      </c>
      <c r="I5166" t="s">
        <v>15</v>
      </c>
      <c r="J5166" s="10">
        <v>19.31918782</v>
      </c>
    </row>
    <row r="5167" spans="1:10" x14ac:dyDescent="0.35">
      <c r="A5167" t="s">
        <v>33</v>
      </c>
      <c r="B5167" t="s">
        <v>34</v>
      </c>
      <c r="C5167" t="s">
        <v>117</v>
      </c>
      <c r="D5167" t="s">
        <v>118</v>
      </c>
      <c r="E5167">
        <v>2020</v>
      </c>
      <c r="F5167">
        <v>2020</v>
      </c>
      <c r="G5167" t="s">
        <v>126</v>
      </c>
      <c r="H5167" t="s">
        <v>124</v>
      </c>
      <c r="I5167" t="s">
        <v>15</v>
      </c>
      <c r="J5167" s="10">
        <v>2.6130165349999999</v>
      </c>
    </row>
    <row r="5168" spans="1:10" x14ac:dyDescent="0.35">
      <c r="A5168" t="s">
        <v>33</v>
      </c>
      <c r="B5168" t="s">
        <v>34</v>
      </c>
      <c r="C5168" t="s">
        <v>117</v>
      </c>
      <c r="D5168" t="s">
        <v>118</v>
      </c>
      <c r="E5168">
        <v>2019</v>
      </c>
      <c r="F5168">
        <v>2019</v>
      </c>
      <c r="G5168" t="s">
        <v>14</v>
      </c>
      <c r="H5168" t="s">
        <v>119</v>
      </c>
      <c r="I5168" t="s">
        <v>15</v>
      </c>
      <c r="J5168" s="10">
        <v>16.956996289999999</v>
      </c>
    </row>
    <row r="5169" spans="1:10" x14ac:dyDescent="0.35">
      <c r="A5169" t="s">
        <v>33</v>
      </c>
      <c r="B5169" t="s">
        <v>34</v>
      </c>
      <c r="C5169" t="s">
        <v>117</v>
      </c>
      <c r="D5169" t="s">
        <v>118</v>
      </c>
      <c r="E5169">
        <v>2019</v>
      </c>
      <c r="F5169">
        <v>2019</v>
      </c>
      <c r="G5169" t="s">
        <v>14</v>
      </c>
      <c r="H5169" t="s">
        <v>120</v>
      </c>
      <c r="I5169" t="s">
        <v>15</v>
      </c>
      <c r="J5169" s="10">
        <v>11.735428949999999</v>
      </c>
    </row>
    <row r="5170" spans="1:10" x14ac:dyDescent="0.35">
      <c r="A5170" t="s">
        <v>33</v>
      </c>
      <c r="B5170" t="s">
        <v>34</v>
      </c>
      <c r="C5170" t="s">
        <v>117</v>
      </c>
      <c r="D5170" t="s">
        <v>118</v>
      </c>
      <c r="E5170">
        <v>2019</v>
      </c>
      <c r="F5170">
        <v>2019</v>
      </c>
      <c r="G5170" t="s">
        <v>14</v>
      </c>
      <c r="H5170" t="s">
        <v>121</v>
      </c>
      <c r="I5170" t="s">
        <v>15</v>
      </c>
      <c r="J5170" s="10">
        <v>29.187222590000001</v>
      </c>
    </row>
    <row r="5171" spans="1:10" x14ac:dyDescent="0.35">
      <c r="A5171" t="s">
        <v>33</v>
      </c>
      <c r="B5171" t="s">
        <v>34</v>
      </c>
      <c r="C5171" t="s">
        <v>117</v>
      </c>
      <c r="D5171" t="s">
        <v>118</v>
      </c>
      <c r="E5171">
        <v>2019</v>
      </c>
      <c r="F5171">
        <v>2019</v>
      </c>
      <c r="G5171" t="s">
        <v>14</v>
      </c>
      <c r="H5171" t="s">
        <v>122</v>
      </c>
      <c r="I5171" t="s">
        <v>15</v>
      </c>
      <c r="J5171" s="10">
        <v>21.790002179999998</v>
      </c>
    </row>
    <row r="5172" spans="1:10" x14ac:dyDescent="0.35">
      <c r="A5172" t="s">
        <v>33</v>
      </c>
      <c r="B5172" t="s">
        <v>34</v>
      </c>
      <c r="C5172" t="s">
        <v>117</v>
      </c>
      <c r="D5172" t="s">
        <v>118</v>
      </c>
      <c r="E5172">
        <v>2019</v>
      </c>
      <c r="F5172">
        <v>2019</v>
      </c>
      <c r="G5172" t="s">
        <v>14</v>
      </c>
      <c r="H5172" t="s">
        <v>123</v>
      </c>
      <c r="I5172" t="s">
        <v>15</v>
      </c>
      <c r="J5172" s="10">
        <v>18.2114531</v>
      </c>
    </row>
    <row r="5173" spans="1:10" x14ac:dyDescent="0.35">
      <c r="A5173" t="s">
        <v>33</v>
      </c>
      <c r="B5173" t="s">
        <v>34</v>
      </c>
      <c r="C5173" t="s">
        <v>117</v>
      </c>
      <c r="D5173" t="s">
        <v>118</v>
      </c>
      <c r="E5173">
        <v>2019</v>
      </c>
      <c r="F5173">
        <v>2019</v>
      </c>
      <c r="G5173" t="s">
        <v>14</v>
      </c>
      <c r="H5173" t="s">
        <v>124</v>
      </c>
      <c r="I5173" t="s">
        <v>15</v>
      </c>
      <c r="J5173" s="10">
        <v>2.1188968930000001</v>
      </c>
    </row>
    <row r="5174" spans="1:10" x14ac:dyDescent="0.35">
      <c r="A5174" t="s">
        <v>33</v>
      </c>
      <c r="B5174" t="s">
        <v>34</v>
      </c>
      <c r="C5174" t="s">
        <v>117</v>
      </c>
      <c r="D5174" t="s">
        <v>118</v>
      </c>
      <c r="E5174">
        <v>2019</v>
      </c>
      <c r="F5174">
        <v>2019</v>
      </c>
      <c r="G5174" t="s">
        <v>125</v>
      </c>
      <c r="H5174" t="s">
        <v>119</v>
      </c>
      <c r="I5174" t="s">
        <v>15</v>
      </c>
      <c r="J5174" s="10">
        <v>17.818257339999999</v>
      </c>
    </row>
    <row r="5175" spans="1:10" x14ac:dyDescent="0.35">
      <c r="A5175" t="s">
        <v>33</v>
      </c>
      <c r="B5175" t="s">
        <v>34</v>
      </c>
      <c r="C5175" t="s">
        <v>117</v>
      </c>
      <c r="D5175" t="s">
        <v>118</v>
      </c>
      <c r="E5175">
        <v>2019</v>
      </c>
      <c r="F5175">
        <v>2019</v>
      </c>
      <c r="G5175" t="s">
        <v>125</v>
      </c>
      <c r="H5175" t="s">
        <v>120</v>
      </c>
      <c r="I5175" t="s">
        <v>15</v>
      </c>
      <c r="J5175" s="10">
        <v>12.34461685</v>
      </c>
    </row>
    <row r="5176" spans="1:10" x14ac:dyDescent="0.35">
      <c r="A5176" t="s">
        <v>33</v>
      </c>
      <c r="B5176" t="s">
        <v>34</v>
      </c>
      <c r="C5176" t="s">
        <v>117</v>
      </c>
      <c r="D5176" t="s">
        <v>118</v>
      </c>
      <c r="E5176">
        <v>2019</v>
      </c>
      <c r="F5176">
        <v>2019</v>
      </c>
      <c r="G5176" t="s">
        <v>125</v>
      </c>
      <c r="H5176" t="s">
        <v>121</v>
      </c>
      <c r="I5176" t="s">
        <v>15</v>
      </c>
      <c r="J5176" s="10">
        <v>29.201649509999999</v>
      </c>
    </row>
    <row r="5177" spans="1:10" x14ac:dyDescent="0.35">
      <c r="A5177" t="s">
        <v>33</v>
      </c>
      <c r="B5177" t="s">
        <v>34</v>
      </c>
      <c r="C5177" t="s">
        <v>117</v>
      </c>
      <c r="D5177" t="s">
        <v>118</v>
      </c>
      <c r="E5177">
        <v>2019</v>
      </c>
      <c r="F5177">
        <v>2019</v>
      </c>
      <c r="G5177" t="s">
        <v>125</v>
      </c>
      <c r="H5177" t="s">
        <v>122</v>
      </c>
      <c r="I5177" t="s">
        <v>15</v>
      </c>
      <c r="J5177" s="10">
        <v>21.701723680000001</v>
      </c>
    </row>
    <row r="5178" spans="1:10" x14ac:dyDescent="0.35">
      <c r="A5178" t="s">
        <v>33</v>
      </c>
      <c r="B5178" t="s">
        <v>34</v>
      </c>
      <c r="C5178" t="s">
        <v>117</v>
      </c>
      <c r="D5178" t="s">
        <v>118</v>
      </c>
      <c r="E5178">
        <v>2019</v>
      </c>
      <c r="F5178">
        <v>2019</v>
      </c>
      <c r="G5178" t="s">
        <v>125</v>
      </c>
      <c r="H5178" t="s">
        <v>123</v>
      </c>
      <c r="I5178" t="s">
        <v>15</v>
      </c>
      <c r="J5178" s="10">
        <v>17.284243629999999</v>
      </c>
    </row>
    <row r="5179" spans="1:10" x14ac:dyDescent="0.35">
      <c r="A5179" t="s">
        <v>33</v>
      </c>
      <c r="B5179" t="s">
        <v>34</v>
      </c>
      <c r="C5179" t="s">
        <v>117</v>
      </c>
      <c r="D5179" t="s">
        <v>118</v>
      </c>
      <c r="E5179">
        <v>2019</v>
      </c>
      <c r="F5179">
        <v>2019</v>
      </c>
      <c r="G5179" t="s">
        <v>125</v>
      </c>
      <c r="H5179" t="s">
        <v>124</v>
      </c>
      <c r="I5179" t="s">
        <v>15</v>
      </c>
      <c r="J5179" s="10">
        <v>1.649509004</v>
      </c>
    </row>
    <row r="5180" spans="1:10" x14ac:dyDescent="0.35">
      <c r="A5180" t="s">
        <v>33</v>
      </c>
      <c r="B5180" t="s">
        <v>34</v>
      </c>
      <c r="C5180" t="s">
        <v>117</v>
      </c>
      <c r="D5180" t="s">
        <v>118</v>
      </c>
      <c r="E5180">
        <v>2019</v>
      </c>
      <c r="F5180">
        <v>2019</v>
      </c>
      <c r="G5180" t="s">
        <v>126</v>
      </c>
      <c r="H5180" t="s">
        <v>119</v>
      </c>
      <c r="I5180" t="s">
        <v>15</v>
      </c>
      <c r="J5180" s="10">
        <v>16.127742229999999</v>
      </c>
    </row>
    <row r="5181" spans="1:10" x14ac:dyDescent="0.35">
      <c r="A5181" t="s">
        <v>33</v>
      </c>
      <c r="B5181" t="s">
        <v>34</v>
      </c>
      <c r="C5181" t="s">
        <v>117</v>
      </c>
      <c r="D5181" t="s">
        <v>118</v>
      </c>
      <c r="E5181">
        <v>2019</v>
      </c>
      <c r="F5181">
        <v>2019</v>
      </c>
      <c r="G5181" t="s">
        <v>126</v>
      </c>
      <c r="H5181" t="s">
        <v>120</v>
      </c>
      <c r="I5181" t="s">
        <v>15</v>
      </c>
      <c r="J5181" s="10">
        <v>11.14888026</v>
      </c>
    </row>
    <row r="5182" spans="1:10" x14ac:dyDescent="0.35">
      <c r="A5182" t="s">
        <v>33</v>
      </c>
      <c r="B5182" t="s">
        <v>34</v>
      </c>
      <c r="C5182" t="s">
        <v>117</v>
      </c>
      <c r="D5182" t="s">
        <v>118</v>
      </c>
      <c r="E5182">
        <v>2019</v>
      </c>
      <c r="F5182">
        <v>2019</v>
      </c>
      <c r="G5182" t="s">
        <v>126</v>
      </c>
      <c r="H5182" t="s">
        <v>121</v>
      </c>
      <c r="I5182" t="s">
        <v>15</v>
      </c>
      <c r="J5182" s="10">
        <v>29.173331810000001</v>
      </c>
    </row>
    <row r="5183" spans="1:10" x14ac:dyDescent="0.35">
      <c r="A5183" t="s">
        <v>33</v>
      </c>
      <c r="B5183" t="s">
        <v>34</v>
      </c>
      <c r="C5183" t="s">
        <v>117</v>
      </c>
      <c r="D5183" t="s">
        <v>118</v>
      </c>
      <c r="E5183">
        <v>2019</v>
      </c>
      <c r="F5183">
        <v>2019</v>
      </c>
      <c r="G5183" t="s">
        <v>126</v>
      </c>
      <c r="H5183" t="s">
        <v>122</v>
      </c>
      <c r="I5183" t="s">
        <v>15</v>
      </c>
      <c r="J5183" s="10">
        <v>21.875</v>
      </c>
    </row>
    <row r="5184" spans="1:10" x14ac:dyDescent="0.35">
      <c r="A5184" t="s">
        <v>33</v>
      </c>
      <c r="B5184" t="s">
        <v>34</v>
      </c>
      <c r="C5184" t="s">
        <v>117</v>
      </c>
      <c r="D5184" t="s">
        <v>118</v>
      </c>
      <c r="E5184">
        <v>2019</v>
      </c>
      <c r="F5184">
        <v>2019</v>
      </c>
      <c r="G5184" t="s">
        <v>126</v>
      </c>
      <c r="H5184" t="s">
        <v>123</v>
      </c>
      <c r="I5184" t="s">
        <v>15</v>
      </c>
      <c r="J5184" s="10">
        <v>19.104204750000001</v>
      </c>
    </row>
    <row r="5185" spans="1:10" x14ac:dyDescent="0.35">
      <c r="A5185" t="s">
        <v>33</v>
      </c>
      <c r="B5185" t="s">
        <v>34</v>
      </c>
      <c r="C5185" t="s">
        <v>117</v>
      </c>
      <c r="D5185" t="s">
        <v>118</v>
      </c>
      <c r="E5185">
        <v>2019</v>
      </c>
      <c r="F5185">
        <v>2019</v>
      </c>
      <c r="G5185" t="s">
        <v>126</v>
      </c>
      <c r="H5185" t="s">
        <v>124</v>
      </c>
      <c r="I5185" t="s">
        <v>15</v>
      </c>
      <c r="J5185" s="10">
        <v>2.5708409510000001</v>
      </c>
    </row>
    <row r="5186" spans="1:10" x14ac:dyDescent="0.35">
      <c r="A5186" t="s">
        <v>33</v>
      </c>
      <c r="B5186" t="s">
        <v>34</v>
      </c>
      <c r="C5186" t="s">
        <v>117</v>
      </c>
      <c r="D5186" t="s">
        <v>118</v>
      </c>
      <c r="E5186">
        <v>2018</v>
      </c>
      <c r="F5186">
        <v>2018</v>
      </c>
      <c r="G5186" t="s">
        <v>14</v>
      </c>
      <c r="H5186" t="s">
        <v>119</v>
      </c>
      <c r="I5186" t="s">
        <v>15</v>
      </c>
      <c r="J5186" s="10">
        <v>17.1574904</v>
      </c>
    </row>
    <row r="5187" spans="1:10" x14ac:dyDescent="0.35">
      <c r="A5187" t="s">
        <v>33</v>
      </c>
      <c r="B5187" t="s">
        <v>34</v>
      </c>
      <c r="C5187" t="s">
        <v>117</v>
      </c>
      <c r="D5187" t="s">
        <v>118</v>
      </c>
      <c r="E5187">
        <v>2018</v>
      </c>
      <c r="F5187">
        <v>2018</v>
      </c>
      <c r="G5187" t="s">
        <v>14</v>
      </c>
      <c r="H5187" t="s">
        <v>120</v>
      </c>
      <c r="I5187" t="s">
        <v>15</v>
      </c>
      <c r="J5187" s="10">
        <v>11.977651030000001</v>
      </c>
    </row>
    <row r="5188" spans="1:10" x14ac:dyDescent="0.35">
      <c r="A5188" t="s">
        <v>33</v>
      </c>
      <c r="B5188" t="s">
        <v>34</v>
      </c>
      <c r="C5188" t="s">
        <v>117</v>
      </c>
      <c r="D5188" t="s">
        <v>118</v>
      </c>
      <c r="E5188">
        <v>2018</v>
      </c>
      <c r="F5188">
        <v>2018</v>
      </c>
      <c r="G5188" t="s">
        <v>14</v>
      </c>
      <c r="H5188" t="s">
        <v>121</v>
      </c>
      <c r="I5188" t="s">
        <v>15</v>
      </c>
      <c r="J5188" s="10">
        <v>29.523629379999999</v>
      </c>
    </row>
    <row r="5189" spans="1:10" x14ac:dyDescent="0.35">
      <c r="A5189" t="s">
        <v>33</v>
      </c>
      <c r="B5189" t="s">
        <v>34</v>
      </c>
      <c r="C5189" t="s">
        <v>117</v>
      </c>
      <c r="D5189" t="s">
        <v>118</v>
      </c>
      <c r="E5189">
        <v>2018</v>
      </c>
      <c r="F5189">
        <v>2018</v>
      </c>
      <c r="G5189" t="s">
        <v>14</v>
      </c>
      <c r="H5189" t="s">
        <v>122</v>
      </c>
      <c r="I5189" t="s">
        <v>15</v>
      </c>
      <c r="J5189" s="10">
        <v>21.449773019999999</v>
      </c>
    </row>
    <row r="5190" spans="1:10" x14ac:dyDescent="0.35">
      <c r="A5190" t="s">
        <v>33</v>
      </c>
      <c r="B5190" t="s">
        <v>34</v>
      </c>
      <c r="C5190" t="s">
        <v>117</v>
      </c>
      <c r="D5190" t="s">
        <v>118</v>
      </c>
      <c r="E5190">
        <v>2018</v>
      </c>
      <c r="F5190">
        <v>2018</v>
      </c>
      <c r="G5190" t="s">
        <v>14</v>
      </c>
      <c r="H5190" t="s">
        <v>123</v>
      </c>
      <c r="I5190" t="s">
        <v>15</v>
      </c>
      <c r="J5190" s="10">
        <v>17.79478524</v>
      </c>
    </row>
    <row r="5191" spans="1:10" x14ac:dyDescent="0.35">
      <c r="A5191" t="s">
        <v>33</v>
      </c>
      <c r="B5191" t="s">
        <v>34</v>
      </c>
      <c r="C5191" t="s">
        <v>117</v>
      </c>
      <c r="D5191" t="s">
        <v>118</v>
      </c>
      <c r="E5191">
        <v>2018</v>
      </c>
      <c r="F5191">
        <v>2018</v>
      </c>
      <c r="G5191" t="s">
        <v>14</v>
      </c>
      <c r="H5191" t="s">
        <v>124</v>
      </c>
      <c r="I5191" t="s">
        <v>15</v>
      </c>
      <c r="J5191" s="10">
        <v>2.0966709350000001</v>
      </c>
    </row>
    <row r="5192" spans="1:10" x14ac:dyDescent="0.35">
      <c r="A5192" t="s">
        <v>33</v>
      </c>
      <c r="B5192" t="s">
        <v>34</v>
      </c>
      <c r="C5192" t="s">
        <v>117</v>
      </c>
      <c r="D5192" t="s">
        <v>118</v>
      </c>
      <c r="E5192">
        <v>2018</v>
      </c>
      <c r="F5192">
        <v>2018</v>
      </c>
      <c r="G5192" t="s">
        <v>125</v>
      </c>
      <c r="H5192" t="s">
        <v>119</v>
      </c>
      <c r="I5192" t="s">
        <v>15</v>
      </c>
      <c r="J5192" s="10">
        <v>18.05146512</v>
      </c>
    </row>
    <row r="5193" spans="1:10" x14ac:dyDescent="0.35">
      <c r="A5193" t="s">
        <v>33</v>
      </c>
      <c r="B5193" t="s">
        <v>34</v>
      </c>
      <c r="C5193" t="s">
        <v>117</v>
      </c>
      <c r="D5193" t="s">
        <v>118</v>
      </c>
      <c r="E5193">
        <v>2018</v>
      </c>
      <c r="F5193">
        <v>2018</v>
      </c>
      <c r="G5193" t="s">
        <v>125</v>
      </c>
      <c r="H5193" t="s">
        <v>120</v>
      </c>
      <c r="I5193" t="s">
        <v>15</v>
      </c>
      <c r="J5193" s="10">
        <v>12.571768560000001</v>
      </c>
    </row>
    <row r="5194" spans="1:10" x14ac:dyDescent="0.35">
      <c r="A5194" t="s">
        <v>33</v>
      </c>
      <c r="B5194" t="s">
        <v>34</v>
      </c>
      <c r="C5194" t="s">
        <v>117</v>
      </c>
      <c r="D5194" t="s">
        <v>118</v>
      </c>
      <c r="E5194">
        <v>2018</v>
      </c>
      <c r="F5194">
        <v>2018</v>
      </c>
      <c r="G5194" t="s">
        <v>125</v>
      </c>
      <c r="H5194" t="s">
        <v>121</v>
      </c>
      <c r="I5194" t="s">
        <v>15</v>
      </c>
      <c r="J5194" s="10">
        <v>29.397590359999999</v>
      </c>
    </row>
    <row r="5195" spans="1:10" x14ac:dyDescent="0.35">
      <c r="A5195" t="s">
        <v>33</v>
      </c>
      <c r="B5195" t="s">
        <v>34</v>
      </c>
      <c r="C5195" t="s">
        <v>117</v>
      </c>
      <c r="D5195" t="s">
        <v>118</v>
      </c>
      <c r="E5195">
        <v>2018</v>
      </c>
      <c r="F5195">
        <v>2018</v>
      </c>
      <c r="G5195" t="s">
        <v>125</v>
      </c>
      <c r="H5195" t="s">
        <v>122</v>
      </c>
      <c r="I5195" t="s">
        <v>15</v>
      </c>
      <c r="J5195" s="10">
        <v>21.365461849999999</v>
      </c>
    </row>
    <row r="5196" spans="1:10" x14ac:dyDescent="0.35">
      <c r="A5196" t="s">
        <v>33</v>
      </c>
      <c r="B5196" t="s">
        <v>34</v>
      </c>
      <c r="C5196" t="s">
        <v>117</v>
      </c>
      <c r="D5196" t="s">
        <v>118</v>
      </c>
      <c r="E5196">
        <v>2018</v>
      </c>
      <c r="F5196">
        <v>2018</v>
      </c>
      <c r="G5196" t="s">
        <v>125</v>
      </c>
      <c r="H5196" t="s">
        <v>123</v>
      </c>
      <c r="I5196" t="s">
        <v>15</v>
      </c>
      <c r="J5196" s="10">
        <v>17.022162720000001</v>
      </c>
    </row>
    <row r="5197" spans="1:10" x14ac:dyDescent="0.35">
      <c r="A5197" t="s">
        <v>33</v>
      </c>
      <c r="B5197" t="s">
        <v>34</v>
      </c>
      <c r="C5197" t="s">
        <v>117</v>
      </c>
      <c r="D5197" t="s">
        <v>118</v>
      </c>
      <c r="E5197">
        <v>2018</v>
      </c>
      <c r="F5197">
        <v>2018</v>
      </c>
      <c r="G5197" t="s">
        <v>125</v>
      </c>
      <c r="H5197" t="s">
        <v>124</v>
      </c>
      <c r="I5197" t="s">
        <v>15</v>
      </c>
      <c r="J5197" s="10">
        <v>1.5915513910000001</v>
      </c>
    </row>
    <row r="5198" spans="1:10" x14ac:dyDescent="0.35">
      <c r="A5198" t="s">
        <v>33</v>
      </c>
      <c r="B5198" t="s">
        <v>34</v>
      </c>
      <c r="C5198" t="s">
        <v>117</v>
      </c>
      <c r="D5198" t="s">
        <v>118</v>
      </c>
      <c r="E5198">
        <v>2018</v>
      </c>
      <c r="F5198">
        <v>2018</v>
      </c>
      <c r="G5198" t="s">
        <v>126</v>
      </c>
      <c r="H5198" t="s">
        <v>119</v>
      </c>
      <c r="I5198" t="s">
        <v>15</v>
      </c>
      <c r="J5198" s="10">
        <v>16.301654660000001</v>
      </c>
    </row>
    <row r="5199" spans="1:10" x14ac:dyDescent="0.35">
      <c r="A5199" t="s">
        <v>33</v>
      </c>
      <c r="B5199" t="s">
        <v>34</v>
      </c>
      <c r="C5199" t="s">
        <v>117</v>
      </c>
      <c r="D5199" t="s">
        <v>118</v>
      </c>
      <c r="E5199">
        <v>2018</v>
      </c>
      <c r="F5199">
        <v>2018</v>
      </c>
      <c r="G5199" t="s">
        <v>126</v>
      </c>
      <c r="H5199" t="s">
        <v>120</v>
      </c>
      <c r="I5199" t="s">
        <v>15</v>
      </c>
      <c r="J5199" s="10">
        <v>11.408879900000001</v>
      </c>
    </row>
    <row r="5200" spans="1:10" x14ac:dyDescent="0.35">
      <c r="A5200" t="s">
        <v>33</v>
      </c>
      <c r="B5200" t="s">
        <v>34</v>
      </c>
      <c r="C5200" t="s">
        <v>117</v>
      </c>
      <c r="D5200" t="s">
        <v>118</v>
      </c>
      <c r="E5200">
        <v>2018</v>
      </c>
      <c r="F5200">
        <v>2018</v>
      </c>
      <c r="G5200" t="s">
        <v>126</v>
      </c>
      <c r="H5200" t="s">
        <v>121</v>
      </c>
      <c r="I5200" t="s">
        <v>15</v>
      </c>
      <c r="J5200" s="10">
        <v>29.644291290000002</v>
      </c>
    </row>
    <row r="5201" spans="1:10" x14ac:dyDescent="0.35">
      <c r="A5201" t="s">
        <v>33</v>
      </c>
      <c r="B5201" t="s">
        <v>34</v>
      </c>
      <c r="C5201" t="s">
        <v>117</v>
      </c>
      <c r="D5201" t="s">
        <v>118</v>
      </c>
      <c r="E5201">
        <v>2018</v>
      </c>
      <c r="F5201">
        <v>2018</v>
      </c>
      <c r="G5201" t="s">
        <v>126</v>
      </c>
      <c r="H5201" t="s">
        <v>122</v>
      </c>
      <c r="I5201" t="s">
        <v>15</v>
      </c>
      <c r="J5201" s="10">
        <v>21.530487279999999</v>
      </c>
    </row>
    <row r="5202" spans="1:10" x14ac:dyDescent="0.35">
      <c r="A5202" t="s">
        <v>33</v>
      </c>
      <c r="B5202" t="s">
        <v>34</v>
      </c>
      <c r="C5202" t="s">
        <v>117</v>
      </c>
      <c r="D5202" t="s">
        <v>118</v>
      </c>
      <c r="E5202">
        <v>2018</v>
      </c>
      <c r="F5202">
        <v>2018</v>
      </c>
      <c r="G5202" t="s">
        <v>126</v>
      </c>
      <c r="H5202" t="s">
        <v>123</v>
      </c>
      <c r="I5202" t="s">
        <v>15</v>
      </c>
      <c r="J5202" s="10">
        <v>18.53444593</v>
      </c>
    </row>
    <row r="5203" spans="1:10" x14ac:dyDescent="0.35">
      <c r="A5203" t="s">
        <v>33</v>
      </c>
      <c r="B5203" t="s">
        <v>34</v>
      </c>
      <c r="C5203" t="s">
        <v>117</v>
      </c>
      <c r="D5203" t="s">
        <v>118</v>
      </c>
      <c r="E5203">
        <v>2018</v>
      </c>
      <c r="F5203">
        <v>2018</v>
      </c>
      <c r="G5203" t="s">
        <v>126</v>
      </c>
      <c r="H5203" t="s">
        <v>124</v>
      </c>
      <c r="I5203" t="s">
        <v>15</v>
      </c>
      <c r="J5203" s="10">
        <v>2.580240936</v>
      </c>
    </row>
    <row r="5204" spans="1:10" x14ac:dyDescent="0.35">
      <c r="A5204" t="s">
        <v>33</v>
      </c>
      <c r="B5204" t="s">
        <v>34</v>
      </c>
      <c r="C5204" t="s">
        <v>117</v>
      </c>
      <c r="D5204" t="s">
        <v>118</v>
      </c>
      <c r="E5204">
        <v>2017</v>
      </c>
      <c r="F5204">
        <v>2017</v>
      </c>
      <c r="G5204" t="s">
        <v>14</v>
      </c>
      <c r="H5204" t="s">
        <v>119</v>
      </c>
      <c r="I5204" t="s">
        <v>15</v>
      </c>
      <c r="J5204" s="10">
        <v>17.276909459999999</v>
      </c>
    </row>
    <row r="5205" spans="1:10" x14ac:dyDescent="0.35">
      <c r="A5205" t="s">
        <v>33</v>
      </c>
      <c r="B5205" t="s">
        <v>34</v>
      </c>
      <c r="C5205" t="s">
        <v>117</v>
      </c>
      <c r="D5205" t="s">
        <v>118</v>
      </c>
      <c r="E5205">
        <v>2017</v>
      </c>
      <c r="F5205">
        <v>2017</v>
      </c>
      <c r="G5205" t="s">
        <v>14</v>
      </c>
      <c r="H5205" t="s">
        <v>120</v>
      </c>
      <c r="I5205" t="s">
        <v>15</v>
      </c>
      <c r="J5205" s="10">
        <v>12.2454903</v>
      </c>
    </row>
    <row r="5206" spans="1:10" x14ac:dyDescent="0.35">
      <c r="A5206" t="s">
        <v>33</v>
      </c>
      <c r="B5206" t="s">
        <v>34</v>
      </c>
      <c r="C5206" t="s">
        <v>117</v>
      </c>
      <c r="D5206" t="s">
        <v>118</v>
      </c>
      <c r="E5206">
        <v>2017</v>
      </c>
      <c r="F5206">
        <v>2017</v>
      </c>
      <c r="G5206" t="s">
        <v>14</v>
      </c>
      <c r="H5206" t="s">
        <v>121</v>
      </c>
      <c r="I5206" t="s">
        <v>15</v>
      </c>
      <c r="J5206" s="10">
        <v>29.816999719999998</v>
      </c>
    </row>
    <row r="5207" spans="1:10" x14ac:dyDescent="0.35">
      <c r="A5207" t="s">
        <v>33</v>
      </c>
      <c r="B5207" t="s">
        <v>34</v>
      </c>
      <c r="C5207" t="s">
        <v>117</v>
      </c>
      <c r="D5207" t="s">
        <v>118</v>
      </c>
      <c r="E5207">
        <v>2017</v>
      </c>
      <c r="F5207">
        <v>2017</v>
      </c>
      <c r="G5207" t="s">
        <v>14</v>
      </c>
      <c r="H5207" t="s">
        <v>122</v>
      </c>
      <c r="I5207" t="s">
        <v>15</v>
      </c>
      <c r="J5207" s="10">
        <v>21.18652677</v>
      </c>
    </row>
    <row r="5208" spans="1:10" x14ac:dyDescent="0.35">
      <c r="A5208" t="s">
        <v>33</v>
      </c>
      <c r="B5208" t="s">
        <v>34</v>
      </c>
      <c r="C5208" t="s">
        <v>117</v>
      </c>
      <c r="D5208" t="s">
        <v>118</v>
      </c>
      <c r="E5208">
        <v>2017</v>
      </c>
      <c r="F5208">
        <v>2017</v>
      </c>
      <c r="G5208" t="s">
        <v>14</v>
      </c>
      <c r="H5208" t="s">
        <v>123</v>
      </c>
      <c r="I5208" t="s">
        <v>15</v>
      </c>
      <c r="J5208" s="10">
        <v>17.422032590000001</v>
      </c>
    </row>
    <row r="5209" spans="1:10" x14ac:dyDescent="0.35">
      <c r="A5209" t="s">
        <v>33</v>
      </c>
      <c r="B5209" t="s">
        <v>34</v>
      </c>
      <c r="C5209" t="s">
        <v>117</v>
      </c>
      <c r="D5209" t="s">
        <v>118</v>
      </c>
      <c r="E5209">
        <v>2017</v>
      </c>
      <c r="F5209">
        <v>2017</v>
      </c>
      <c r="G5209" t="s">
        <v>14</v>
      </c>
      <c r="H5209" t="s">
        <v>124</v>
      </c>
      <c r="I5209" t="s">
        <v>15</v>
      </c>
      <c r="J5209" s="10">
        <v>2.0520411570000001</v>
      </c>
    </row>
    <row r="5210" spans="1:10" x14ac:dyDescent="0.35">
      <c r="A5210" t="s">
        <v>33</v>
      </c>
      <c r="B5210" t="s">
        <v>34</v>
      </c>
      <c r="C5210" t="s">
        <v>117</v>
      </c>
      <c r="D5210" t="s">
        <v>118</v>
      </c>
      <c r="E5210">
        <v>2017</v>
      </c>
      <c r="F5210">
        <v>2017</v>
      </c>
      <c r="G5210" t="s">
        <v>125</v>
      </c>
      <c r="H5210" t="s">
        <v>119</v>
      </c>
      <c r="I5210" t="s">
        <v>15</v>
      </c>
      <c r="J5210" s="10">
        <v>18.19721826</v>
      </c>
    </row>
    <row r="5211" spans="1:10" x14ac:dyDescent="0.35">
      <c r="A5211" t="s">
        <v>33</v>
      </c>
      <c r="B5211" t="s">
        <v>34</v>
      </c>
      <c r="C5211" t="s">
        <v>117</v>
      </c>
      <c r="D5211" t="s">
        <v>118</v>
      </c>
      <c r="E5211">
        <v>2017</v>
      </c>
      <c r="F5211">
        <v>2017</v>
      </c>
      <c r="G5211" t="s">
        <v>125</v>
      </c>
      <c r="H5211" t="s">
        <v>120</v>
      </c>
      <c r="I5211" t="s">
        <v>15</v>
      </c>
      <c r="J5211" s="10">
        <v>12.83880171</v>
      </c>
    </row>
    <row r="5212" spans="1:10" x14ac:dyDescent="0.35">
      <c r="A5212" t="s">
        <v>33</v>
      </c>
      <c r="B5212" t="s">
        <v>34</v>
      </c>
      <c r="C5212" t="s">
        <v>117</v>
      </c>
      <c r="D5212" t="s">
        <v>118</v>
      </c>
      <c r="E5212">
        <v>2017</v>
      </c>
      <c r="F5212">
        <v>2017</v>
      </c>
      <c r="G5212" t="s">
        <v>125</v>
      </c>
      <c r="H5212" t="s">
        <v>121</v>
      </c>
      <c r="I5212" t="s">
        <v>15</v>
      </c>
      <c r="J5212" s="10">
        <v>29.698644789999999</v>
      </c>
    </row>
    <row r="5213" spans="1:10" x14ac:dyDescent="0.35">
      <c r="A5213" t="s">
        <v>33</v>
      </c>
      <c r="B5213" t="s">
        <v>34</v>
      </c>
      <c r="C5213" t="s">
        <v>117</v>
      </c>
      <c r="D5213" t="s">
        <v>118</v>
      </c>
      <c r="E5213">
        <v>2017</v>
      </c>
      <c r="F5213">
        <v>2017</v>
      </c>
      <c r="G5213" t="s">
        <v>125</v>
      </c>
      <c r="H5213" t="s">
        <v>122</v>
      </c>
      <c r="I5213" t="s">
        <v>15</v>
      </c>
      <c r="J5213" s="10">
        <v>21.192938659999999</v>
      </c>
    </row>
    <row r="5214" spans="1:10" x14ac:dyDescent="0.35">
      <c r="A5214" t="s">
        <v>33</v>
      </c>
      <c r="B5214" t="s">
        <v>34</v>
      </c>
      <c r="C5214" t="s">
        <v>117</v>
      </c>
      <c r="D5214" t="s">
        <v>118</v>
      </c>
      <c r="E5214">
        <v>2017</v>
      </c>
      <c r="F5214">
        <v>2017</v>
      </c>
      <c r="G5214" t="s">
        <v>125</v>
      </c>
      <c r="H5214" t="s">
        <v>123</v>
      </c>
      <c r="I5214" t="s">
        <v>15</v>
      </c>
      <c r="J5214" s="10">
        <v>16.565620540000001</v>
      </c>
    </row>
    <row r="5215" spans="1:10" x14ac:dyDescent="0.35">
      <c r="A5215" t="s">
        <v>33</v>
      </c>
      <c r="B5215" t="s">
        <v>34</v>
      </c>
      <c r="C5215" t="s">
        <v>117</v>
      </c>
      <c r="D5215" t="s">
        <v>118</v>
      </c>
      <c r="E5215">
        <v>2017</v>
      </c>
      <c r="F5215">
        <v>2017</v>
      </c>
      <c r="G5215" t="s">
        <v>125</v>
      </c>
      <c r="H5215" t="s">
        <v>124</v>
      </c>
      <c r="I5215" t="s">
        <v>15</v>
      </c>
      <c r="J5215" s="10">
        <v>1.506776034</v>
      </c>
    </row>
    <row r="5216" spans="1:10" x14ac:dyDescent="0.35">
      <c r="A5216" t="s">
        <v>33</v>
      </c>
      <c r="B5216" t="s">
        <v>34</v>
      </c>
      <c r="C5216" t="s">
        <v>117</v>
      </c>
      <c r="D5216" t="s">
        <v>118</v>
      </c>
      <c r="E5216">
        <v>2017</v>
      </c>
      <c r="F5216">
        <v>2017</v>
      </c>
      <c r="G5216" t="s">
        <v>126</v>
      </c>
      <c r="H5216" t="s">
        <v>119</v>
      </c>
      <c r="I5216" t="s">
        <v>15</v>
      </c>
      <c r="J5216" s="10">
        <v>16.398649989999999</v>
      </c>
    </row>
    <row r="5217" spans="1:10" x14ac:dyDescent="0.35">
      <c r="A5217" t="s">
        <v>33</v>
      </c>
      <c r="B5217" t="s">
        <v>34</v>
      </c>
      <c r="C5217" t="s">
        <v>117</v>
      </c>
      <c r="D5217" t="s">
        <v>118</v>
      </c>
      <c r="E5217">
        <v>2017</v>
      </c>
      <c r="F5217">
        <v>2017</v>
      </c>
      <c r="G5217" t="s">
        <v>126</v>
      </c>
      <c r="H5217" t="s">
        <v>120</v>
      </c>
      <c r="I5217" t="s">
        <v>15</v>
      </c>
      <c r="J5217" s="10">
        <v>11.679287560000001</v>
      </c>
    </row>
    <row r="5218" spans="1:10" x14ac:dyDescent="0.35">
      <c r="A5218" t="s">
        <v>33</v>
      </c>
      <c r="B5218" t="s">
        <v>34</v>
      </c>
      <c r="C5218" t="s">
        <v>117</v>
      </c>
      <c r="D5218" t="s">
        <v>118</v>
      </c>
      <c r="E5218">
        <v>2017</v>
      </c>
      <c r="F5218">
        <v>2017</v>
      </c>
      <c r="G5218" t="s">
        <v>126</v>
      </c>
      <c r="H5218" t="s">
        <v>121</v>
      </c>
      <c r="I5218" t="s">
        <v>15</v>
      </c>
      <c r="J5218" s="10">
        <v>29.929946959999999</v>
      </c>
    </row>
    <row r="5219" spans="1:10" x14ac:dyDescent="0.35">
      <c r="A5219" t="s">
        <v>33</v>
      </c>
      <c r="B5219" t="s">
        <v>34</v>
      </c>
      <c r="C5219" t="s">
        <v>117</v>
      </c>
      <c r="D5219" t="s">
        <v>118</v>
      </c>
      <c r="E5219">
        <v>2017</v>
      </c>
      <c r="F5219">
        <v>2017</v>
      </c>
      <c r="G5219" t="s">
        <v>126</v>
      </c>
      <c r="H5219" t="s">
        <v>122</v>
      </c>
      <c r="I5219" t="s">
        <v>15</v>
      </c>
      <c r="J5219" s="10">
        <v>21.180407840000001</v>
      </c>
    </row>
    <row r="5220" spans="1:10" x14ac:dyDescent="0.35">
      <c r="A5220" t="s">
        <v>33</v>
      </c>
      <c r="B5220" t="s">
        <v>34</v>
      </c>
      <c r="C5220" t="s">
        <v>117</v>
      </c>
      <c r="D5220" t="s">
        <v>118</v>
      </c>
      <c r="E5220">
        <v>2017</v>
      </c>
      <c r="F5220">
        <v>2017</v>
      </c>
      <c r="G5220" t="s">
        <v>126</v>
      </c>
      <c r="H5220" t="s">
        <v>123</v>
      </c>
      <c r="I5220" t="s">
        <v>15</v>
      </c>
      <c r="J5220" s="10">
        <v>18.239314780000001</v>
      </c>
    </row>
    <row r="5221" spans="1:10" x14ac:dyDescent="0.35">
      <c r="A5221" t="s">
        <v>33</v>
      </c>
      <c r="B5221" t="s">
        <v>34</v>
      </c>
      <c r="C5221" t="s">
        <v>117</v>
      </c>
      <c r="D5221" t="s">
        <v>118</v>
      </c>
      <c r="E5221">
        <v>2017</v>
      </c>
      <c r="F5221">
        <v>2017</v>
      </c>
      <c r="G5221" t="s">
        <v>126</v>
      </c>
      <c r="H5221" t="s">
        <v>124</v>
      </c>
      <c r="I5221" t="s">
        <v>15</v>
      </c>
      <c r="J5221" s="10">
        <v>2.5723928639999998</v>
      </c>
    </row>
    <row r="5222" spans="1:10" x14ac:dyDescent="0.35">
      <c r="A5222" t="s">
        <v>33</v>
      </c>
      <c r="B5222" t="s">
        <v>34</v>
      </c>
      <c r="C5222" t="s">
        <v>117</v>
      </c>
      <c r="D5222" t="s">
        <v>118</v>
      </c>
      <c r="E5222">
        <v>2016</v>
      </c>
      <c r="F5222">
        <v>2016</v>
      </c>
      <c r="G5222" t="s">
        <v>14</v>
      </c>
      <c r="H5222" t="s">
        <v>119</v>
      </c>
      <c r="I5222" t="s">
        <v>15</v>
      </c>
      <c r="J5222" s="10">
        <v>17.319246509999999</v>
      </c>
    </row>
    <row r="5223" spans="1:10" x14ac:dyDescent="0.35">
      <c r="A5223" t="s">
        <v>33</v>
      </c>
      <c r="B5223" t="s">
        <v>34</v>
      </c>
      <c r="C5223" t="s">
        <v>117</v>
      </c>
      <c r="D5223" t="s">
        <v>118</v>
      </c>
      <c r="E5223">
        <v>2016</v>
      </c>
      <c r="F5223">
        <v>2016</v>
      </c>
      <c r="G5223" t="s">
        <v>14</v>
      </c>
      <c r="H5223" t="s">
        <v>120</v>
      </c>
      <c r="I5223" t="s">
        <v>15</v>
      </c>
      <c r="J5223" s="10">
        <v>12.68394625</v>
      </c>
    </row>
    <row r="5224" spans="1:10" x14ac:dyDescent="0.35">
      <c r="A5224" t="s">
        <v>33</v>
      </c>
      <c r="B5224" t="s">
        <v>34</v>
      </c>
      <c r="C5224" t="s">
        <v>117</v>
      </c>
      <c r="D5224" t="s">
        <v>118</v>
      </c>
      <c r="E5224">
        <v>2016</v>
      </c>
      <c r="F5224">
        <v>2016</v>
      </c>
      <c r="G5224" t="s">
        <v>14</v>
      </c>
      <c r="H5224" t="s">
        <v>121</v>
      </c>
      <c r="I5224" t="s">
        <v>15</v>
      </c>
      <c r="J5224" s="10">
        <v>30.048181580000001</v>
      </c>
    </row>
    <row r="5225" spans="1:10" x14ac:dyDescent="0.35">
      <c r="A5225" t="s">
        <v>33</v>
      </c>
      <c r="B5225" t="s">
        <v>34</v>
      </c>
      <c r="C5225" t="s">
        <v>117</v>
      </c>
      <c r="D5225" t="s">
        <v>118</v>
      </c>
      <c r="E5225">
        <v>2016</v>
      </c>
      <c r="F5225">
        <v>2016</v>
      </c>
      <c r="G5225" t="s">
        <v>14</v>
      </c>
      <c r="H5225" t="s">
        <v>122</v>
      </c>
      <c r="I5225" t="s">
        <v>15</v>
      </c>
      <c r="J5225" s="10">
        <v>20.773227299999999</v>
      </c>
    </row>
    <row r="5226" spans="1:10" x14ac:dyDescent="0.35">
      <c r="A5226" t="s">
        <v>33</v>
      </c>
      <c r="B5226" t="s">
        <v>34</v>
      </c>
      <c r="C5226" t="s">
        <v>117</v>
      </c>
      <c r="D5226" t="s">
        <v>118</v>
      </c>
      <c r="E5226">
        <v>2016</v>
      </c>
      <c r="F5226">
        <v>2016</v>
      </c>
      <c r="G5226" t="s">
        <v>14</v>
      </c>
      <c r="H5226" t="s">
        <v>123</v>
      </c>
      <c r="I5226" t="s">
        <v>15</v>
      </c>
      <c r="J5226" s="10">
        <v>17.188633790000001</v>
      </c>
    </row>
    <row r="5227" spans="1:10" x14ac:dyDescent="0.35">
      <c r="A5227" t="s">
        <v>33</v>
      </c>
      <c r="B5227" t="s">
        <v>34</v>
      </c>
      <c r="C5227" t="s">
        <v>117</v>
      </c>
      <c r="D5227" t="s">
        <v>118</v>
      </c>
      <c r="E5227">
        <v>2016</v>
      </c>
      <c r="F5227">
        <v>2016</v>
      </c>
      <c r="G5227" t="s">
        <v>14</v>
      </c>
      <c r="H5227" t="s">
        <v>124</v>
      </c>
      <c r="I5227" t="s">
        <v>15</v>
      </c>
      <c r="J5227" s="10">
        <v>1.9867645780000001</v>
      </c>
    </row>
    <row r="5228" spans="1:10" x14ac:dyDescent="0.35">
      <c r="A5228" t="s">
        <v>33</v>
      </c>
      <c r="B5228" t="s">
        <v>34</v>
      </c>
      <c r="C5228" t="s">
        <v>117</v>
      </c>
      <c r="D5228" t="s">
        <v>118</v>
      </c>
      <c r="E5228">
        <v>2016</v>
      </c>
      <c r="F5228">
        <v>2016</v>
      </c>
      <c r="G5228" t="s">
        <v>125</v>
      </c>
      <c r="H5228" t="s">
        <v>119</v>
      </c>
      <c r="I5228" t="s">
        <v>15</v>
      </c>
      <c r="J5228" s="10">
        <v>18.139106129999998</v>
      </c>
    </row>
    <row r="5229" spans="1:10" x14ac:dyDescent="0.35">
      <c r="A5229" t="s">
        <v>33</v>
      </c>
      <c r="B5229" t="s">
        <v>34</v>
      </c>
      <c r="C5229" t="s">
        <v>117</v>
      </c>
      <c r="D5229" t="s">
        <v>118</v>
      </c>
      <c r="E5229">
        <v>2016</v>
      </c>
      <c r="F5229">
        <v>2016</v>
      </c>
      <c r="G5229" t="s">
        <v>125</v>
      </c>
      <c r="H5229" t="s">
        <v>120</v>
      </c>
      <c r="I5229" t="s">
        <v>15</v>
      </c>
      <c r="J5229" s="10">
        <v>13.47051652</v>
      </c>
    </row>
    <row r="5230" spans="1:10" x14ac:dyDescent="0.35">
      <c r="A5230" t="s">
        <v>33</v>
      </c>
      <c r="B5230" t="s">
        <v>34</v>
      </c>
      <c r="C5230" t="s">
        <v>117</v>
      </c>
      <c r="D5230" t="s">
        <v>118</v>
      </c>
      <c r="E5230">
        <v>2016</v>
      </c>
      <c r="F5230">
        <v>2016</v>
      </c>
      <c r="G5230" t="s">
        <v>125</v>
      </c>
      <c r="H5230" t="s">
        <v>121</v>
      </c>
      <c r="I5230" t="s">
        <v>15</v>
      </c>
      <c r="J5230" s="10">
        <v>29.902762500000001</v>
      </c>
    </row>
    <row r="5231" spans="1:10" x14ac:dyDescent="0.35">
      <c r="A5231" t="s">
        <v>33</v>
      </c>
      <c r="B5231" t="s">
        <v>34</v>
      </c>
      <c r="C5231" t="s">
        <v>117</v>
      </c>
      <c r="D5231" t="s">
        <v>118</v>
      </c>
      <c r="E5231">
        <v>2016</v>
      </c>
      <c r="F5231">
        <v>2016</v>
      </c>
      <c r="G5231" t="s">
        <v>125</v>
      </c>
      <c r="H5231" t="s">
        <v>122</v>
      </c>
      <c r="I5231" t="s">
        <v>15</v>
      </c>
      <c r="J5231" s="10">
        <v>20.842130300000001</v>
      </c>
    </row>
    <row r="5232" spans="1:10" x14ac:dyDescent="0.35">
      <c r="A5232" t="s">
        <v>33</v>
      </c>
      <c r="B5232" t="s">
        <v>34</v>
      </c>
      <c r="C5232" t="s">
        <v>117</v>
      </c>
      <c r="D5232" t="s">
        <v>118</v>
      </c>
      <c r="E5232">
        <v>2016</v>
      </c>
      <c r="F5232">
        <v>2016</v>
      </c>
      <c r="G5232" t="s">
        <v>125</v>
      </c>
      <c r="H5232" t="s">
        <v>123</v>
      </c>
      <c r="I5232" t="s">
        <v>15</v>
      </c>
      <c r="J5232" s="10">
        <v>16.250854919999998</v>
      </c>
    </row>
    <row r="5233" spans="1:10" x14ac:dyDescent="0.35">
      <c r="A5233" t="s">
        <v>33</v>
      </c>
      <c r="B5233" t="s">
        <v>34</v>
      </c>
      <c r="C5233" t="s">
        <v>117</v>
      </c>
      <c r="D5233" t="s">
        <v>118</v>
      </c>
      <c r="E5233">
        <v>2016</v>
      </c>
      <c r="F5233">
        <v>2016</v>
      </c>
      <c r="G5233" t="s">
        <v>125</v>
      </c>
      <c r="H5233" t="s">
        <v>124</v>
      </c>
      <c r="I5233" t="s">
        <v>15</v>
      </c>
      <c r="J5233" s="10">
        <v>1.394629635</v>
      </c>
    </row>
    <row r="5234" spans="1:10" x14ac:dyDescent="0.35">
      <c r="A5234" t="s">
        <v>33</v>
      </c>
      <c r="B5234" t="s">
        <v>34</v>
      </c>
      <c r="C5234" t="s">
        <v>117</v>
      </c>
      <c r="D5234" t="s">
        <v>118</v>
      </c>
      <c r="E5234">
        <v>2016</v>
      </c>
      <c r="F5234">
        <v>2016</v>
      </c>
      <c r="G5234" t="s">
        <v>126</v>
      </c>
      <c r="H5234" t="s">
        <v>119</v>
      </c>
      <c r="I5234" t="s">
        <v>15</v>
      </c>
      <c r="J5234" s="10">
        <v>16.53768745</v>
      </c>
    </row>
    <row r="5235" spans="1:10" x14ac:dyDescent="0.35">
      <c r="A5235" t="s">
        <v>33</v>
      </c>
      <c r="B5235" t="s">
        <v>34</v>
      </c>
      <c r="C5235" t="s">
        <v>117</v>
      </c>
      <c r="D5235" t="s">
        <v>118</v>
      </c>
      <c r="E5235">
        <v>2016</v>
      </c>
      <c r="F5235">
        <v>2016</v>
      </c>
      <c r="G5235" t="s">
        <v>126</v>
      </c>
      <c r="H5235" t="s">
        <v>120</v>
      </c>
      <c r="I5235" t="s">
        <v>15</v>
      </c>
      <c r="J5235" s="10">
        <v>11.934121380000001</v>
      </c>
    </row>
    <row r="5236" spans="1:10" x14ac:dyDescent="0.35">
      <c r="A5236" t="s">
        <v>33</v>
      </c>
      <c r="B5236" t="s">
        <v>34</v>
      </c>
      <c r="C5236" t="s">
        <v>117</v>
      </c>
      <c r="D5236" t="s">
        <v>118</v>
      </c>
      <c r="E5236">
        <v>2016</v>
      </c>
      <c r="F5236">
        <v>2016</v>
      </c>
      <c r="G5236" t="s">
        <v>126</v>
      </c>
      <c r="H5236" t="s">
        <v>121</v>
      </c>
      <c r="I5236" t="s">
        <v>15</v>
      </c>
      <c r="J5236" s="10">
        <v>30.186807269999999</v>
      </c>
    </row>
    <row r="5237" spans="1:10" x14ac:dyDescent="0.35">
      <c r="A5237" t="s">
        <v>33</v>
      </c>
      <c r="B5237" t="s">
        <v>34</v>
      </c>
      <c r="C5237" t="s">
        <v>117</v>
      </c>
      <c r="D5237" t="s">
        <v>118</v>
      </c>
      <c r="E5237">
        <v>2016</v>
      </c>
      <c r="F5237">
        <v>2016</v>
      </c>
      <c r="G5237" t="s">
        <v>126</v>
      </c>
      <c r="H5237" t="s">
        <v>122</v>
      </c>
      <c r="I5237" t="s">
        <v>15</v>
      </c>
      <c r="J5237" s="10">
        <v>20.70754316</v>
      </c>
    </row>
    <row r="5238" spans="1:10" x14ac:dyDescent="0.35">
      <c r="A5238" t="s">
        <v>33</v>
      </c>
      <c r="B5238" t="s">
        <v>34</v>
      </c>
      <c r="C5238" t="s">
        <v>117</v>
      </c>
      <c r="D5238" t="s">
        <v>118</v>
      </c>
      <c r="E5238">
        <v>2016</v>
      </c>
      <c r="F5238">
        <v>2016</v>
      </c>
      <c r="G5238" t="s">
        <v>126</v>
      </c>
      <c r="H5238" t="s">
        <v>123</v>
      </c>
      <c r="I5238" t="s">
        <v>15</v>
      </c>
      <c r="J5238" s="10">
        <v>18.0826034</v>
      </c>
    </row>
    <row r="5239" spans="1:10" x14ac:dyDescent="0.35">
      <c r="A5239" t="s">
        <v>33</v>
      </c>
      <c r="B5239" t="s">
        <v>34</v>
      </c>
      <c r="C5239" t="s">
        <v>117</v>
      </c>
      <c r="D5239" t="s">
        <v>118</v>
      </c>
      <c r="E5239">
        <v>2016</v>
      </c>
      <c r="F5239">
        <v>2016</v>
      </c>
      <c r="G5239" t="s">
        <v>126</v>
      </c>
      <c r="H5239" t="s">
        <v>124</v>
      </c>
      <c r="I5239" t="s">
        <v>15</v>
      </c>
      <c r="J5239" s="10">
        <v>2.5512373500000001</v>
      </c>
    </row>
    <row r="5240" spans="1:10" x14ac:dyDescent="0.35">
      <c r="A5240" t="s">
        <v>33</v>
      </c>
      <c r="B5240" t="s">
        <v>34</v>
      </c>
      <c r="C5240" t="s">
        <v>117</v>
      </c>
      <c r="D5240" t="s">
        <v>118</v>
      </c>
      <c r="E5240">
        <v>2015</v>
      </c>
      <c r="F5240">
        <v>2015</v>
      </c>
      <c r="G5240" t="s">
        <v>14</v>
      </c>
      <c r="H5240" t="s">
        <v>119</v>
      </c>
      <c r="I5240" t="s">
        <v>15</v>
      </c>
      <c r="J5240" s="10">
        <v>17.429025530000001</v>
      </c>
    </row>
    <row r="5241" spans="1:10" x14ac:dyDescent="0.35">
      <c r="A5241" t="s">
        <v>33</v>
      </c>
      <c r="B5241" t="s">
        <v>34</v>
      </c>
      <c r="C5241" t="s">
        <v>117</v>
      </c>
      <c r="D5241" t="s">
        <v>118</v>
      </c>
      <c r="E5241">
        <v>2015</v>
      </c>
      <c r="F5241">
        <v>2015</v>
      </c>
      <c r="G5241" t="s">
        <v>14</v>
      </c>
      <c r="H5241" t="s">
        <v>120</v>
      </c>
      <c r="I5241" t="s">
        <v>15</v>
      </c>
      <c r="J5241" s="10">
        <v>12.59386711</v>
      </c>
    </row>
    <row r="5242" spans="1:10" x14ac:dyDescent="0.35">
      <c r="A5242" t="s">
        <v>33</v>
      </c>
      <c r="B5242" t="s">
        <v>34</v>
      </c>
      <c r="C5242" t="s">
        <v>117</v>
      </c>
      <c r="D5242" t="s">
        <v>118</v>
      </c>
      <c r="E5242">
        <v>2015</v>
      </c>
      <c r="F5242">
        <v>2015</v>
      </c>
      <c r="G5242" t="s">
        <v>14</v>
      </c>
      <c r="H5242" t="s">
        <v>121</v>
      </c>
      <c r="I5242" t="s">
        <v>15</v>
      </c>
      <c r="J5242" s="10">
        <v>30.56969131</v>
      </c>
    </row>
    <row r="5243" spans="1:10" x14ac:dyDescent="0.35">
      <c r="A5243" t="s">
        <v>33</v>
      </c>
      <c r="B5243" t="s">
        <v>34</v>
      </c>
      <c r="C5243" t="s">
        <v>117</v>
      </c>
      <c r="D5243" t="s">
        <v>118</v>
      </c>
      <c r="E5243">
        <v>2015</v>
      </c>
      <c r="F5243">
        <v>2015</v>
      </c>
      <c r="G5243" t="s">
        <v>14</v>
      </c>
      <c r="H5243" t="s">
        <v>122</v>
      </c>
      <c r="I5243" t="s">
        <v>15</v>
      </c>
      <c r="J5243" s="10">
        <v>20.60483224</v>
      </c>
    </row>
    <row r="5244" spans="1:10" x14ac:dyDescent="0.35">
      <c r="A5244" t="s">
        <v>33</v>
      </c>
      <c r="B5244" t="s">
        <v>34</v>
      </c>
      <c r="C5244" t="s">
        <v>117</v>
      </c>
      <c r="D5244" t="s">
        <v>118</v>
      </c>
      <c r="E5244">
        <v>2015</v>
      </c>
      <c r="F5244">
        <v>2015</v>
      </c>
      <c r="G5244" t="s">
        <v>14</v>
      </c>
      <c r="H5244" t="s">
        <v>123</v>
      </c>
      <c r="I5244" t="s">
        <v>15</v>
      </c>
      <c r="J5244" s="10">
        <v>16.857438649999999</v>
      </c>
    </row>
    <row r="5245" spans="1:10" x14ac:dyDescent="0.35">
      <c r="A5245" t="s">
        <v>33</v>
      </c>
      <c r="B5245" t="s">
        <v>34</v>
      </c>
      <c r="C5245" t="s">
        <v>117</v>
      </c>
      <c r="D5245" t="s">
        <v>118</v>
      </c>
      <c r="E5245">
        <v>2015</v>
      </c>
      <c r="F5245">
        <v>2015</v>
      </c>
      <c r="G5245" t="s">
        <v>14</v>
      </c>
      <c r="H5245" t="s">
        <v>124</v>
      </c>
      <c r="I5245" t="s">
        <v>15</v>
      </c>
      <c r="J5245" s="10">
        <v>1.945145157</v>
      </c>
    </row>
    <row r="5246" spans="1:10" x14ac:dyDescent="0.35">
      <c r="A5246" t="s">
        <v>33</v>
      </c>
      <c r="B5246" t="s">
        <v>34</v>
      </c>
      <c r="C5246" t="s">
        <v>117</v>
      </c>
      <c r="D5246" t="s">
        <v>118</v>
      </c>
      <c r="E5246">
        <v>2015</v>
      </c>
      <c r="F5246">
        <v>2015</v>
      </c>
      <c r="G5246" t="s">
        <v>125</v>
      </c>
      <c r="H5246" t="s">
        <v>119</v>
      </c>
      <c r="I5246" t="s">
        <v>15</v>
      </c>
      <c r="J5246" s="10">
        <v>18.264036059999999</v>
      </c>
    </row>
    <row r="5247" spans="1:10" x14ac:dyDescent="0.35">
      <c r="A5247" t="s">
        <v>33</v>
      </c>
      <c r="B5247" t="s">
        <v>34</v>
      </c>
      <c r="C5247" t="s">
        <v>117</v>
      </c>
      <c r="D5247" t="s">
        <v>118</v>
      </c>
      <c r="E5247">
        <v>2015</v>
      </c>
      <c r="F5247">
        <v>2015</v>
      </c>
      <c r="G5247" t="s">
        <v>125</v>
      </c>
      <c r="H5247" t="s">
        <v>120</v>
      </c>
      <c r="I5247" t="s">
        <v>15</v>
      </c>
      <c r="J5247" s="10">
        <v>13.255529360000001</v>
      </c>
    </row>
    <row r="5248" spans="1:10" x14ac:dyDescent="0.35">
      <c r="A5248" t="s">
        <v>33</v>
      </c>
      <c r="B5248" t="s">
        <v>34</v>
      </c>
      <c r="C5248" t="s">
        <v>117</v>
      </c>
      <c r="D5248" t="s">
        <v>118</v>
      </c>
      <c r="E5248">
        <v>2015</v>
      </c>
      <c r="F5248">
        <v>2015</v>
      </c>
      <c r="G5248" t="s">
        <v>125</v>
      </c>
      <c r="H5248" t="s">
        <v>121</v>
      </c>
      <c r="I5248" t="s">
        <v>15</v>
      </c>
      <c r="J5248" s="10">
        <v>30.639047250000001</v>
      </c>
    </row>
    <row r="5249" spans="1:10" x14ac:dyDescent="0.35">
      <c r="A5249" t="s">
        <v>33</v>
      </c>
      <c r="B5249" t="s">
        <v>34</v>
      </c>
      <c r="C5249" t="s">
        <v>117</v>
      </c>
      <c r="D5249" t="s">
        <v>118</v>
      </c>
      <c r="E5249">
        <v>2015</v>
      </c>
      <c r="F5249">
        <v>2015</v>
      </c>
      <c r="G5249" t="s">
        <v>125</v>
      </c>
      <c r="H5249" t="s">
        <v>122</v>
      </c>
      <c r="I5249" t="s">
        <v>15</v>
      </c>
      <c r="J5249" s="10">
        <v>20.59218577</v>
      </c>
    </row>
    <row r="5250" spans="1:10" x14ac:dyDescent="0.35">
      <c r="A5250" t="s">
        <v>33</v>
      </c>
      <c r="B5250" t="s">
        <v>34</v>
      </c>
      <c r="C5250" t="s">
        <v>117</v>
      </c>
      <c r="D5250" t="s">
        <v>118</v>
      </c>
      <c r="E5250">
        <v>2015</v>
      </c>
      <c r="F5250">
        <v>2015</v>
      </c>
      <c r="G5250" t="s">
        <v>125</v>
      </c>
      <c r="H5250" t="s">
        <v>123</v>
      </c>
      <c r="I5250" t="s">
        <v>15</v>
      </c>
      <c r="J5250" s="10">
        <v>15.95081038</v>
      </c>
    </row>
    <row r="5251" spans="1:10" x14ac:dyDescent="0.35">
      <c r="A5251" t="s">
        <v>33</v>
      </c>
      <c r="B5251" t="s">
        <v>34</v>
      </c>
      <c r="C5251" t="s">
        <v>117</v>
      </c>
      <c r="D5251" t="s">
        <v>118</v>
      </c>
      <c r="E5251">
        <v>2015</v>
      </c>
      <c r="F5251">
        <v>2015</v>
      </c>
      <c r="G5251" t="s">
        <v>125</v>
      </c>
      <c r="H5251" t="s">
        <v>124</v>
      </c>
      <c r="I5251" t="s">
        <v>15</v>
      </c>
      <c r="J5251" s="10">
        <v>1.2983911889999999</v>
      </c>
    </row>
    <row r="5252" spans="1:10" x14ac:dyDescent="0.35">
      <c r="A5252" t="s">
        <v>33</v>
      </c>
      <c r="B5252" t="s">
        <v>34</v>
      </c>
      <c r="C5252" t="s">
        <v>117</v>
      </c>
      <c r="D5252" t="s">
        <v>118</v>
      </c>
      <c r="E5252">
        <v>2015</v>
      </c>
      <c r="F5252">
        <v>2015</v>
      </c>
      <c r="G5252" t="s">
        <v>126</v>
      </c>
      <c r="H5252" t="s">
        <v>119</v>
      </c>
      <c r="I5252" t="s">
        <v>15</v>
      </c>
      <c r="J5252" s="10">
        <v>16.63150693</v>
      </c>
    </row>
    <row r="5253" spans="1:10" x14ac:dyDescent="0.35">
      <c r="A5253" t="s">
        <v>33</v>
      </c>
      <c r="B5253" t="s">
        <v>34</v>
      </c>
      <c r="C5253" t="s">
        <v>117</v>
      </c>
      <c r="D5253" t="s">
        <v>118</v>
      </c>
      <c r="E5253">
        <v>2015</v>
      </c>
      <c r="F5253">
        <v>2015</v>
      </c>
      <c r="G5253" t="s">
        <v>126</v>
      </c>
      <c r="H5253" t="s">
        <v>120</v>
      </c>
      <c r="I5253" t="s">
        <v>15</v>
      </c>
      <c r="J5253" s="10">
        <v>11.961913450000001</v>
      </c>
    </row>
    <row r="5254" spans="1:10" x14ac:dyDescent="0.35">
      <c r="A5254" t="s">
        <v>33</v>
      </c>
      <c r="B5254" t="s">
        <v>34</v>
      </c>
      <c r="C5254" t="s">
        <v>117</v>
      </c>
      <c r="D5254" t="s">
        <v>118</v>
      </c>
      <c r="E5254">
        <v>2015</v>
      </c>
      <c r="F5254">
        <v>2015</v>
      </c>
      <c r="G5254" t="s">
        <v>126</v>
      </c>
      <c r="H5254" t="s">
        <v>121</v>
      </c>
      <c r="I5254" t="s">
        <v>15</v>
      </c>
      <c r="J5254" s="10">
        <v>30.503449459999999</v>
      </c>
    </row>
    <row r="5255" spans="1:10" x14ac:dyDescent="0.35">
      <c r="A5255" t="s">
        <v>33</v>
      </c>
      <c r="B5255" t="s">
        <v>34</v>
      </c>
      <c r="C5255" t="s">
        <v>117</v>
      </c>
      <c r="D5255" t="s">
        <v>118</v>
      </c>
      <c r="E5255">
        <v>2015</v>
      </c>
      <c r="F5255">
        <v>2015</v>
      </c>
      <c r="G5255" t="s">
        <v>126</v>
      </c>
      <c r="H5255" t="s">
        <v>122</v>
      </c>
      <c r="I5255" t="s">
        <v>15</v>
      </c>
      <c r="J5255" s="10">
        <v>20.616910879999999</v>
      </c>
    </row>
    <row r="5256" spans="1:10" x14ac:dyDescent="0.35">
      <c r="A5256" t="s">
        <v>33</v>
      </c>
      <c r="B5256" t="s">
        <v>34</v>
      </c>
      <c r="C5256" t="s">
        <v>117</v>
      </c>
      <c r="D5256" t="s">
        <v>118</v>
      </c>
      <c r="E5256">
        <v>2015</v>
      </c>
      <c r="F5256">
        <v>2015</v>
      </c>
      <c r="G5256" t="s">
        <v>126</v>
      </c>
      <c r="H5256" t="s">
        <v>123</v>
      </c>
      <c r="I5256" t="s">
        <v>15</v>
      </c>
      <c r="J5256" s="10">
        <v>17.723359370000001</v>
      </c>
    </row>
    <row r="5257" spans="1:10" x14ac:dyDescent="0.35">
      <c r="A5257" t="s">
        <v>33</v>
      </c>
      <c r="B5257" t="s">
        <v>34</v>
      </c>
      <c r="C5257" t="s">
        <v>117</v>
      </c>
      <c r="D5257" t="s">
        <v>118</v>
      </c>
      <c r="E5257">
        <v>2015</v>
      </c>
      <c r="F5257">
        <v>2015</v>
      </c>
      <c r="G5257" t="s">
        <v>126</v>
      </c>
      <c r="H5257" t="s">
        <v>124</v>
      </c>
      <c r="I5257" t="s">
        <v>15</v>
      </c>
      <c r="J5257" s="10">
        <v>2.562859912</v>
      </c>
    </row>
    <row r="5258" spans="1:10" x14ac:dyDescent="0.35">
      <c r="A5258" t="s">
        <v>33</v>
      </c>
      <c r="B5258" t="s">
        <v>34</v>
      </c>
      <c r="C5258" t="s">
        <v>117</v>
      </c>
      <c r="D5258" t="s">
        <v>118</v>
      </c>
      <c r="E5258">
        <v>2014</v>
      </c>
      <c r="F5258">
        <v>2014</v>
      </c>
      <c r="G5258" t="s">
        <v>14</v>
      </c>
      <c r="H5258" t="s">
        <v>119</v>
      </c>
      <c r="I5258" t="s">
        <v>15</v>
      </c>
      <c r="J5258" s="10">
        <v>17.695666880000001</v>
      </c>
    </row>
    <row r="5259" spans="1:10" x14ac:dyDescent="0.35">
      <c r="A5259" t="s">
        <v>33</v>
      </c>
      <c r="B5259" t="s">
        <v>34</v>
      </c>
      <c r="C5259" t="s">
        <v>117</v>
      </c>
      <c r="D5259" t="s">
        <v>118</v>
      </c>
      <c r="E5259">
        <v>2014</v>
      </c>
      <c r="F5259">
        <v>2014</v>
      </c>
      <c r="G5259" t="s">
        <v>14</v>
      </c>
      <c r="H5259" t="s">
        <v>120</v>
      </c>
      <c r="I5259" t="s">
        <v>15</v>
      </c>
      <c r="J5259" s="10">
        <v>12.4200497</v>
      </c>
    </row>
    <row r="5260" spans="1:10" x14ac:dyDescent="0.35">
      <c r="A5260" t="s">
        <v>33</v>
      </c>
      <c r="B5260" t="s">
        <v>34</v>
      </c>
      <c r="C5260" t="s">
        <v>117</v>
      </c>
      <c r="D5260" t="s">
        <v>118</v>
      </c>
      <c r="E5260">
        <v>2014</v>
      </c>
      <c r="F5260">
        <v>2014</v>
      </c>
      <c r="G5260" t="s">
        <v>14</v>
      </c>
      <c r="H5260" t="s">
        <v>121</v>
      </c>
      <c r="I5260" t="s">
        <v>15</v>
      </c>
      <c r="J5260" s="10">
        <v>31.112614140000002</v>
      </c>
    </row>
    <row r="5261" spans="1:10" x14ac:dyDescent="0.35">
      <c r="A5261" t="s">
        <v>33</v>
      </c>
      <c r="B5261" t="s">
        <v>34</v>
      </c>
      <c r="C5261" t="s">
        <v>117</v>
      </c>
      <c r="D5261" t="s">
        <v>118</v>
      </c>
      <c r="E5261">
        <v>2014</v>
      </c>
      <c r="F5261">
        <v>2014</v>
      </c>
      <c r="G5261" t="s">
        <v>14</v>
      </c>
      <c r="H5261" t="s">
        <v>122</v>
      </c>
      <c r="I5261" t="s">
        <v>15</v>
      </c>
      <c r="J5261" s="10">
        <v>20.424637189999999</v>
      </c>
    </row>
    <row r="5262" spans="1:10" x14ac:dyDescent="0.35">
      <c r="A5262" t="s">
        <v>33</v>
      </c>
      <c r="B5262" t="s">
        <v>34</v>
      </c>
      <c r="C5262" t="s">
        <v>117</v>
      </c>
      <c r="D5262" t="s">
        <v>118</v>
      </c>
      <c r="E5262">
        <v>2014</v>
      </c>
      <c r="F5262">
        <v>2014</v>
      </c>
      <c r="G5262" t="s">
        <v>14</v>
      </c>
      <c r="H5262" t="s">
        <v>123</v>
      </c>
      <c r="I5262" t="s">
        <v>15</v>
      </c>
      <c r="J5262" s="10">
        <v>16.473805710000001</v>
      </c>
    </row>
    <row r="5263" spans="1:10" x14ac:dyDescent="0.35">
      <c r="A5263" t="s">
        <v>33</v>
      </c>
      <c r="B5263" t="s">
        <v>34</v>
      </c>
      <c r="C5263" t="s">
        <v>117</v>
      </c>
      <c r="D5263" t="s">
        <v>118</v>
      </c>
      <c r="E5263">
        <v>2014</v>
      </c>
      <c r="F5263">
        <v>2014</v>
      </c>
      <c r="G5263" t="s">
        <v>14</v>
      </c>
      <c r="H5263" t="s">
        <v>124</v>
      </c>
      <c r="I5263" t="s">
        <v>15</v>
      </c>
      <c r="J5263" s="10">
        <v>1.8732263899999999</v>
      </c>
    </row>
    <row r="5264" spans="1:10" x14ac:dyDescent="0.35">
      <c r="A5264" t="s">
        <v>33</v>
      </c>
      <c r="B5264" t="s">
        <v>34</v>
      </c>
      <c r="C5264" t="s">
        <v>117</v>
      </c>
      <c r="D5264" t="s">
        <v>118</v>
      </c>
      <c r="E5264">
        <v>2014</v>
      </c>
      <c r="F5264">
        <v>2014</v>
      </c>
      <c r="G5264" t="s">
        <v>125</v>
      </c>
      <c r="H5264" t="s">
        <v>119</v>
      </c>
      <c r="I5264" t="s">
        <v>15</v>
      </c>
      <c r="J5264" s="10">
        <v>18.660547130000001</v>
      </c>
    </row>
    <row r="5265" spans="1:10" x14ac:dyDescent="0.35">
      <c r="A5265" t="s">
        <v>33</v>
      </c>
      <c r="B5265" t="s">
        <v>34</v>
      </c>
      <c r="C5265" t="s">
        <v>117</v>
      </c>
      <c r="D5265" t="s">
        <v>118</v>
      </c>
      <c r="E5265">
        <v>2014</v>
      </c>
      <c r="F5265">
        <v>2014</v>
      </c>
      <c r="G5265" t="s">
        <v>125</v>
      </c>
      <c r="H5265" t="s">
        <v>120</v>
      </c>
      <c r="I5265" t="s">
        <v>15</v>
      </c>
      <c r="J5265" s="10">
        <v>12.89932967</v>
      </c>
    </row>
    <row r="5266" spans="1:10" x14ac:dyDescent="0.35">
      <c r="A5266" t="s">
        <v>33</v>
      </c>
      <c r="B5266" t="s">
        <v>34</v>
      </c>
      <c r="C5266" t="s">
        <v>117</v>
      </c>
      <c r="D5266" t="s">
        <v>118</v>
      </c>
      <c r="E5266">
        <v>2014</v>
      </c>
      <c r="F5266">
        <v>2014</v>
      </c>
      <c r="G5266" t="s">
        <v>125</v>
      </c>
      <c r="H5266" t="s">
        <v>121</v>
      </c>
      <c r="I5266" t="s">
        <v>15</v>
      </c>
      <c r="J5266" s="10">
        <v>31.245848179999999</v>
      </c>
    </row>
    <row r="5267" spans="1:10" x14ac:dyDescent="0.35">
      <c r="A5267" t="s">
        <v>33</v>
      </c>
      <c r="B5267" t="s">
        <v>34</v>
      </c>
      <c r="C5267" t="s">
        <v>117</v>
      </c>
      <c r="D5267" t="s">
        <v>118</v>
      </c>
      <c r="E5267">
        <v>2014</v>
      </c>
      <c r="F5267">
        <v>2014</v>
      </c>
      <c r="G5267" t="s">
        <v>125</v>
      </c>
      <c r="H5267" t="s">
        <v>122</v>
      </c>
      <c r="I5267" t="s">
        <v>15</v>
      </c>
      <c r="J5267" s="10">
        <v>20.38770457</v>
      </c>
    </row>
    <row r="5268" spans="1:10" x14ac:dyDescent="0.35">
      <c r="A5268" t="s">
        <v>33</v>
      </c>
      <c r="B5268" t="s">
        <v>34</v>
      </c>
      <c r="C5268" t="s">
        <v>117</v>
      </c>
      <c r="D5268" t="s">
        <v>118</v>
      </c>
      <c r="E5268">
        <v>2014</v>
      </c>
      <c r="F5268">
        <v>2014</v>
      </c>
      <c r="G5268" t="s">
        <v>125</v>
      </c>
      <c r="H5268" t="s">
        <v>123</v>
      </c>
      <c r="I5268" t="s">
        <v>15</v>
      </c>
      <c r="J5268" s="10">
        <v>15.55649496</v>
      </c>
    </row>
    <row r="5269" spans="1:10" x14ac:dyDescent="0.35">
      <c r="A5269" t="s">
        <v>33</v>
      </c>
      <c r="B5269" t="s">
        <v>34</v>
      </c>
      <c r="C5269" t="s">
        <v>117</v>
      </c>
      <c r="D5269" t="s">
        <v>118</v>
      </c>
      <c r="E5269">
        <v>2014</v>
      </c>
      <c r="F5269">
        <v>2014</v>
      </c>
      <c r="G5269" t="s">
        <v>125</v>
      </c>
      <c r="H5269" t="s">
        <v>124</v>
      </c>
      <c r="I5269" t="s">
        <v>15</v>
      </c>
      <c r="J5269" s="10">
        <v>1.250075488</v>
      </c>
    </row>
    <row r="5270" spans="1:10" x14ac:dyDescent="0.35">
      <c r="A5270" t="s">
        <v>33</v>
      </c>
      <c r="B5270" t="s">
        <v>34</v>
      </c>
      <c r="C5270" t="s">
        <v>117</v>
      </c>
      <c r="D5270" t="s">
        <v>118</v>
      </c>
      <c r="E5270">
        <v>2014</v>
      </c>
      <c r="F5270">
        <v>2014</v>
      </c>
      <c r="G5270" t="s">
        <v>126</v>
      </c>
      <c r="H5270" t="s">
        <v>119</v>
      </c>
      <c r="I5270" t="s">
        <v>15</v>
      </c>
      <c r="J5270" s="10">
        <v>16.779869890000001</v>
      </c>
    </row>
    <row r="5271" spans="1:10" x14ac:dyDescent="0.35">
      <c r="A5271" t="s">
        <v>33</v>
      </c>
      <c r="B5271" t="s">
        <v>34</v>
      </c>
      <c r="C5271" t="s">
        <v>117</v>
      </c>
      <c r="D5271" t="s">
        <v>118</v>
      </c>
      <c r="E5271">
        <v>2014</v>
      </c>
      <c r="F5271">
        <v>2014</v>
      </c>
      <c r="G5271" t="s">
        <v>126</v>
      </c>
      <c r="H5271" t="s">
        <v>120</v>
      </c>
      <c r="I5271" t="s">
        <v>15</v>
      </c>
      <c r="J5271" s="10">
        <v>11.965150599999999</v>
      </c>
    </row>
    <row r="5272" spans="1:10" x14ac:dyDescent="0.35">
      <c r="A5272" t="s">
        <v>33</v>
      </c>
      <c r="B5272" t="s">
        <v>34</v>
      </c>
      <c r="C5272" t="s">
        <v>117</v>
      </c>
      <c r="D5272" t="s">
        <v>118</v>
      </c>
      <c r="E5272">
        <v>2014</v>
      </c>
      <c r="F5272">
        <v>2014</v>
      </c>
      <c r="G5272" t="s">
        <v>126</v>
      </c>
      <c r="H5272" t="s">
        <v>121</v>
      </c>
      <c r="I5272" t="s">
        <v>15</v>
      </c>
      <c r="J5272" s="10">
        <v>30.986157680000002</v>
      </c>
    </row>
    <row r="5273" spans="1:10" x14ac:dyDescent="0.35">
      <c r="A5273" t="s">
        <v>33</v>
      </c>
      <c r="B5273" t="s">
        <v>34</v>
      </c>
      <c r="C5273" t="s">
        <v>117</v>
      </c>
      <c r="D5273" t="s">
        <v>118</v>
      </c>
      <c r="E5273">
        <v>2014</v>
      </c>
      <c r="F5273">
        <v>2014</v>
      </c>
      <c r="G5273" t="s">
        <v>126</v>
      </c>
      <c r="H5273" t="s">
        <v>122</v>
      </c>
      <c r="I5273" t="s">
        <v>15</v>
      </c>
      <c r="J5273" s="10">
        <v>20.459691060000001</v>
      </c>
    </row>
    <row r="5274" spans="1:10" x14ac:dyDescent="0.35">
      <c r="A5274" t="s">
        <v>33</v>
      </c>
      <c r="B5274" t="s">
        <v>34</v>
      </c>
      <c r="C5274" t="s">
        <v>117</v>
      </c>
      <c r="D5274" t="s">
        <v>118</v>
      </c>
      <c r="E5274">
        <v>2014</v>
      </c>
      <c r="F5274">
        <v>2014</v>
      </c>
      <c r="G5274" t="s">
        <v>126</v>
      </c>
      <c r="H5274" t="s">
        <v>123</v>
      </c>
      <c r="I5274" t="s">
        <v>15</v>
      </c>
      <c r="J5274" s="10">
        <v>17.344453040000001</v>
      </c>
    </row>
    <row r="5275" spans="1:10" x14ac:dyDescent="0.35">
      <c r="A5275" t="s">
        <v>33</v>
      </c>
      <c r="B5275" t="s">
        <v>34</v>
      </c>
      <c r="C5275" t="s">
        <v>117</v>
      </c>
      <c r="D5275" t="s">
        <v>118</v>
      </c>
      <c r="E5275">
        <v>2014</v>
      </c>
      <c r="F5275">
        <v>2014</v>
      </c>
      <c r="G5275" t="s">
        <v>126</v>
      </c>
      <c r="H5275" t="s">
        <v>124</v>
      </c>
      <c r="I5275" t="s">
        <v>15</v>
      </c>
      <c r="J5275" s="10">
        <v>2.4646777289999999</v>
      </c>
    </row>
    <row r="5276" spans="1:10" x14ac:dyDescent="0.35">
      <c r="A5276" t="s">
        <v>33</v>
      </c>
      <c r="B5276" t="s">
        <v>34</v>
      </c>
      <c r="C5276" t="s">
        <v>117</v>
      </c>
      <c r="D5276" t="s">
        <v>118</v>
      </c>
      <c r="E5276">
        <v>2013</v>
      </c>
      <c r="F5276">
        <v>2013</v>
      </c>
      <c r="G5276" t="s">
        <v>14</v>
      </c>
      <c r="H5276" t="s">
        <v>119</v>
      </c>
      <c r="I5276" t="s">
        <v>15</v>
      </c>
      <c r="J5276" s="10">
        <v>17.83631729</v>
      </c>
    </row>
    <row r="5277" spans="1:10" x14ac:dyDescent="0.35">
      <c r="A5277" t="s">
        <v>33</v>
      </c>
      <c r="B5277" t="s">
        <v>34</v>
      </c>
      <c r="C5277" t="s">
        <v>117</v>
      </c>
      <c r="D5277" t="s">
        <v>118</v>
      </c>
      <c r="E5277">
        <v>2013</v>
      </c>
      <c r="F5277">
        <v>2013</v>
      </c>
      <c r="G5277" t="s">
        <v>14</v>
      </c>
      <c r="H5277" t="s">
        <v>120</v>
      </c>
      <c r="I5277" t="s">
        <v>15</v>
      </c>
      <c r="J5277" s="10">
        <v>12.677645269999999</v>
      </c>
    </row>
    <row r="5278" spans="1:10" x14ac:dyDescent="0.35">
      <c r="A5278" t="s">
        <v>33</v>
      </c>
      <c r="B5278" t="s">
        <v>34</v>
      </c>
      <c r="C5278" t="s">
        <v>117</v>
      </c>
      <c r="D5278" t="s">
        <v>118</v>
      </c>
      <c r="E5278">
        <v>2013</v>
      </c>
      <c r="F5278">
        <v>2013</v>
      </c>
      <c r="G5278" t="s">
        <v>14</v>
      </c>
      <c r="H5278" t="s">
        <v>121</v>
      </c>
      <c r="I5278" t="s">
        <v>15</v>
      </c>
      <c r="J5278" s="10">
        <v>31.627450410000002</v>
      </c>
    </row>
    <row r="5279" spans="1:10" x14ac:dyDescent="0.35">
      <c r="A5279" t="s">
        <v>33</v>
      </c>
      <c r="B5279" t="s">
        <v>34</v>
      </c>
      <c r="C5279" t="s">
        <v>117</v>
      </c>
      <c r="D5279" t="s">
        <v>118</v>
      </c>
      <c r="E5279">
        <v>2013</v>
      </c>
      <c r="F5279">
        <v>2013</v>
      </c>
      <c r="G5279" t="s">
        <v>14</v>
      </c>
      <c r="H5279" t="s">
        <v>122</v>
      </c>
      <c r="I5279" t="s">
        <v>15</v>
      </c>
      <c r="J5279" s="10">
        <v>20.101386000000002</v>
      </c>
    </row>
    <row r="5280" spans="1:10" x14ac:dyDescent="0.35">
      <c r="A5280" t="s">
        <v>33</v>
      </c>
      <c r="B5280" t="s">
        <v>34</v>
      </c>
      <c r="C5280" t="s">
        <v>117</v>
      </c>
      <c r="D5280" t="s">
        <v>118</v>
      </c>
      <c r="E5280">
        <v>2013</v>
      </c>
      <c r="F5280">
        <v>2013</v>
      </c>
      <c r="G5280" t="s">
        <v>14</v>
      </c>
      <c r="H5280" t="s">
        <v>123</v>
      </c>
      <c r="I5280" t="s">
        <v>15</v>
      </c>
      <c r="J5280" s="10">
        <v>15.988806520000001</v>
      </c>
    </row>
    <row r="5281" spans="1:10" x14ac:dyDescent="0.35">
      <c r="A5281" t="s">
        <v>33</v>
      </c>
      <c r="B5281" t="s">
        <v>34</v>
      </c>
      <c r="C5281" t="s">
        <v>117</v>
      </c>
      <c r="D5281" t="s">
        <v>118</v>
      </c>
      <c r="E5281">
        <v>2013</v>
      </c>
      <c r="F5281">
        <v>2013</v>
      </c>
      <c r="G5281" t="s">
        <v>14</v>
      </c>
      <c r="H5281" t="s">
        <v>124</v>
      </c>
      <c r="I5281" t="s">
        <v>15</v>
      </c>
      <c r="J5281" s="10">
        <v>1.768394526</v>
      </c>
    </row>
    <row r="5282" spans="1:10" x14ac:dyDescent="0.35">
      <c r="A5282" t="s">
        <v>33</v>
      </c>
      <c r="B5282" t="s">
        <v>34</v>
      </c>
      <c r="C5282" t="s">
        <v>117</v>
      </c>
      <c r="D5282" t="s">
        <v>118</v>
      </c>
      <c r="E5282">
        <v>2013</v>
      </c>
      <c r="F5282">
        <v>2013</v>
      </c>
      <c r="G5282" t="s">
        <v>125</v>
      </c>
      <c r="H5282" t="s">
        <v>119</v>
      </c>
      <c r="I5282" t="s">
        <v>15</v>
      </c>
      <c r="J5282" s="10">
        <v>18.744747270000001</v>
      </c>
    </row>
    <row r="5283" spans="1:10" x14ac:dyDescent="0.35">
      <c r="A5283" t="s">
        <v>33</v>
      </c>
      <c r="B5283" t="s">
        <v>34</v>
      </c>
      <c r="C5283" t="s">
        <v>117</v>
      </c>
      <c r="D5283" t="s">
        <v>118</v>
      </c>
      <c r="E5283">
        <v>2013</v>
      </c>
      <c r="F5283">
        <v>2013</v>
      </c>
      <c r="G5283" t="s">
        <v>125</v>
      </c>
      <c r="H5283" t="s">
        <v>120</v>
      </c>
      <c r="I5283" t="s">
        <v>15</v>
      </c>
      <c r="J5283" s="10">
        <v>13.24588786</v>
      </c>
    </row>
    <row r="5284" spans="1:10" x14ac:dyDescent="0.35">
      <c r="A5284" t="s">
        <v>33</v>
      </c>
      <c r="B5284" t="s">
        <v>34</v>
      </c>
      <c r="C5284" t="s">
        <v>117</v>
      </c>
      <c r="D5284" t="s">
        <v>118</v>
      </c>
      <c r="E5284">
        <v>2013</v>
      </c>
      <c r="F5284">
        <v>2013</v>
      </c>
      <c r="G5284" t="s">
        <v>125</v>
      </c>
      <c r="H5284" t="s">
        <v>121</v>
      </c>
      <c r="I5284" t="s">
        <v>15</v>
      </c>
      <c r="J5284" s="10">
        <v>31.8855805</v>
      </c>
    </row>
    <row r="5285" spans="1:10" x14ac:dyDescent="0.35">
      <c r="A5285" t="s">
        <v>33</v>
      </c>
      <c r="B5285" t="s">
        <v>34</v>
      </c>
      <c r="C5285" t="s">
        <v>117</v>
      </c>
      <c r="D5285" t="s">
        <v>118</v>
      </c>
      <c r="E5285">
        <v>2013</v>
      </c>
      <c r="F5285">
        <v>2013</v>
      </c>
      <c r="G5285" t="s">
        <v>125</v>
      </c>
      <c r="H5285" t="s">
        <v>122</v>
      </c>
      <c r="I5285" t="s">
        <v>15</v>
      </c>
      <c r="J5285" s="10">
        <v>20.071437150000001</v>
      </c>
    </row>
    <row r="5286" spans="1:10" x14ac:dyDescent="0.35">
      <c r="A5286" t="s">
        <v>33</v>
      </c>
      <c r="B5286" t="s">
        <v>34</v>
      </c>
      <c r="C5286" t="s">
        <v>117</v>
      </c>
      <c r="D5286" t="s">
        <v>118</v>
      </c>
      <c r="E5286">
        <v>2013</v>
      </c>
      <c r="F5286">
        <v>2013</v>
      </c>
      <c r="G5286" t="s">
        <v>125</v>
      </c>
      <c r="H5286" t="s">
        <v>123</v>
      </c>
      <c r="I5286" t="s">
        <v>15</v>
      </c>
      <c r="J5286" s="10">
        <v>14.88474006</v>
      </c>
    </row>
    <row r="5287" spans="1:10" x14ac:dyDescent="0.35">
      <c r="A5287" t="s">
        <v>33</v>
      </c>
      <c r="B5287" t="s">
        <v>34</v>
      </c>
      <c r="C5287" t="s">
        <v>117</v>
      </c>
      <c r="D5287" t="s">
        <v>118</v>
      </c>
      <c r="E5287">
        <v>2013</v>
      </c>
      <c r="F5287">
        <v>2013</v>
      </c>
      <c r="G5287" t="s">
        <v>125</v>
      </c>
      <c r="H5287" t="s">
        <v>124</v>
      </c>
      <c r="I5287" t="s">
        <v>15</v>
      </c>
      <c r="J5287" s="10">
        <v>1.1676071560000001</v>
      </c>
    </row>
    <row r="5288" spans="1:10" x14ac:dyDescent="0.35">
      <c r="A5288" t="s">
        <v>33</v>
      </c>
      <c r="B5288" t="s">
        <v>34</v>
      </c>
      <c r="C5288" t="s">
        <v>117</v>
      </c>
      <c r="D5288" t="s">
        <v>118</v>
      </c>
      <c r="E5288">
        <v>2013</v>
      </c>
      <c r="F5288">
        <v>2013</v>
      </c>
      <c r="G5288" t="s">
        <v>126</v>
      </c>
      <c r="H5288" t="s">
        <v>119</v>
      </c>
      <c r="I5288" t="s">
        <v>15</v>
      </c>
      <c r="J5288" s="10">
        <v>16.970061250000001</v>
      </c>
    </row>
    <row r="5289" spans="1:10" x14ac:dyDescent="0.35">
      <c r="A5289" t="s">
        <v>33</v>
      </c>
      <c r="B5289" t="s">
        <v>34</v>
      </c>
      <c r="C5289" t="s">
        <v>117</v>
      </c>
      <c r="D5289" t="s">
        <v>118</v>
      </c>
      <c r="E5289">
        <v>2013</v>
      </c>
      <c r="F5289">
        <v>2013</v>
      </c>
      <c r="G5289" t="s">
        <v>126</v>
      </c>
      <c r="H5289" t="s">
        <v>120</v>
      </c>
      <c r="I5289" t="s">
        <v>15</v>
      </c>
      <c r="J5289" s="10">
        <v>12.13578339</v>
      </c>
    </row>
    <row r="5290" spans="1:10" x14ac:dyDescent="0.35">
      <c r="A5290" t="s">
        <v>33</v>
      </c>
      <c r="B5290" t="s">
        <v>34</v>
      </c>
      <c r="C5290" t="s">
        <v>117</v>
      </c>
      <c r="D5290" t="s">
        <v>118</v>
      </c>
      <c r="E5290">
        <v>2013</v>
      </c>
      <c r="F5290">
        <v>2013</v>
      </c>
      <c r="G5290" t="s">
        <v>126</v>
      </c>
      <c r="H5290" t="s">
        <v>121</v>
      </c>
      <c r="I5290" t="s">
        <v>15</v>
      </c>
      <c r="J5290" s="10">
        <v>31.381304020000002</v>
      </c>
    </row>
    <row r="5291" spans="1:10" x14ac:dyDescent="0.35">
      <c r="A5291" t="s">
        <v>33</v>
      </c>
      <c r="B5291" t="s">
        <v>34</v>
      </c>
      <c r="C5291" t="s">
        <v>117</v>
      </c>
      <c r="D5291" t="s">
        <v>118</v>
      </c>
      <c r="E5291">
        <v>2013</v>
      </c>
      <c r="F5291">
        <v>2013</v>
      </c>
      <c r="G5291" t="s">
        <v>126</v>
      </c>
      <c r="H5291" t="s">
        <v>122</v>
      </c>
      <c r="I5291" t="s">
        <v>15</v>
      </c>
      <c r="J5291" s="10">
        <v>20.129944470000002</v>
      </c>
    </row>
    <row r="5292" spans="1:10" x14ac:dyDescent="0.35">
      <c r="A5292" t="s">
        <v>33</v>
      </c>
      <c r="B5292" t="s">
        <v>34</v>
      </c>
      <c r="C5292" t="s">
        <v>117</v>
      </c>
      <c r="D5292" t="s">
        <v>118</v>
      </c>
      <c r="E5292">
        <v>2013</v>
      </c>
      <c r="F5292">
        <v>2013</v>
      </c>
      <c r="G5292" t="s">
        <v>126</v>
      </c>
      <c r="H5292" t="s">
        <v>123</v>
      </c>
      <c r="I5292" t="s">
        <v>15</v>
      </c>
      <c r="J5292" s="10">
        <v>17.041616579999999</v>
      </c>
    </row>
    <row r="5293" spans="1:10" x14ac:dyDescent="0.35">
      <c r="A5293" t="s">
        <v>33</v>
      </c>
      <c r="B5293" t="s">
        <v>34</v>
      </c>
      <c r="C5293" t="s">
        <v>117</v>
      </c>
      <c r="D5293" t="s">
        <v>118</v>
      </c>
      <c r="E5293">
        <v>2013</v>
      </c>
      <c r="F5293">
        <v>2013</v>
      </c>
      <c r="G5293" t="s">
        <v>126</v>
      </c>
      <c r="H5293" t="s">
        <v>124</v>
      </c>
      <c r="I5293" t="s">
        <v>15</v>
      </c>
      <c r="J5293" s="10">
        <v>2.341290286</v>
      </c>
    </row>
    <row r="5294" spans="1:10" x14ac:dyDescent="0.35">
      <c r="A5294" t="s">
        <v>33</v>
      </c>
      <c r="B5294" t="s">
        <v>34</v>
      </c>
      <c r="C5294" t="s">
        <v>117</v>
      </c>
      <c r="D5294" t="s">
        <v>118</v>
      </c>
      <c r="E5294">
        <v>2012</v>
      </c>
      <c r="F5294">
        <v>2012</v>
      </c>
      <c r="G5294" t="s">
        <v>14</v>
      </c>
      <c r="H5294" t="s">
        <v>119</v>
      </c>
      <c r="I5294" t="s">
        <v>15</v>
      </c>
      <c r="J5294" s="10">
        <v>17.90138842</v>
      </c>
    </row>
    <row r="5295" spans="1:10" x14ac:dyDescent="0.35">
      <c r="A5295" t="s">
        <v>33</v>
      </c>
      <c r="B5295" t="s">
        <v>34</v>
      </c>
      <c r="C5295" t="s">
        <v>117</v>
      </c>
      <c r="D5295" t="s">
        <v>118</v>
      </c>
      <c r="E5295">
        <v>2012</v>
      </c>
      <c r="F5295">
        <v>2012</v>
      </c>
      <c r="G5295" t="s">
        <v>14</v>
      </c>
      <c r="H5295" t="s">
        <v>120</v>
      </c>
      <c r="I5295" t="s">
        <v>15</v>
      </c>
      <c r="J5295" s="10">
        <v>12.838858180000001</v>
      </c>
    </row>
    <row r="5296" spans="1:10" x14ac:dyDescent="0.35">
      <c r="A5296" t="s">
        <v>33</v>
      </c>
      <c r="B5296" t="s">
        <v>34</v>
      </c>
      <c r="C5296" t="s">
        <v>117</v>
      </c>
      <c r="D5296" t="s">
        <v>118</v>
      </c>
      <c r="E5296">
        <v>2012</v>
      </c>
      <c r="F5296">
        <v>2012</v>
      </c>
      <c r="G5296" t="s">
        <v>14</v>
      </c>
      <c r="H5296" t="s">
        <v>121</v>
      </c>
      <c r="I5296" t="s">
        <v>15</v>
      </c>
      <c r="J5296" s="10">
        <v>32.012843259999997</v>
      </c>
    </row>
    <row r="5297" spans="1:10" x14ac:dyDescent="0.35">
      <c r="A5297" t="s">
        <v>33</v>
      </c>
      <c r="B5297" t="s">
        <v>34</v>
      </c>
      <c r="C5297" t="s">
        <v>117</v>
      </c>
      <c r="D5297" t="s">
        <v>118</v>
      </c>
      <c r="E5297">
        <v>2012</v>
      </c>
      <c r="F5297">
        <v>2012</v>
      </c>
      <c r="G5297" t="s">
        <v>14</v>
      </c>
      <c r="H5297" t="s">
        <v>122</v>
      </c>
      <c r="I5297" t="s">
        <v>15</v>
      </c>
      <c r="J5297" s="10">
        <v>20.003811930000001</v>
      </c>
    </row>
    <row r="5298" spans="1:10" x14ac:dyDescent="0.35">
      <c r="A5298" t="s">
        <v>33</v>
      </c>
      <c r="B5298" t="s">
        <v>34</v>
      </c>
      <c r="C5298" t="s">
        <v>117</v>
      </c>
      <c r="D5298" t="s">
        <v>118</v>
      </c>
      <c r="E5298">
        <v>2012</v>
      </c>
      <c r="F5298">
        <v>2012</v>
      </c>
      <c r="G5298" t="s">
        <v>14</v>
      </c>
      <c r="H5298" t="s">
        <v>123</v>
      </c>
      <c r="I5298" t="s">
        <v>15</v>
      </c>
      <c r="J5298" s="10">
        <v>15.46468838</v>
      </c>
    </row>
    <row r="5299" spans="1:10" x14ac:dyDescent="0.35">
      <c r="A5299" t="s">
        <v>33</v>
      </c>
      <c r="B5299" t="s">
        <v>34</v>
      </c>
      <c r="C5299" t="s">
        <v>117</v>
      </c>
      <c r="D5299" t="s">
        <v>118</v>
      </c>
      <c r="E5299">
        <v>2012</v>
      </c>
      <c r="F5299">
        <v>2012</v>
      </c>
      <c r="G5299" t="s">
        <v>14</v>
      </c>
      <c r="H5299" t="s">
        <v>124</v>
      </c>
      <c r="I5299" t="s">
        <v>15</v>
      </c>
      <c r="J5299" s="10">
        <v>1.778409841</v>
      </c>
    </row>
    <row r="5300" spans="1:10" x14ac:dyDescent="0.35">
      <c r="A5300" t="s">
        <v>33</v>
      </c>
      <c r="B5300" t="s">
        <v>34</v>
      </c>
      <c r="C5300" t="s">
        <v>117</v>
      </c>
      <c r="D5300" t="s">
        <v>118</v>
      </c>
      <c r="E5300">
        <v>2012</v>
      </c>
      <c r="F5300">
        <v>2012</v>
      </c>
      <c r="G5300" t="s">
        <v>125</v>
      </c>
      <c r="H5300" t="s">
        <v>119</v>
      </c>
      <c r="I5300" t="s">
        <v>15</v>
      </c>
      <c r="J5300" s="10">
        <v>18.78829957</v>
      </c>
    </row>
    <row r="5301" spans="1:10" x14ac:dyDescent="0.35">
      <c r="A5301" t="s">
        <v>33</v>
      </c>
      <c r="B5301" t="s">
        <v>34</v>
      </c>
      <c r="C5301" t="s">
        <v>117</v>
      </c>
      <c r="D5301" t="s">
        <v>118</v>
      </c>
      <c r="E5301">
        <v>2012</v>
      </c>
      <c r="F5301">
        <v>2012</v>
      </c>
      <c r="G5301" t="s">
        <v>125</v>
      </c>
      <c r="H5301" t="s">
        <v>120</v>
      </c>
      <c r="I5301" t="s">
        <v>15</v>
      </c>
      <c r="J5301" s="10">
        <v>13.15845081</v>
      </c>
    </row>
    <row r="5302" spans="1:10" x14ac:dyDescent="0.35">
      <c r="A5302" t="s">
        <v>33</v>
      </c>
      <c r="B5302" t="s">
        <v>34</v>
      </c>
      <c r="C5302" t="s">
        <v>117</v>
      </c>
      <c r="D5302" t="s">
        <v>118</v>
      </c>
      <c r="E5302">
        <v>2012</v>
      </c>
      <c r="F5302">
        <v>2012</v>
      </c>
      <c r="G5302" t="s">
        <v>125</v>
      </c>
      <c r="H5302" t="s">
        <v>121</v>
      </c>
      <c r="I5302" t="s">
        <v>15</v>
      </c>
      <c r="J5302" s="10">
        <v>32.31804872</v>
      </c>
    </row>
    <row r="5303" spans="1:10" x14ac:dyDescent="0.35">
      <c r="A5303" t="s">
        <v>33</v>
      </c>
      <c r="B5303" t="s">
        <v>34</v>
      </c>
      <c r="C5303" t="s">
        <v>117</v>
      </c>
      <c r="D5303" t="s">
        <v>118</v>
      </c>
      <c r="E5303">
        <v>2012</v>
      </c>
      <c r="F5303">
        <v>2012</v>
      </c>
      <c r="G5303" t="s">
        <v>125</v>
      </c>
      <c r="H5303" t="s">
        <v>122</v>
      </c>
      <c r="I5303" t="s">
        <v>15</v>
      </c>
      <c r="J5303" s="10">
        <v>20.155764179999998</v>
      </c>
    </row>
    <row r="5304" spans="1:10" x14ac:dyDescent="0.35">
      <c r="A5304" t="s">
        <v>33</v>
      </c>
      <c r="B5304" t="s">
        <v>34</v>
      </c>
      <c r="C5304" t="s">
        <v>117</v>
      </c>
      <c r="D5304" t="s">
        <v>118</v>
      </c>
      <c r="E5304">
        <v>2012</v>
      </c>
      <c r="F5304">
        <v>2012</v>
      </c>
      <c r="G5304" t="s">
        <v>125</v>
      </c>
      <c r="H5304" t="s">
        <v>123</v>
      </c>
      <c r="I5304" t="s">
        <v>15</v>
      </c>
      <c r="J5304" s="10">
        <v>14.45950433</v>
      </c>
    </row>
    <row r="5305" spans="1:10" x14ac:dyDescent="0.35">
      <c r="A5305" t="s">
        <v>33</v>
      </c>
      <c r="B5305" t="s">
        <v>34</v>
      </c>
      <c r="C5305" t="s">
        <v>117</v>
      </c>
      <c r="D5305" t="s">
        <v>118</v>
      </c>
      <c r="E5305">
        <v>2012</v>
      </c>
      <c r="F5305">
        <v>2012</v>
      </c>
      <c r="G5305" t="s">
        <v>125</v>
      </c>
      <c r="H5305" t="s">
        <v>124</v>
      </c>
      <c r="I5305" t="s">
        <v>15</v>
      </c>
      <c r="J5305" s="10">
        <v>1.1199323809999999</v>
      </c>
    </row>
    <row r="5306" spans="1:10" x14ac:dyDescent="0.35">
      <c r="A5306" t="s">
        <v>33</v>
      </c>
      <c r="B5306" t="s">
        <v>34</v>
      </c>
      <c r="C5306" t="s">
        <v>117</v>
      </c>
      <c r="D5306" t="s">
        <v>118</v>
      </c>
      <c r="E5306">
        <v>2012</v>
      </c>
      <c r="F5306">
        <v>2012</v>
      </c>
      <c r="G5306" t="s">
        <v>126</v>
      </c>
      <c r="H5306" t="s">
        <v>119</v>
      </c>
      <c r="I5306" t="s">
        <v>15</v>
      </c>
      <c r="J5306" s="10">
        <v>17.06385405</v>
      </c>
    </row>
    <row r="5307" spans="1:10" x14ac:dyDescent="0.35">
      <c r="A5307" t="s">
        <v>33</v>
      </c>
      <c r="B5307" t="s">
        <v>34</v>
      </c>
      <c r="C5307" t="s">
        <v>117</v>
      </c>
      <c r="D5307" t="s">
        <v>118</v>
      </c>
      <c r="E5307">
        <v>2012</v>
      </c>
      <c r="F5307">
        <v>2012</v>
      </c>
      <c r="G5307" t="s">
        <v>126</v>
      </c>
      <c r="H5307" t="s">
        <v>120</v>
      </c>
      <c r="I5307" t="s">
        <v>15</v>
      </c>
      <c r="J5307" s="10">
        <v>12.53705815</v>
      </c>
    </row>
    <row r="5308" spans="1:10" x14ac:dyDescent="0.35">
      <c r="A5308" t="s">
        <v>33</v>
      </c>
      <c r="B5308" t="s">
        <v>34</v>
      </c>
      <c r="C5308" t="s">
        <v>117</v>
      </c>
      <c r="D5308" t="s">
        <v>118</v>
      </c>
      <c r="E5308">
        <v>2012</v>
      </c>
      <c r="F5308">
        <v>2012</v>
      </c>
      <c r="G5308" t="s">
        <v>126</v>
      </c>
      <c r="H5308" t="s">
        <v>121</v>
      </c>
      <c r="I5308" t="s">
        <v>15</v>
      </c>
      <c r="J5308" s="10">
        <v>31.724629419999999</v>
      </c>
    </row>
    <row r="5309" spans="1:10" x14ac:dyDescent="0.35">
      <c r="A5309" t="s">
        <v>33</v>
      </c>
      <c r="B5309" t="s">
        <v>34</v>
      </c>
      <c r="C5309" t="s">
        <v>117</v>
      </c>
      <c r="D5309" t="s">
        <v>118</v>
      </c>
      <c r="E5309">
        <v>2012</v>
      </c>
      <c r="F5309">
        <v>2012</v>
      </c>
      <c r="G5309" t="s">
        <v>126</v>
      </c>
      <c r="H5309" t="s">
        <v>122</v>
      </c>
      <c r="I5309" t="s">
        <v>15</v>
      </c>
      <c r="J5309" s="10">
        <v>19.860319270000002</v>
      </c>
    </row>
    <row r="5310" spans="1:10" x14ac:dyDescent="0.35">
      <c r="A5310" t="s">
        <v>33</v>
      </c>
      <c r="B5310" t="s">
        <v>34</v>
      </c>
      <c r="C5310" t="s">
        <v>117</v>
      </c>
      <c r="D5310" t="s">
        <v>118</v>
      </c>
      <c r="E5310">
        <v>2012</v>
      </c>
      <c r="F5310">
        <v>2012</v>
      </c>
      <c r="G5310" t="s">
        <v>126</v>
      </c>
      <c r="H5310" t="s">
        <v>123</v>
      </c>
      <c r="I5310" t="s">
        <v>15</v>
      </c>
      <c r="J5310" s="10">
        <v>16.41391106</v>
      </c>
    </row>
    <row r="5311" spans="1:10" x14ac:dyDescent="0.35">
      <c r="A5311" t="s">
        <v>33</v>
      </c>
      <c r="B5311" t="s">
        <v>34</v>
      </c>
      <c r="C5311" t="s">
        <v>117</v>
      </c>
      <c r="D5311" t="s">
        <v>118</v>
      </c>
      <c r="E5311">
        <v>2012</v>
      </c>
      <c r="F5311">
        <v>2012</v>
      </c>
      <c r="G5311" t="s">
        <v>126</v>
      </c>
      <c r="H5311" t="s">
        <v>124</v>
      </c>
      <c r="I5311" t="s">
        <v>15</v>
      </c>
      <c r="J5311" s="10">
        <v>2.4002280499999999</v>
      </c>
    </row>
    <row r="5312" spans="1:10" x14ac:dyDescent="0.35">
      <c r="A5312" t="s">
        <v>33</v>
      </c>
      <c r="B5312" t="s">
        <v>34</v>
      </c>
      <c r="C5312" t="s">
        <v>117</v>
      </c>
      <c r="D5312" t="s">
        <v>118</v>
      </c>
      <c r="E5312">
        <v>2011</v>
      </c>
      <c r="F5312">
        <v>2011</v>
      </c>
      <c r="G5312" t="s">
        <v>14</v>
      </c>
      <c r="H5312" t="s">
        <v>119</v>
      </c>
      <c r="I5312" t="s">
        <v>15</v>
      </c>
      <c r="J5312" s="10">
        <v>18.130852090000001</v>
      </c>
    </row>
    <row r="5313" spans="1:10" x14ac:dyDescent="0.35">
      <c r="A5313" t="s">
        <v>33</v>
      </c>
      <c r="B5313" t="s">
        <v>34</v>
      </c>
      <c r="C5313" t="s">
        <v>117</v>
      </c>
      <c r="D5313" t="s">
        <v>118</v>
      </c>
      <c r="E5313">
        <v>2011</v>
      </c>
      <c r="F5313">
        <v>2011</v>
      </c>
      <c r="G5313" t="s">
        <v>14</v>
      </c>
      <c r="H5313" t="s">
        <v>120</v>
      </c>
      <c r="I5313" t="s">
        <v>15</v>
      </c>
      <c r="J5313" s="10">
        <v>12.64199125</v>
      </c>
    </row>
    <row r="5314" spans="1:10" x14ac:dyDescent="0.35">
      <c r="A5314" t="s">
        <v>33</v>
      </c>
      <c r="B5314" t="s">
        <v>34</v>
      </c>
      <c r="C5314" t="s">
        <v>117</v>
      </c>
      <c r="D5314" t="s">
        <v>118</v>
      </c>
      <c r="E5314">
        <v>2011</v>
      </c>
      <c r="F5314">
        <v>2011</v>
      </c>
      <c r="G5314" t="s">
        <v>14</v>
      </c>
      <c r="H5314" t="s">
        <v>121</v>
      </c>
      <c r="I5314" t="s">
        <v>15</v>
      </c>
      <c r="J5314" s="10">
        <v>32.661657230000003</v>
      </c>
    </row>
    <row r="5315" spans="1:10" x14ac:dyDescent="0.35">
      <c r="A5315" t="s">
        <v>33</v>
      </c>
      <c r="B5315" t="s">
        <v>34</v>
      </c>
      <c r="C5315" t="s">
        <v>117</v>
      </c>
      <c r="D5315" t="s">
        <v>118</v>
      </c>
      <c r="E5315">
        <v>2011</v>
      </c>
      <c r="F5315">
        <v>2011</v>
      </c>
      <c r="G5315" t="s">
        <v>14</v>
      </c>
      <c r="H5315" t="s">
        <v>122</v>
      </c>
      <c r="I5315" t="s">
        <v>15</v>
      </c>
      <c r="J5315" s="10">
        <v>20.098916899999999</v>
      </c>
    </row>
    <row r="5316" spans="1:10" x14ac:dyDescent="0.35">
      <c r="A5316" t="s">
        <v>33</v>
      </c>
      <c r="B5316" t="s">
        <v>34</v>
      </c>
      <c r="C5316" t="s">
        <v>117</v>
      </c>
      <c r="D5316" t="s">
        <v>118</v>
      </c>
      <c r="E5316">
        <v>2011</v>
      </c>
      <c r="F5316">
        <v>2011</v>
      </c>
      <c r="G5316" t="s">
        <v>14</v>
      </c>
      <c r="H5316" t="s">
        <v>123</v>
      </c>
      <c r="I5316" t="s">
        <v>15</v>
      </c>
      <c r="J5316" s="10">
        <v>14.71865919</v>
      </c>
    </row>
    <row r="5317" spans="1:10" x14ac:dyDescent="0.35">
      <c r="A5317" t="s">
        <v>33</v>
      </c>
      <c r="B5317" t="s">
        <v>34</v>
      </c>
      <c r="C5317" t="s">
        <v>117</v>
      </c>
      <c r="D5317" t="s">
        <v>118</v>
      </c>
      <c r="E5317">
        <v>2011</v>
      </c>
      <c r="F5317">
        <v>2011</v>
      </c>
      <c r="G5317" t="s">
        <v>14</v>
      </c>
      <c r="H5317" t="s">
        <v>124</v>
      </c>
      <c r="I5317" t="s">
        <v>15</v>
      </c>
      <c r="J5317" s="10">
        <v>1.7479233320000001</v>
      </c>
    </row>
    <row r="5318" spans="1:10" x14ac:dyDescent="0.35">
      <c r="A5318" t="s">
        <v>33</v>
      </c>
      <c r="B5318" t="s">
        <v>34</v>
      </c>
      <c r="C5318" t="s">
        <v>117</v>
      </c>
      <c r="D5318" t="s">
        <v>118</v>
      </c>
      <c r="E5318">
        <v>2011</v>
      </c>
      <c r="F5318">
        <v>2011</v>
      </c>
      <c r="G5318" t="s">
        <v>125</v>
      </c>
      <c r="H5318" t="s">
        <v>119</v>
      </c>
      <c r="I5318" t="s">
        <v>15</v>
      </c>
      <c r="J5318" s="10">
        <v>19.019127910000002</v>
      </c>
    </row>
    <row r="5319" spans="1:10" x14ac:dyDescent="0.35">
      <c r="A5319" t="s">
        <v>33</v>
      </c>
      <c r="B5319" t="s">
        <v>34</v>
      </c>
      <c r="C5319" t="s">
        <v>117</v>
      </c>
      <c r="D5319" t="s">
        <v>118</v>
      </c>
      <c r="E5319">
        <v>2011</v>
      </c>
      <c r="F5319">
        <v>2011</v>
      </c>
      <c r="G5319" t="s">
        <v>125</v>
      </c>
      <c r="H5319" t="s">
        <v>120</v>
      </c>
      <c r="I5319" t="s">
        <v>15</v>
      </c>
      <c r="J5319" s="10">
        <v>12.99066268</v>
      </c>
    </row>
    <row r="5320" spans="1:10" x14ac:dyDescent="0.35">
      <c r="A5320" t="s">
        <v>33</v>
      </c>
      <c r="B5320" t="s">
        <v>34</v>
      </c>
      <c r="C5320" t="s">
        <v>117</v>
      </c>
      <c r="D5320" t="s">
        <v>118</v>
      </c>
      <c r="E5320">
        <v>2011</v>
      </c>
      <c r="F5320">
        <v>2011</v>
      </c>
      <c r="G5320" t="s">
        <v>125</v>
      </c>
      <c r="H5320" t="s">
        <v>121</v>
      </c>
      <c r="I5320" t="s">
        <v>15</v>
      </c>
      <c r="J5320" s="10">
        <v>33.043241770000002</v>
      </c>
    </row>
    <row r="5321" spans="1:10" x14ac:dyDescent="0.35">
      <c r="A5321" t="s">
        <v>33</v>
      </c>
      <c r="B5321" t="s">
        <v>34</v>
      </c>
      <c r="C5321" t="s">
        <v>117</v>
      </c>
      <c r="D5321" t="s">
        <v>118</v>
      </c>
      <c r="E5321">
        <v>2011</v>
      </c>
      <c r="F5321">
        <v>2011</v>
      </c>
      <c r="G5321" t="s">
        <v>125</v>
      </c>
      <c r="H5321" t="s">
        <v>122</v>
      </c>
      <c r="I5321" t="s">
        <v>15</v>
      </c>
      <c r="J5321" s="10">
        <v>20.10999305</v>
      </c>
    </row>
    <row r="5322" spans="1:10" x14ac:dyDescent="0.35">
      <c r="A5322" t="s">
        <v>33</v>
      </c>
      <c r="B5322" t="s">
        <v>34</v>
      </c>
      <c r="C5322" t="s">
        <v>117</v>
      </c>
      <c r="D5322" t="s">
        <v>118</v>
      </c>
      <c r="E5322">
        <v>2011</v>
      </c>
      <c r="F5322">
        <v>2011</v>
      </c>
      <c r="G5322" t="s">
        <v>125</v>
      </c>
      <c r="H5322" t="s">
        <v>123</v>
      </c>
      <c r="I5322" t="s">
        <v>15</v>
      </c>
      <c r="J5322" s="10">
        <v>13.7581966</v>
      </c>
    </row>
    <row r="5323" spans="1:10" x14ac:dyDescent="0.35">
      <c r="A5323" t="s">
        <v>33</v>
      </c>
      <c r="B5323" t="s">
        <v>34</v>
      </c>
      <c r="C5323" t="s">
        <v>117</v>
      </c>
      <c r="D5323" t="s">
        <v>118</v>
      </c>
      <c r="E5323">
        <v>2011</v>
      </c>
      <c r="F5323">
        <v>2011</v>
      </c>
      <c r="G5323" t="s">
        <v>125</v>
      </c>
      <c r="H5323" t="s">
        <v>124</v>
      </c>
      <c r="I5323" t="s">
        <v>15</v>
      </c>
      <c r="J5323" s="10">
        <v>1.078777989</v>
      </c>
    </row>
    <row r="5324" spans="1:10" x14ac:dyDescent="0.35">
      <c r="A5324" t="s">
        <v>33</v>
      </c>
      <c r="B5324" t="s">
        <v>34</v>
      </c>
      <c r="C5324" t="s">
        <v>117</v>
      </c>
      <c r="D5324" t="s">
        <v>118</v>
      </c>
      <c r="E5324">
        <v>2011</v>
      </c>
      <c r="F5324">
        <v>2011</v>
      </c>
      <c r="G5324" t="s">
        <v>126</v>
      </c>
      <c r="H5324" t="s">
        <v>119</v>
      </c>
      <c r="I5324" t="s">
        <v>15</v>
      </c>
      <c r="J5324" s="10">
        <v>17.292053070000001</v>
      </c>
    </row>
    <row r="5325" spans="1:10" x14ac:dyDescent="0.35">
      <c r="A5325" t="s">
        <v>33</v>
      </c>
      <c r="B5325" t="s">
        <v>34</v>
      </c>
      <c r="C5325" t="s">
        <v>117</v>
      </c>
      <c r="D5325" t="s">
        <v>118</v>
      </c>
      <c r="E5325">
        <v>2011</v>
      </c>
      <c r="F5325">
        <v>2011</v>
      </c>
      <c r="G5325" t="s">
        <v>126</v>
      </c>
      <c r="H5325" t="s">
        <v>120</v>
      </c>
      <c r="I5325" t="s">
        <v>15</v>
      </c>
      <c r="J5325" s="10">
        <v>12.312740760000001</v>
      </c>
    </row>
    <row r="5326" spans="1:10" x14ac:dyDescent="0.35">
      <c r="A5326" t="s">
        <v>33</v>
      </c>
      <c r="B5326" t="s">
        <v>34</v>
      </c>
      <c r="C5326" t="s">
        <v>117</v>
      </c>
      <c r="D5326" t="s">
        <v>118</v>
      </c>
      <c r="E5326">
        <v>2011</v>
      </c>
      <c r="F5326">
        <v>2011</v>
      </c>
      <c r="G5326" t="s">
        <v>126</v>
      </c>
      <c r="H5326" t="s">
        <v>121</v>
      </c>
      <c r="I5326" t="s">
        <v>15</v>
      </c>
      <c r="J5326" s="10">
        <v>32.301326869999997</v>
      </c>
    </row>
    <row r="5327" spans="1:10" x14ac:dyDescent="0.35">
      <c r="A5327" t="s">
        <v>33</v>
      </c>
      <c r="B5327" t="s">
        <v>34</v>
      </c>
      <c r="C5327" t="s">
        <v>117</v>
      </c>
      <c r="D5327" t="s">
        <v>118</v>
      </c>
      <c r="E5327">
        <v>2011</v>
      </c>
      <c r="F5327">
        <v>2011</v>
      </c>
      <c r="G5327" t="s">
        <v>126</v>
      </c>
      <c r="H5327" t="s">
        <v>122</v>
      </c>
      <c r="I5327" t="s">
        <v>15</v>
      </c>
      <c r="J5327" s="10">
        <v>20.088457699999999</v>
      </c>
    </row>
    <row r="5328" spans="1:10" x14ac:dyDescent="0.35">
      <c r="A5328" t="s">
        <v>33</v>
      </c>
      <c r="B5328" t="s">
        <v>34</v>
      </c>
      <c r="C5328" t="s">
        <v>117</v>
      </c>
      <c r="D5328" t="s">
        <v>118</v>
      </c>
      <c r="E5328">
        <v>2011</v>
      </c>
      <c r="F5328">
        <v>2011</v>
      </c>
      <c r="G5328" t="s">
        <v>126</v>
      </c>
      <c r="H5328" t="s">
        <v>123</v>
      </c>
      <c r="I5328" t="s">
        <v>15</v>
      </c>
      <c r="J5328" s="10">
        <v>15.625624200000001</v>
      </c>
    </row>
    <row r="5329" spans="1:10" x14ac:dyDescent="0.35">
      <c r="A5329" t="s">
        <v>33</v>
      </c>
      <c r="B5329" t="s">
        <v>34</v>
      </c>
      <c r="C5329" t="s">
        <v>117</v>
      </c>
      <c r="D5329" t="s">
        <v>118</v>
      </c>
      <c r="E5329">
        <v>2011</v>
      </c>
      <c r="F5329">
        <v>2011</v>
      </c>
      <c r="G5329" t="s">
        <v>126</v>
      </c>
      <c r="H5329" t="s">
        <v>124</v>
      </c>
      <c r="I5329" t="s">
        <v>15</v>
      </c>
      <c r="J5329" s="10">
        <v>2.379797403</v>
      </c>
    </row>
    <row r="5330" spans="1:10" x14ac:dyDescent="0.35">
      <c r="A5330" t="s">
        <v>35</v>
      </c>
      <c r="B5330" t="s">
        <v>36</v>
      </c>
      <c r="C5330" t="s">
        <v>117</v>
      </c>
      <c r="D5330" t="s">
        <v>118</v>
      </c>
      <c r="E5330">
        <v>2020</v>
      </c>
      <c r="F5330">
        <v>2020</v>
      </c>
      <c r="G5330" t="s">
        <v>14</v>
      </c>
      <c r="H5330" t="s">
        <v>119</v>
      </c>
      <c r="I5330" t="s">
        <v>15</v>
      </c>
      <c r="J5330" s="10">
        <v>17.922924139999999</v>
      </c>
    </row>
    <row r="5331" spans="1:10" x14ac:dyDescent="0.35">
      <c r="A5331" t="s">
        <v>35</v>
      </c>
      <c r="B5331" t="s">
        <v>36</v>
      </c>
      <c r="C5331" t="s">
        <v>117</v>
      </c>
      <c r="D5331" t="s">
        <v>118</v>
      </c>
      <c r="E5331">
        <v>2020</v>
      </c>
      <c r="F5331">
        <v>2020</v>
      </c>
      <c r="G5331" t="s">
        <v>14</v>
      </c>
      <c r="H5331" t="s">
        <v>120</v>
      </c>
      <c r="I5331" t="s">
        <v>15</v>
      </c>
      <c r="J5331" s="10">
        <v>9.7209322260000004</v>
      </c>
    </row>
    <row r="5332" spans="1:10" x14ac:dyDescent="0.35">
      <c r="A5332" t="s">
        <v>35</v>
      </c>
      <c r="B5332" t="s">
        <v>36</v>
      </c>
      <c r="C5332" t="s">
        <v>117</v>
      </c>
      <c r="D5332" t="s">
        <v>118</v>
      </c>
      <c r="E5332">
        <v>2020</v>
      </c>
      <c r="F5332">
        <v>2020</v>
      </c>
      <c r="G5332" t="s">
        <v>14</v>
      </c>
      <c r="H5332" t="s">
        <v>121</v>
      </c>
      <c r="I5332" t="s">
        <v>15</v>
      </c>
      <c r="J5332" s="10">
        <v>28.506923109999999</v>
      </c>
    </row>
    <row r="5333" spans="1:10" x14ac:dyDescent="0.35">
      <c r="A5333" t="s">
        <v>35</v>
      </c>
      <c r="B5333" t="s">
        <v>36</v>
      </c>
      <c r="C5333" t="s">
        <v>117</v>
      </c>
      <c r="D5333" t="s">
        <v>118</v>
      </c>
      <c r="E5333">
        <v>2020</v>
      </c>
      <c r="F5333">
        <v>2020</v>
      </c>
      <c r="G5333" t="s">
        <v>14</v>
      </c>
      <c r="H5333" t="s">
        <v>122</v>
      </c>
      <c r="I5333" t="s">
        <v>15</v>
      </c>
      <c r="J5333" s="10">
        <v>22.51403912</v>
      </c>
    </row>
    <row r="5334" spans="1:10" x14ac:dyDescent="0.35">
      <c r="A5334" t="s">
        <v>35</v>
      </c>
      <c r="B5334" t="s">
        <v>36</v>
      </c>
      <c r="C5334" t="s">
        <v>117</v>
      </c>
      <c r="D5334" t="s">
        <v>118</v>
      </c>
      <c r="E5334">
        <v>2020</v>
      </c>
      <c r="F5334">
        <v>2020</v>
      </c>
      <c r="G5334" t="s">
        <v>14</v>
      </c>
      <c r="H5334" t="s">
        <v>123</v>
      </c>
      <c r="I5334" t="s">
        <v>15</v>
      </c>
      <c r="J5334" s="10">
        <v>18.510209620000001</v>
      </c>
    </row>
    <row r="5335" spans="1:10" x14ac:dyDescent="0.35">
      <c r="A5335" t="s">
        <v>35</v>
      </c>
      <c r="B5335" t="s">
        <v>36</v>
      </c>
      <c r="C5335" t="s">
        <v>117</v>
      </c>
      <c r="D5335" t="s">
        <v>118</v>
      </c>
      <c r="E5335">
        <v>2020</v>
      </c>
      <c r="F5335">
        <v>2020</v>
      </c>
      <c r="G5335" t="s">
        <v>14</v>
      </c>
      <c r="H5335" t="s">
        <v>124</v>
      </c>
      <c r="I5335" t="s">
        <v>15</v>
      </c>
      <c r="J5335" s="10">
        <v>2.8249717790000002</v>
      </c>
    </row>
    <row r="5336" spans="1:10" x14ac:dyDescent="0.35">
      <c r="A5336" t="s">
        <v>35</v>
      </c>
      <c r="B5336" t="s">
        <v>36</v>
      </c>
      <c r="C5336" t="s">
        <v>117</v>
      </c>
      <c r="D5336" t="s">
        <v>118</v>
      </c>
      <c r="E5336">
        <v>2020</v>
      </c>
      <c r="F5336">
        <v>2020</v>
      </c>
      <c r="G5336" t="s">
        <v>125</v>
      </c>
      <c r="H5336" t="s">
        <v>119</v>
      </c>
      <c r="I5336" t="s">
        <v>15</v>
      </c>
      <c r="J5336" s="10">
        <v>19.438252339999998</v>
      </c>
    </row>
    <row r="5337" spans="1:10" x14ac:dyDescent="0.35">
      <c r="A5337" t="s">
        <v>35</v>
      </c>
      <c r="B5337" t="s">
        <v>36</v>
      </c>
      <c r="C5337" t="s">
        <v>117</v>
      </c>
      <c r="D5337" t="s">
        <v>118</v>
      </c>
      <c r="E5337">
        <v>2020</v>
      </c>
      <c r="F5337">
        <v>2020</v>
      </c>
      <c r="G5337" t="s">
        <v>125</v>
      </c>
      <c r="H5337" t="s">
        <v>120</v>
      </c>
      <c r="I5337" t="s">
        <v>15</v>
      </c>
      <c r="J5337" s="10">
        <v>10.777232870000001</v>
      </c>
    </row>
    <row r="5338" spans="1:10" x14ac:dyDescent="0.35">
      <c r="A5338" t="s">
        <v>35</v>
      </c>
      <c r="B5338" t="s">
        <v>36</v>
      </c>
      <c r="C5338" t="s">
        <v>117</v>
      </c>
      <c r="D5338" t="s">
        <v>118</v>
      </c>
      <c r="E5338">
        <v>2020</v>
      </c>
      <c r="F5338">
        <v>2020</v>
      </c>
      <c r="G5338" t="s">
        <v>125</v>
      </c>
      <c r="H5338" t="s">
        <v>121</v>
      </c>
      <c r="I5338" t="s">
        <v>15</v>
      </c>
      <c r="J5338" s="10">
        <v>28.470798039999998</v>
      </c>
    </row>
    <row r="5339" spans="1:10" x14ac:dyDescent="0.35">
      <c r="A5339" t="s">
        <v>35</v>
      </c>
      <c r="B5339" t="s">
        <v>36</v>
      </c>
      <c r="C5339" t="s">
        <v>117</v>
      </c>
      <c r="D5339" t="s">
        <v>118</v>
      </c>
      <c r="E5339">
        <v>2020</v>
      </c>
      <c r="F5339">
        <v>2020</v>
      </c>
      <c r="G5339" t="s">
        <v>125</v>
      </c>
      <c r="H5339" t="s">
        <v>122</v>
      </c>
      <c r="I5339" t="s">
        <v>15</v>
      </c>
      <c r="J5339" s="10">
        <v>22.08649131</v>
      </c>
    </row>
    <row r="5340" spans="1:10" x14ac:dyDescent="0.35">
      <c r="A5340" t="s">
        <v>35</v>
      </c>
      <c r="B5340" t="s">
        <v>36</v>
      </c>
      <c r="C5340" t="s">
        <v>117</v>
      </c>
      <c r="D5340" t="s">
        <v>118</v>
      </c>
      <c r="E5340">
        <v>2020</v>
      </c>
      <c r="F5340">
        <v>2020</v>
      </c>
      <c r="G5340" t="s">
        <v>125</v>
      </c>
      <c r="H5340" t="s">
        <v>123</v>
      </c>
      <c r="I5340" t="s">
        <v>15</v>
      </c>
      <c r="J5340" s="10">
        <v>17.209094960000002</v>
      </c>
    </row>
    <row r="5341" spans="1:10" x14ac:dyDescent="0.35">
      <c r="A5341" t="s">
        <v>35</v>
      </c>
      <c r="B5341" t="s">
        <v>36</v>
      </c>
      <c r="C5341" t="s">
        <v>117</v>
      </c>
      <c r="D5341" t="s">
        <v>118</v>
      </c>
      <c r="E5341">
        <v>2020</v>
      </c>
      <c r="F5341">
        <v>2020</v>
      </c>
      <c r="G5341" t="s">
        <v>125</v>
      </c>
      <c r="H5341" t="s">
        <v>124</v>
      </c>
      <c r="I5341" t="s">
        <v>15</v>
      </c>
      <c r="J5341" s="10">
        <v>2.0181304799999999</v>
      </c>
    </row>
    <row r="5342" spans="1:10" x14ac:dyDescent="0.35">
      <c r="A5342" t="s">
        <v>35</v>
      </c>
      <c r="B5342" t="s">
        <v>36</v>
      </c>
      <c r="C5342" t="s">
        <v>117</v>
      </c>
      <c r="D5342" t="s">
        <v>118</v>
      </c>
      <c r="E5342">
        <v>2020</v>
      </c>
      <c r="F5342">
        <v>2020</v>
      </c>
      <c r="G5342" t="s">
        <v>126</v>
      </c>
      <c r="H5342" t="s">
        <v>119</v>
      </c>
      <c r="I5342" t="s">
        <v>15</v>
      </c>
      <c r="J5342" s="10">
        <v>16.51989653</v>
      </c>
    </row>
    <row r="5343" spans="1:10" x14ac:dyDescent="0.35">
      <c r="A5343" t="s">
        <v>35</v>
      </c>
      <c r="B5343" t="s">
        <v>36</v>
      </c>
      <c r="C5343" t="s">
        <v>117</v>
      </c>
      <c r="D5343" t="s">
        <v>118</v>
      </c>
      <c r="E5343">
        <v>2020</v>
      </c>
      <c r="F5343">
        <v>2020</v>
      </c>
      <c r="G5343" t="s">
        <v>126</v>
      </c>
      <c r="H5343" t="s">
        <v>120</v>
      </c>
      <c r="I5343" t="s">
        <v>15</v>
      </c>
      <c r="J5343" s="10">
        <v>8.7429137539999999</v>
      </c>
    </row>
    <row r="5344" spans="1:10" x14ac:dyDescent="0.35">
      <c r="A5344" t="s">
        <v>35</v>
      </c>
      <c r="B5344" t="s">
        <v>36</v>
      </c>
      <c r="C5344" t="s">
        <v>117</v>
      </c>
      <c r="D5344" t="s">
        <v>118</v>
      </c>
      <c r="E5344">
        <v>2020</v>
      </c>
      <c r="F5344">
        <v>2020</v>
      </c>
      <c r="G5344" t="s">
        <v>126</v>
      </c>
      <c r="H5344" t="s">
        <v>121</v>
      </c>
      <c r="I5344" t="s">
        <v>15</v>
      </c>
      <c r="J5344" s="10">
        <v>28.540370960000001</v>
      </c>
    </row>
    <row r="5345" spans="1:10" x14ac:dyDescent="0.35">
      <c r="A5345" t="s">
        <v>35</v>
      </c>
      <c r="B5345" t="s">
        <v>36</v>
      </c>
      <c r="C5345" t="s">
        <v>117</v>
      </c>
      <c r="D5345" t="s">
        <v>118</v>
      </c>
      <c r="E5345">
        <v>2020</v>
      </c>
      <c r="F5345">
        <v>2020</v>
      </c>
      <c r="G5345" t="s">
        <v>126</v>
      </c>
      <c r="H5345" t="s">
        <v>122</v>
      </c>
      <c r="I5345" t="s">
        <v>15</v>
      </c>
      <c r="J5345" s="10">
        <v>22.909901479999998</v>
      </c>
    </row>
    <row r="5346" spans="1:10" x14ac:dyDescent="0.35">
      <c r="A5346" t="s">
        <v>35</v>
      </c>
      <c r="B5346" t="s">
        <v>36</v>
      </c>
      <c r="C5346" t="s">
        <v>117</v>
      </c>
      <c r="D5346" t="s">
        <v>118</v>
      </c>
      <c r="E5346">
        <v>2020</v>
      </c>
      <c r="F5346">
        <v>2020</v>
      </c>
      <c r="G5346" t="s">
        <v>126</v>
      </c>
      <c r="H5346" t="s">
        <v>123</v>
      </c>
      <c r="I5346" t="s">
        <v>15</v>
      </c>
      <c r="J5346" s="10">
        <v>19.714898999999999</v>
      </c>
    </row>
    <row r="5347" spans="1:10" x14ac:dyDescent="0.35">
      <c r="A5347" t="s">
        <v>35</v>
      </c>
      <c r="B5347" t="s">
        <v>36</v>
      </c>
      <c r="C5347" t="s">
        <v>117</v>
      </c>
      <c r="D5347" t="s">
        <v>118</v>
      </c>
      <c r="E5347">
        <v>2020</v>
      </c>
      <c r="F5347">
        <v>2020</v>
      </c>
      <c r="G5347" t="s">
        <v>126</v>
      </c>
      <c r="H5347" t="s">
        <v>124</v>
      </c>
      <c r="I5347" t="s">
        <v>15</v>
      </c>
      <c r="J5347" s="10">
        <v>3.5720182729999999</v>
      </c>
    </row>
    <row r="5348" spans="1:10" x14ac:dyDescent="0.35">
      <c r="A5348" t="s">
        <v>35</v>
      </c>
      <c r="B5348" t="s">
        <v>36</v>
      </c>
      <c r="C5348" t="s">
        <v>117</v>
      </c>
      <c r="D5348" t="s">
        <v>118</v>
      </c>
      <c r="E5348">
        <v>2019</v>
      </c>
      <c r="F5348">
        <v>2019</v>
      </c>
      <c r="G5348" t="s">
        <v>14</v>
      </c>
      <c r="H5348" t="s">
        <v>119</v>
      </c>
      <c r="I5348" t="s">
        <v>15</v>
      </c>
      <c r="J5348" s="10">
        <v>17.976312490000002</v>
      </c>
    </row>
    <row r="5349" spans="1:10" x14ac:dyDescent="0.35">
      <c r="A5349" t="s">
        <v>35</v>
      </c>
      <c r="B5349" t="s">
        <v>36</v>
      </c>
      <c r="C5349" t="s">
        <v>117</v>
      </c>
      <c r="D5349" t="s">
        <v>118</v>
      </c>
      <c r="E5349">
        <v>2019</v>
      </c>
      <c r="F5349">
        <v>2019</v>
      </c>
      <c r="G5349" t="s">
        <v>14</v>
      </c>
      <c r="H5349" t="s">
        <v>120</v>
      </c>
      <c r="I5349" t="s">
        <v>15</v>
      </c>
      <c r="J5349" s="10">
        <v>9.8550848420000001</v>
      </c>
    </row>
    <row r="5350" spans="1:10" x14ac:dyDescent="0.35">
      <c r="A5350" t="s">
        <v>35</v>
      </c>
      <c r="B5350" t="s">
        <v>36</v>
      </c>
      <c r="C5350" t="s">
        <v>117</v>
      </c>
      <c r="D5350" t="s">
        <v>118</v>
      </c>
      <c r="E5350">
        <v>2019</v>
      </c>
      <c r="F5350">
        <v>2019</v>
      </c>
      <c r="G5350" t="s">
        <v>14</v>
      </c>
      <c r="H5350" t="s">
        <v>121</v>
      </c>
      <c r="I5350" t="s">
        <v>15</v>
      </c>
      <c r="J5350" s="10">
        <v>28.65704362</v>
      </c>
    </row>
    <row r="5351" spans="1:10" x14ac:dyDescent="0.35">
      <c r="A5351" t="s">
        <v>35</v>
      </c>
      <c r="B5351" t="s">
        <v>36</v>
      </c>
      <c r="C5351" t="s">
        <v>117</v>
      </c>
      <c r="D5351" t="s">
        <v>118</v>
      </c>
      <c r="E5351">
        <v>2019</v>
      </c>
      <c r="F5351">
        <v>2019</v>
      </c>
      <c r="G5351" t="s">
        <v>14</v>
      </c>
      <c r="H5351" t="s">
        <v>122</v>
      </c>
      <c r="I5351" t="s">
        <v>15</v>
      </c>
      <c r="J5351" s="10">
        <v>22.497437649999998</v>
      </c>
    </row>
    <row r="5352" spans="1:10" x14ac:dyDescent="0.35">
      <c r="A5352" t="s">
        <v>35</v>
      </c>
      <c r="B5352" t="s">
        <v>36</v>
      </c>
      <c r="C5352" t="s">
        <v>117</v>
      </c>
      <c r="D5352" t="s">
        <v>118</v>
      </c>
      <c r="E5352">
        <v>2019</v>
      </c>
      <c r="F5352">
        <v>2019</v>
      </c>
      <c r="G5352" t="s">
        <v>14</v>
      </c>
      <c r="H5352" t="s">
        <v>123</v>
      </c>
      <c r="I5352" t="s">
        <v>15</v>
      </c>
      <c r="J5352" s="10">
        <v>18.182724060000002</v>
      </c>
    </row>
    <row r="5353" spans="1:10" x14ac:dyDescent="0.35">
      <c r="A5353" t="s">
        <v>35</v>
      </c>
      <c r="B5353" t="s">
        <v>36</v>
      </c>
      <c r="C5353" t="s">
        <v>117</v>
      </c>
      <c r="D5353" t="s">
        <v>118</v>
      </c>
      <c r="E5353">
        <v>2019</v>
      </c>
      <c r="F5353">
        <v>2019</v>
      </c>
      <c r="G5353" t="s">
        <v>14</v>
      </c>
      <c r="H5353" t="s">
        <v>124</v>
      </c>
      <c r="I5353" t="s">
        <v>15</v>
      </c>
      <c r="J5353" s="10">
        <v>2.8313973350000001</v>
      </c>
    </row>
    <row r="5354" spans="1:10" x14ac:dyDescent="0.35">
      <c r="A5354" t="s">
        <v>35</v>
      </c>
      <c r="B5354" t="s">
        <v>36</v>
      </c>
      <c r="C5354" t="s">
        <v>117</v>
      </c>
      <c r="D5354" t="s">
        <v>118</v>
      </c>
      <c r="E5354">
        <v>2019</v>
      </c>
      <c r="F5354">
        <v>2019</v>
      </c>
      <c r="G5354" t="s">
        <v>125</v>
      </c>
      <c r="H5354" t="s">
        <v>119</v>
      </c>
      <c r="I5354" t="s">
        <v>15</v>
      </c>
      <c r="J5354" s="10">
        <v>19.502074690000001</v>
      </c>
    </row>
    <row r="5355" spans="1:10" x14ac:dyDescent="0.35">
      <c r="A5355" t="s">
        <v>35</v>
      </c>
      <c r="B5355" t="s">
        <v>36</v>
      </c>
      <c r="C5355" t="s">
        <v>117</v>
      </c>
      <c r="D5355" t="s">
        <v>118</v>
      </c>
      <c r="E5355">
        <v>2019</v>
      </c>
      <c r="F5355">
        <v>2019</v>
      </c>
      <c r="G5355" t="s">
        <v>125</v>
      </c>
      <c r="H5355" t="s">
        <v>120</v>
      </c>
      <c r="I5355" t="s">
        <v>15</v>
      </c>
      <c r="J5355" s="10">
        <v>10.89508002</v>
      </c>
    </row>
    <row r="5356" spans="1:10" x14ac:dyDescent="0.35">
      <c r="A5356" t="s">
        <v>35</v>
      </c>
      <c r="B5356" t="s">
        <v>36</v>
      </c>
      <c r="C5356" t="s">
        <v>117</v>
      </c>
      <c r="D5356" t="s">
        <v>118</v>
      </c>
      <c r="E5356">
        <v>2019</v>
      </c>
      <c r="F5356">
        <v>2019</v>
      </c>
      <c r="G5356" t="s">
        <v>125</v>
      </c>
      <c r="H5356" t="s">
        <v>121</v>
      </c>
      <c r="I5356" t="s">
        <v>15</v>
      </c>
      <c r="J5356" s="10">
        <v>28.500296380000002</v>
      </c>
    </row>
    <row r="5357" spans="1:10" x14ac:dyDescent="0.35">
      <c r="A5357" t="s">
        <v>35</v>
      </c>
      <c r="B5357" t="s">
        <v>36</v>
      </c>
      <c r="C5357" t="s">
        <v>117</v>
      </c>
      <c r="D5357" t="s">
        <v>118</v>
      </c>
      <c r="E5357">
        <v>2019</v>
      </c>
      <c r="F5357">
        <v>2019</v>
      </c>
      <c r="G5357" t="s">
        <v>125</v>
      </c>
      <c r="H5357" t="s">
        <v>122</v>
      </c>
      <c r="I5357" t="s">
        <v>15</v>
      </c>
      <c r="J5357" s="10">
        <v>22.116182569999999</v>
      </c>
    </row>
    <row r="5358" spans="1:10" x14ac:dyDescent="0.35">
      <c r="A5358" t="s">
        <v>35</v>
      </c>
      <c r="B5358" t="s">
        <v>36</v>
      </c>
      <c r="C5358" t="s">
        <v>117</v>
      </c>
      <c r="D5358" t="s">
        <v>118</v>
      </c>
      <c r="E5358">
        <v>2019</v>
      </c>
      <c r="F5358">
        <v>2019</v>
      </c>
      <c r="G5358" t="s">
        <v>125</v>
      </c>
      <c r="H5358" t="s">
        <v>123</v>
      </c>
      <c r="I5358" t="s">
        <v>15</v>
      </c>
      <c r="J5358" s="10">
        <v>16.991701240000001</v>
      </c>
    </row>
    <row r="5359" spans="1:10" x14ac:dyDescent="0.35">
      <c r="A5359" t="s">
        <v>35</v>
      </c>
      <c r="B5359" t="s">
        <v>36</v>
      </c>
      <c r="C5359" t="s">
        <v>117</v>
      </c>
      <c r="D5359" t="s">
        <v>118</v>
      </c>
      <c r="E5359">
        <v>2019</v>
      </c>
      <c r="F5359">
        <v>2019</v>
      </c>
      <c r="G5359" t="s">
        <v>125</v>
      </c>
      <c r="H5359" t="s">
        <v>124</v>
      </c>
      <c r="I5359" t="s">
        <v>15</v>
      </c>
      <c r="J5359" s="10">
        <v>1.9946650859999999</v>
      </c>
    </row>
    <row r="5360" spans="1:10" x14ac:dyDescent="0.35">
      <c r="A5360" t="s">
        <v>35</v>
      </c>
      <c r="B5360" t="s">
        <v>36</v>
      </c>
      <c r="C5360" t="s">
        <v>117</v>
      </c>
      <c r="D5360" t="s">
        <v>118</v>
      </c>
      <c r="E5360">
        <v>2019</v>
      </c>
      <c r="F5360">
        <v>2019</v>
      </c>
      <c r="G5360" t="s">
        <v>126</v>
      </c>
      <c r="H5360" t="s">
        <v>119</v>
      </c>
      <c r="I5360" t="s">
        <v>15</v>
      </c>
      <c r="J5360" s="10">
        <v>16.566232060000001</v>
      </c>
    </row>
    <row r="5361" spans="1:10" x14ac:dyDescent="0.35">
      <c r="A5361" t="s">
        <v>35</v>
      </c>
      <c r="B5361" t="s">
        <v>36</v>
      </c>
      <c r="C5361" t="s">
        <v>117</v>
      </c>
      <c r="D5361" t="s">
        <v>118</v>
      </c>
      <c r="E5361">
        <v>2019</v>
      </c>
      <c r="F5361">
        <v>2019</v>
      </c>
      <c r="G5361" t="s">
        <v>126</v>
      </c>
      <c r="H5361" t="s">
        <v>120</v>
      </c>
      <c r="I5361" t="s">
        <v>15</v>
      </c>
      <c r="J5361" s="10">
        <v>8.8939410540000008</v>
      </c>
    </row>
    <row r="5362" spans="1:10" x14ac:dyDescent="0.35">
      <c r="A5362" t="s">
        <v>35</v>
      </c>
      <c r="B5362" t="s">
        <v>36</v>
      </c>
      <c r="C5362" t="s">
        <v>117</v>
      </c>
      <c r="D5362" t="s">
        <v>118</v>
      </c>
      <c r="E5362">
        <v>2019</v>
      </c>
      <c r="F5362">
        <v>2019</v>
      </c>
      <c r="G5362" t="s">
        <v>126</v>
      </c>
      <c r="H5362" t="s">
        <v>121</v>
      </c>
      <c r="I5362" t="s">
        <v>15</v>
      </c>
      <c r="J5362" s="10">
        <v>28.801906429999999</v>
      </c>
    </row>
    <row r="5363" spans="1:10" x14ac:dyDescent="0.35">
      <c r="A5363" t="s">
        <v>35</v>
      </c>
      <c r="B5363" t="s">
        <v>36</v>
      </c>
      <c r="C5363" t="s">
        <v>117</v>
      </c>
      <c r="D5363" t="s">
        <v>118</v>
      </c>
      <c r="E5363">
        <v>2019</v>
      </c>
      <c r="F5363">
        <v>2019</v>
      </c>
      <c r="G5363" t="s">
        <v>126</v>
      </c>
      <c r="H5363" t="s">
        <v>122</v>
      </c>
      <c r="I5363" t="s">
        <v>15</v>
      </c>
      <c r="J5363" s="10">
        <v>22.849786349999999</v>
      </c>
    </row>
    <row r="5364" spans="1:10" x14ac:dyDescent="0.35">
      <c r="A5364" t="s">
        <v>35</v>
      </c>
      <c r="B5364" t="s">
        <v>36</v>
      </c>
      <c r="C5364" t="s">
        <v>117</v>
      </c>
      <c r="D5364" t="s">
        <v>118</v>
      </c>
      <c r="E5364">
        <v>2019</v>
      </c>
      <c r="F5364">
        <v>2019</v>
      </c>
      <c r="G5364" t="s">
        <v>126</v>
      </c>
      <c r="H5364" t="s">
        <v>123</v>
      </c>
      <c r="I5364" t="s">
        <v>15</v>
      </c>
      <c r="J5364" s="10">
        <v>19.283444719999999</v>
      </c>
    </row>
    <row r="5365" spans="1:10" x14ac:dyDescent="0.35">
      <c r="A5365" t="s">
        <v>35</v>
      </c>
      <c r="B5365" t="s">
        <v>36</v>
      </c>
      <c r="C5365" t="s">
        <v>117</v>
      </c>
      <c r="D5365" t="s">
        <v>118</v>
      </c>
      <c r="E5365">
        <v>2019</v>
      </c>
      <c r="F5365">
        <v>2019</v>
      </c>
      <c r="G5365" t="s">
        <v>126</v>
      </c>
      <c r="H5365" t="s">
        <v>124</v>
      </c>
      <c r="I5365" t="s">
        <v>15</v>
      </c>
      <c r="J5365" s="10">
        <v>3.6046893830000002</v>
      </c>
    </row>
    <row r="5366" spans="1:10" x14ac:dyDescent="0.35">
      <c r="A5366" t="s">
        <v>35</v>
      </c>
      <c r="B5366" t="s">
        <v>36</v>
      </c>
      <c r="C5366" t="s">
        <v>117</v>
      </c>
      <c r="D5366" t="s">
        <v>118</v>
      </c>
      <c r="E5366">
        <v>2018</v>
      </c>
      <c r="F5366">
        <v>2018</v>
      </c>
      <c r="G5366" t="s">
        <v>14</v>
      </c>
      <c r="H5366" t="s">
        <v>119</v>
      </c>
      <c r="I5366" t="s">
        <v>15</v>
      </c>
      <c r="J5366" s="10">
        <v>18.028921279999999</v>
      </c>
    </row>
    <row r="5367" spans="1:10" x14ac:dyDescent="0.35">
      <c r="A5367" t="s">
        <v>35</v>
      </c>
      <c r="B5367" t="s">
        <v>36</v>
      </c>
      <c r="C5367" t="s">
        <v>117</v>
      </c>
      <c r="D5367" t="s">
        <v>118</v>
      </c>
      <c r="E5367">
        <v>2018</v>
      </c>
      <c r="F5367">
        <v>2018</v>
      </c>
      <c r="G5367" t="s">
        <v>14</v>
      </c>
      <c r="H5367" t="s">
        <v>120</v>
      </c>
      <c r="I5367" t="s">
        <v>15</v>
      </c>
      <c r="J5367" s="10">
        <v>10.098298249999999</v>
      </c>
    </row>
    <row r="5368" spans="1:10" x14ac:dyDescent="0.35">
      <c r="A5368" t="s">
        <v>35</v>
      </c>
      <c r="B5368" t="s">
        <v>36</v>
      </c>
      <c r="C5368" t="s">
        <v>117</v>
      </c>
      <c r="D5368" t="s">
        <v>118</v>
      </c>
      <c r="E5368">
        <v>2018</v>
      </c>
      <c r="F5368">
        <v>2018</v>
      </c>
      <c r="G5368" t="s">
        <v>14</v>
      </c>
      <c r="H5368" t="s">
        <v>121</v>
      </c>
      <c r="I5368" t="s">
        <v>15</v>
      </c>
      <c r="J5368" s="10">
        <v>28.999403390000001</v>
      </c>
    </row>
    <row r="5369" spans="1:10" x14ac:dyDescent="0.35">
      <c r="A5369" t="s">
        <v>35</v>
      </c>
      <c r="B5369" t="s">
        <v>36</v>
      </c>
      <c r="C5369" t="s">
        <v>117</v>
      </c>
      <c r="D5369" t="s">
        <v>118</v>
      </c>
      <c r="E5369">
        <v>2018</v>
      </c>
      <c r="F5369">
        <v>2018</v>
      </c>
      <c r="G5369" t="s">
        <v>14</v>
      </c>
      <c r="H5369" t="s">
        <v>122</v>
      </c>
      <c r="I5369" t="s">
        <v>15</v>
      </c>
      <c r="J5369" s="10">
        <v>22.152617970000001</v>
      </c>
    </row>
    <row r="5370" spans="1:10" x14ac:dyDescent="0.35">
      <c r="A5370" t="s">
        <v>35</v>
      </c>
      <c r="B5370" t="s">
        <v>36</v>
      </c>
      <c r="C5370" t="s">
        <v>117</v>
      </c>
      <c r="D5370" t="s">
        <v>118</v>
      </c>
      <c r="E5370">
        <v>2018</v>
      </c>
      <c r="F5370">
        <v>2018</v>
      </c>
      <c r="G5370" t="s">
        <v>14</v>
      </c>
      <c r="H5370" t="s">
        <v>123</v>
      </c>
      <c r="I5370" t="s">
        <v>15</v>
      </c>
      <c r="J5370" s="10">
        <v>17.9948294</v>
      </c>
    </row>
    <row r="5371" spans="1:10" x14ac:dyDescent="0.35">
      <c r="A5371" t="s">
        <v>35</v>
      </c>
      <c r="B5371" t="s">
        <v>36</v>
      </c>
      <c r="C5371" t="s">
        <v>117</v>
      </c>
      <c r="D5371" t="s">
        <v>118</v>
      </c>
      <c r="E5371">
        <v>2018</v>
      </c>
      <c r="F5371">
        <v>2018</v>
      </c>
      <c r="G5371" t="s">
        <v>14</v>
      </c>
      <c r="H5371" t="s">
        <v>124</v>
      </c>
      <c r="I5371" t="s">
        <v>15</v>
      </c>
      <c r="J5371" s="10">
        <v>2.7259297139999998</v>
      </c>
    </row>
    <row r="5372" spans="1:10" x14ac:dyDescent="0.35">
      <c r="A5372" t="s">
        <v>35</v>
      </c>
      <c r="B5372" t="s">
        <v>36</v>
      </c>
      <c r="C5372" t="s">
        <v>117</v>
      </c>
      <c r="D5372" t="s">
        <v>118</v>
      </c>
      <c r="E5372">
        <v>2018</v>
      </c>
      <c r="F5372">
        <v>2018</v>
      </c>
      <c r="G5372" t="s">
        <v>125</v>
      </c>
      <c r="H5372" t="s">
        <v>119</v>
      </c>
      <c r="I5372" t="s">
        <v>15</v>
      </c>
      <c r="J5372" s="10">
        <v>19.532638309999999</v>
      </c>
    </row>
    <row r="5373" spans="1:10" x14ac:dyDescent="0.35">
      <c r="A5373" t="s">
        <v>35</v>
      </c>
      <c r="B5373" t="s">
        <v>36</v>
      </c>
      <c r="C5373" t="s">
        <v>117</v>
      </c>
      <c r="D5373" t="s">
        <v>118</v>
      </c>
      <c r="E5373">
        <v>2018</v>
      </c>
      <c r="F5373">
        <v>2018</v>
      </c>
      <c r="G5373" t="s">
        <v>125</v>
      </c>
      <c r="H5373" t="s">
        <v>120</v>
      </c>
      <c r="I5373" t="s">
        <v>15</v>
      </c>
      <c r="J5373" s="10">
        <v>11.1864708</v>
      </c>
    </row>
    <row r="5374" spans="1:10" x14ac:dyDescent="0.35">
      <c r="A5374" t="s">
        <v>35</v>
      </c>
      <c r="B5374" t="s">
        <v>36</v>
      </c>
      <c r="C5374" t="s">
        <v>117</v>
      </c>
      <c r="D5374" t="s">
        <v>118</v>
      </c>
      <c r="E5374">
        <v>2018</v>
      </c>
      <c r="F5374">
        <v>2018</v>
      </c>
      <c r="G5374" t="s">
        <v>125</v>
      </c>
      <c r="H5374" t="s">
        <v>121</v>
      </c>
      <c r="I5374" t="s">
        <v>15</v>
      </c>
      <c r="J5374" s="10">
        <v>28.746594009999999</v>
      </c>
    </row>
    <row r="5375" spans="1:10" x14ac:dyDescent="0.35">
      <c r="A5375" t="s">
        <v>35</v>
      </c>
      <c r="B5375" t="s">
        <v>36</v>
      </c>
      <c r="C5375" t="s">
        <v>117</v>
      </c>
      <c r="D5375" t="s">
        <v>118</v>
      </c>
      <c r="E5375">
        <v>2018</v>
      </c>
      <c r="F5375">
        <v>2018</v>
      </c>
      <c r="G5375" t="s">
        <v>125</v>
      </c>
      <c r="H5375" t="s">
        <v>122</v>
      </c>
      <c r="I5375" t="s">
        <v>15</v>
      </c>
      <c r="J5375" s="10">
        <v>21.81317379</v>
      </c>
    </row>
    <row r="5376" spans="1:10" x14ac:dyDescent="0.35">
      <c r="A5376" t="s">
        <v>35</v>
      </c>
      <c r="B5376" t="s">
        <v>36</v>
      </c>
      <c r="C5376" t="s">
        <v>117</v>
      </c>
      <c r="D5376" t="s">
        <v>118</v>
      </c>
      <c r="E5376">
        <v>2018</v>
      </c>
      <c r="F5376">
        <v>2018</v>
      </c>
      <c r="G5376" t="s">
        <v>125</v>
      </c>
      <c r="H5376" t="s">
        <v>123</v>
      </c>
      <c r="I5376" t="s">
        <v>15</v>
      </c>
      <c r="J5376" s="10">
        <v>16.861153890000001</v>
      </c>
    </row>
    <row r="5377" spans="1:10" x14ac:dyDescent="0.35">
      <c r="A5377" t="s">
        <v>35</v>
      </c>
      <c r="B5377" t="s">
        <v>36</v>
      </c>
      <c r="C5377" t="s">
        <v>117</v>
      </c>
      <c r="D5377" t="s">
        <v>118</v>
      </c>
      <c r="E5377">
        <v>2018</v>
      </c>
      <c r="F5377">
        <v>2018</v>
      </c>
      <c r="G5377" t="s">
        <v>125</v>
      </c>
      <c r="H5377" t="s">
        <v>124</v>
      </c>
      <c r="I5377" t="s">
        <v>15</v>
      </c>
      <c r="J5377" s="10">
        <v>1.8599691979999999</v>
      </c>
    </row>
    <row r="5378" spans="1:10" x14ac:dyDescent="0.35">
      <c r="A5378" t="s">
        <v>35</v>
      </c>
      <c r="B5378" t="s">
        <v>36</v>
      </c>
      <c r="C5378" t="s">
        <v>117</v>
      </c>
      <c r="D5378" t="s">
        <v>118</v>
      </c>
      <c r="E5378">
        <v>2018</v>
      </c>
      <c r="F5378">
        <v>2018</v>
      </c>
      <c r="G5378" t="s">
        <v>126</v>
      </c>
      <c r="H5378" t="s">
        <v>119</v>
      </c>
      <c r="I5378" t="s">
        <v>15</v>
      </c>
      <c r="J5378" s="10">
        <v>16.643009230000001</v>
      </c>
    </row>
    <row r="5379" spans="1:10" x14ac:dyDescent="0.35">
      <c r="A5379" t="s">
        <v>35</v>
      </c>
      <c r="B5379" t="s">
        <v>36</v>
      </c>
      <c r="C5379" t="s">
        <v>117</v>
      </c>
      <c r="D5379" t="s">
        <v>118</v>
      </c>
      <c r="E5379">
        <v>2018</v>
      </c>
      <c r="F5379">
        <v>2018</v>
      </c>
      <c r="G5379" t="s">
        <v>126</v>
      </c>
      <c r="H5379" t="s">
        <v>120</v>
      </c>
      <c r="I5379" t="s">
        <v>15</v>
      </c>
      <c r="J5379" s="10">
        <v>9.0953758800000006</v>
      </c>
    </row>
    <row r="5380" spans="1:10" x14ac:dyDescent="0.35">
      <c r="A5380" t="s">
        <v>35</v>
      </c>
      <c r="B5380" t="s">
        <v>36</v>
      </c>
      <c r="C5380" t="s">
        <v>117</v>
      </c>
      <c r="D5380" t="s">
        <v>118</v>
      </c>
      <c r="E5380">
        <v>2018</v>
      </c>
      <c r="F5380">
        <v>2018</v>
      </c>
      <c r="G5380" t="s">
        <v>126</v>
      </c>
      <c r="H5380" t="s">
        <v>121</v>
      </c>
      <c r="I5380" t="s">
        <v>15</v>
      </c>
      <c r="J5380" s="10">
        <v>29.232407049999999</v>
      </c>
    </row>
    <row r="5381" spans="1:10" x14ac:dyDescent="0.35">
      <c r="A5381" t="s">
        <v>35</v>
      </c>
      <c r="B5381" t="s">
        <v>36</v>
      </c>
      <c r="C5381" t="s">
        <v>117</v>
      </c>
      <c r="D5381" t="s">
        <v>118</v>
      </c>
      <c r="E5381">
        <v>2018</v>
      </c>
      <c r="F5381">
        <v>2018</v>
      </c>
      <c r="G5381" t="s">
        <v>126</v>
      </c>
      <c r="H5381" t="s">
        <v>122</v>
      </c>
      <c r="I5381" t="s">
        <v>15</v>
      </c>
      <c r="J5381" s="10">
        <v>22.465469240000001</v>
      </c>
    </row>
    <row r="5382" spans="1:10" x14ac:dyDescent="0.35">
      <c r="A5382" t="s">
        <v>35</v>
      </c>
      <c r="B5382" t="s">
        <v>36</v>
      </c>
      <c r="C5382" t="s">
        <v>117</v>
      </c>
      <c r="D5382" t="s">
        <v>118</v>
      </c>
      <c r="E5382">
        <v>2018</v>
      </c>
      <c r="F5382">
        <v>2018</v>
      </c>
      <c r="G5382" t="s">
        <v>126</v>
      </c>
      <c r="H5382" t="s">
        <v>123</v>
      </c>
      <c r="I5382" t="s">
        <v>15</v>
      </c>
      <c r="J5382" s="10">
        <v>19.03968991</v>
      </c>
    </row>
    <row r="5383" spans="1:10" x14ac:dyDescent="0.35">
      <c r="A5383" t="s">
        <v>35</v>
      </c>
      <c r="B5383" t="s">
        <v>36</v>
      </c>
      <c r="C5383" t="s">
        <v>117</v>
      </c>
      <c r="D5383" t="s">
        <v>118</v>
      </c>
      <c r="E5383">
        <v>2018</v>
      </c>
      <c r="F5383">
        <v>2018</v>
      </c>
      <c r="G5383" t="s">
        <v>126</v>
      </c>
      <c r="H5383" t="s">
        <v>124</v>
      </c>
      <c r="I5383" t="s">
        <v>15</v>
      </c>
      <c r="J5383" s="10">
        <v>3.5240486980000001</v>
      </c>
    </row>
    <row r="5384" spans="1:10" x14ac:dyDescent="0.35">
      <c r="A5384" t="s">
        <v>35</v>
      </c>
      <c r="B5384" t="s">
        <v>36</v>
      </c>
      <c r="C5384" t="s">
        <v>117</v>
      </c>
      <c r="D5384" t="s">
        <v>118</v>
      </c>
      <c r="E5384">
        <v>2017</v>
      </c>
      <c r="F5384">
        <v>2017</v>
      </c>
      <c r="G5384" t="s">
        <v>14</v>
      </c>
      <c r="H5384" t="s">
        <v>119</v>
      </c>
      <c r="I5384" t="s">
        <v>15</v>
      </c>
      <c r="J5384" s="10">
        <v>18.069250820000001</v>
      </c>
    </row>
    <row r="5385" spans="1:10" x14ac:dyDescent="0.35">
      <c r="A5385" t="s">
        <v>35</v>
      </c>
      <c r="B5385" t="s">
        <v>36</v>
      </c>
      <c r="C5385" t="s">
        <v>117</v>
      </c>
      <c r="D5385" t="s">
        <v>118</v>
      </c>
      <c r="E5385">
        <v>2017</v>
      </c>
      <c r="F5385">
        <v>2017</v>
      </c>
      <c r="G5385" t="s">
        <v>14</v>
      </c>
      <c r="H5385" t="s">
        <v>120</v>
      </c>
      <c r="I5385" t="s">
        <v>15</v>
      </c>
      <c r="J5385" s="10">
        <v>10.377706</v>
      </c>
    </row>
    <row r="5386" spans="1:10" x14ac:dyDescent="0.35">
      <c r="A5386" t="s">
        <v>35</v>
      </c>
      <c r="B5386" t="s">
        <v>36</v>
      </c>
      <c r="C5386" t="s">
        <v>117</v>
      </c>
      <c r="D5386" t="s">
        <v>118</v>
      </c>
      <c r="E5386">
        <v>2017</v>
      </c>
      <c r="F5386">
        <v>2017</v>
      </c>
      <c r="G5386" t="s">
        <v>14</v>
      </c>
      <c r="H5386" t="s">
        <v>121</v>
      </c>
      <c r="I5386" t="s">
        <v>15</v>
      </c>
      <c r="J5386" s="10">
        <v>29.19075145</v>
      </c>
    </row>
    <row r="5387" spans="1:10" x14ac:dyDescent="0.35">
      <c r="A5387" t="s">
        <v>35</v>
      </c>
      <c r="B5387" t="s">
        <v>36</v>
      </c>
      <c r="C5387" t="s">
        <v>117</v>
      </c>
      <c r="D5387" t="s">
        <v>118</v>
      </c>
      <c r="E5387">
        <v>2017</v>
      </c>
      <c r="F5387">
        <v>2017</v>
      </c>
      <c r="G5387" t="s">
        <v>14</v>
      </c>
      <c r="H5387" t="s">
        <v>122</v>
      </c>
      <c r="I5387" t="s">
        <v>15</v>
      </c>
      <c r="J5387" s="10">
        <v>21.904397599999999</v>
      </c>
    </row>
    <row r="5388" spans="1:10" x14ac:dyDescent="0.35">
      <c r="A5388" t="s">
        <v>35</v>
      </c>
      <c r="B5388" t="s">
        <v>36</v>
      </c>
      <c r="C5388" t="s">
        <v>117</v>
      </c>
      <c r="D5388" t="s">
        <v>118</v>
      </c>
      <c r="E5388">
        <v>2017</v>
      </c>
      <c r="F5388">
        <v>2017</v>
      </c>
      <c r="G5388" t="s">
        <v>14</v>
      </c>
      <c r="H5388" t="s">
        <v>123</v>
      </c>
      <c r="I5388" t="s">
        <v>15</v>
      </c>
      <c r="J5388" s="10">
        <v>17.740564429999999</v>
      </c>
    </row>
    <row r="5389" spans="1:10" x14ac:dyDescent="0.35">
      <c r="A5389" t="s">
        <v>35</v>
      </c>
      <c r="B5389" t="s">
        <v>36</v>
      </c>
      <c r="C5389" t="s">
        <v>117</v>
      </c>
      <c r="D5389" t="s">
        <v>118</v>
      </c>
      <c r="E5389">
        <v>2017</v>
      </c>
      <c r="F5389">
        <v>2017</v>
      </c>
      <c r="G5389" t="s">
        <v>14</v>
      </c>
      <c r="H5389" t="s">
        <v>124</v>
      </c>
      <c r="I5389" t="s">
        <v>15</v>
      </c>
      <c r="J5389" s="10">
        <v>2.7173297060000001</v>
      </c>
    </row>
    <row r="5390" spans="1:10" x14ac:dyDescent="0.35">
      <c r="A5390" t="s">
        <v>35</v>
      </c>
      <c r="B5390" t="s">
        <v>36</v>
      </c>
      <c r="C5390" t="s">
        <v>117</v>
      </c>
      <c r="D5390" t="s">
        <v>118</v>
      </c>
      <c r="E5390">
        <v>2017</v>
      </c>
      <c r="F5390">
        <v>2017</v>
      </c>
      <c r="G5390" t="s">
        <v>125</v>
      </c>
      <c r="H5390" t="s">
        <v>119</v>
      </c>
      <c r="I5390" t="s">
        <v>15</v>
      </c>
      <c r="J5390" s="10">
        <v>19.546691920000001</v>
      </c>
    </row>
    <row r="5391" spans="1:10" x14ac:dyDescent="0.35">
      <c r="A5391" t="s">
        <v>35</v>
      </c>
      <c r="B5391" t="s">
        <v>36</v>
      </c>
      <c r="C5391" t="s">
        <v>117</v>
      </c>
      <c r="D5391" t="s">
        <v>118</v>
      </c>
      <c r="E5391">
        <v>2017</v>
      </c>
      <c r="F5391">
        <v>2017</v>
      </c>
      <c r="G5391" t="s">
        <v>125</v>
      </c>
      <c r="H5391" t="s">
        <v>120</v>
      </c>
      <c r="I5391" t="s">
        <v>15</v>
      </c>
      <c r="J5391" s="10">
        <v>11.409634280000001</v>
      </c>
    </row>
    <row r="5392" spans="1:10" x14ac:dyDescent="0.35">
      <c r="A5392" t="s">
        <v>35</v>
      </c>
      <c r="B5392" t="s">
        <v>36</v>
      </c>
      <c r="C5392" t="s">
        <v>117</v>
      </c>
      <c r="D5392" t="s">
        <v>118</v>
      </c>
      <c r="E5392">
        <v>2017</v>
      </c>
      <c r="F5392">
        <v>2017</v>
      </c>
      <c r="G5392" t="s">
        <v>125</v>
      </c>
      <c r="H5392" t="s">
        <v>121</v>
      </c>
      <c r="I5392" t="s">
        <v>15</v>
      </c>
      <c r="J5392" s="10">
        <v>28.89099302</v>
      </c>
    </row>
    <row r="5393" spans="1:10" x14ac:dyDescent="0.35">
      <c r="A5393" t="s">
        <v>35</v>
      </c>
      <c r="B5393" t="s">
        <v>36</v>
      </c>
      <c r="C5393" t="s">
        <v>117</v>
      </c>
      <c r="D5393" t="s">
        <v>118</v>
      </c>
      <c r="E5393">
        <v>2017</v>
      </c>
      <c r="F5393">
        <v>2017</v>
      </c>
      <c r="G5393" t="s">
        <v>125</v>
      </c>
      <c r="H5393" t="s">
        <v>122</v>
      </c>
      <c r="I5393" t="s">
        <v>15</v>
      </c>
      <c r="J5393" s="10">
        <v>21.759971589999999</v>
      </c>
    </row>
    <row r="5394" spans="1:10" x14ac:dyDescent="0.35">
      <c r="A5394" t="s">
        <v>35</v>
      </c>
      <c r="B5394" t="s">
        <v>36</v>
      </c>
      <c r="C5394" t="s">
        <v>117</v>
      </c>
      <c r="D5394" t="s">
        <v>118</v>
      </c>
      <c r="E5394">
        <v>2017</v>
      </c>
      <c r="F5394">
        <v>2017</v>
      </c>
      <c r="G5394" t="s">
        <v>125</v>
      </c>
      <c r="H5394" t="s">
        <v>123</v>
      </c>
      <c r="I5394" t="s">
        <v>15</v>
      </c>
      <c r="J5394" s="10">
        <v>16.50491182</v>
      </c>
    </row>
    <row r="5395" spans="1:10" x14ac:dyDescent="0.35">
      <c r="A5395" t="s">
        <v>35</v>
      </c>
      <c r="B5395" t="s">
        <v>36</v>
      </c>
      <c r="C5395" t="s">
        <v>117</v>
      </c>
      <c r="D5395" t="s">
        <v>118</v>
      </c>
      <c r="E5395">
        <v>2017</v>
      </c>
      <c r="F5395">
        <v>2017</v>
      </c>
      <c r="G5395" t="s">
        <v>125</v>
      </c>
      <c r="H5395" t="s">
        <v>124</v>
      </c>
      <c r="I5395" t="s">
        <v>15</v>
      </c>
      <c r="J5395" s="10">
        <v>1.8877973720000001</v>
      </c>
    </row>
    <row r="5396" spans="1:10" x14ac:dyDescent="0.35">
      <c r="A5396" t="s">
        <v>35</v>
      </c>
      <c r="B5396" t="s">
        <v>36</v>
      </c>
      <c r="C5396" t="s">
        <v>117</v>
      </c>
      <c r="D5396" t="s">
        <v>118</v>
      </c>
      <c r="E5396">
        <v>2017</v>
      </c>
      <c r="F5396">
        <v>2017</v>
      </c>
      <c r="G5396" t="s">
        <v>126</v>
      </c>
      <c r="H5396" t="s">
        <v>119</v>
      </c>
      <c r="I5396" t="s">
        <v>15</v>
      </c>
      <c r="J5396" s="10">
        <v>16.711971290000001</v>
      </c>
    </row>
    <row r="5397" spans="1:10" x14ac:dyDescent="0.35">
      <c r="A5397" t="s">
        <v>35</v>
      </c>
      <c r="B5397" t="s">
        <v>36</v>
      </c>
      <c r="C5397" t="s">
        <v>117</v>
      </c>
      <c r="D5397" t="s">
        <v>118</v>
      </c>
      <c r="E5397">
        <v>2017</v>
      </c>
      <c r="F5397">
        <v>2017</v>
      </c>
      <c r="G5397" t="s">
        <v>126</v>
      </c>
      <c r="H5397" t="s">
        <v>120</v>
      </c>
      <c r="I5397" t="s">
        <v>15</v>
      </c>
      <c r="J5397" s="10">
        <v>9.4297053389999999</v>
      </c>
    </row>
    <row r="5398" spans="1:10" x14ac:dyDescent="0.35">
      <c r="A5398" t="s">
        <v>35</v>
      </c>
      <c r="B5398" t="s">
        <v>36</v>
      </c>
      <c r="C5398" t="s">
        <v>117</v>
      </c>
      <c r="D5398" t="s">
        <v>118</v>
      </c>
      <c r="E5398">
        <v>2017</v>
      </c>
      <c r="F5398">
        <v>2017</v>
      </c>
      <c r="G5398" t="s">
        <v>126</v>
      </c>
      <c r="H5398" t="s">
        <v>121</v>
      </c>
      <c r="I5398" t="s">
        <v>15</v>
      </c>
      <c r="J5398" s="10">
        <v>29.46613026</v>
      </c>
    </row>
    <row r="5399" spans="1:10" x14ac:dyDescent="0.35">
      <c r="A5399" t="s">
        <v>35</v>
      </c>
      <c r="B5399" t="s">
        <v>36</v>
      </c>
      <c r="C5399" t="s">
        <v>117</v>
      </c>
      <c r="D5399" t="s">
        <v>118</v>
      </c>
      <c r="E5399">
        <v>2017</v>
      </c>
      <c r="F5399">
        <v>2017</v>
      </c>
      <c r="G5399" t="s">
        <v>126</v>
      </c>
      <c r="H5399" t="s">
        <v>122</v>
      </c>
      <c r="I5399" t="s">
        <v>15</v>
      </c>
      <c r="J5399" s="10">
        <v>22.037077310000001</v>
      </c>
    </row>
    <row r="5400" spans="1:10" x14ac:dyDescent="0.35">
      <c r="A5400" t="s">
        <v>35</v>
      </c>
      <c r="B5400" t="s">
        <v>36</v>
      </c>
      <c r="C5400" t="s">
        <v>117</v>
      </c>
      <c r="D5400" t="s">
        <v>118</v>
      </c>
      <c r="E5400">
        <v>2017</v>
      </c>
      <c r="F5400">
        <v>2017</v>
      </c>
      <c r="G5400" t="s">
        <v>126</v>
      </c>
      <c r="H5400" t="s">
        <v>123</v>
      </c>
      <c r="I5400" t="s">
        <v>15</v>
      </c>
      <c r="J5400" s="10">
        <v>18.875720340000001</v>
      </c>
    </row>
    <row r="5401" spans="1:10" x14ac:dyDescent="0.35">
      <c r="A5401" t="s">
        <v>35</v>
      </c>
      <c r="B5401" t="s">
        <v>36</v>
      </c>
      <c r="C5401" t="s">
        <v>117</v>
      </c>
      <c r="D5401" t="s">
        <v>118</v>
      </c>
      <c r="E5401">
        <v>2017</v>
      </c>
      <c r="F5401">
        <v>2017</v>
      </c>
      <c r="G5401" t="s">
        <v>126</v>
      </c>
      <c r="H5401" t="s">
        <v>124</v>
      </c>
      <c r="I5401" t="s">
        <v>15</v>
      </c>
      <c r="J5401" s="10">
        <v>3.4793954550000001</v>
      </c>
    </row>
    <row r="5402" spans="1:10" x14ac:dyDescent="0.35">
      <c r="A5402" t="s">
        <v>35</v>
      </c>
      <c r="B5402" t="s">
        <v>36</v>
      </c>
      <c r="C5402" t="s">
        <v>117</v>
      </c>
      <c r="D5402" t="s">
        <v>118</v>
      </c>
      <c r="E5402">
        <v>2016</v>
      </c>
      <c r="F5402">
        <v>2016</v>
      </c>
      <c r="G5402" t="s">
        <v>14</v>
      </c>
      <c r="H5402" t="s">
        <v>119</v>
      </c>
      <c r="I5402" t="s">
        <v>15</v>
      </c>
      <c r="J5402" s="10">
        <v>17.95758739</v>
      </c>
    </row>
    <row r="5403" spans="1:10" x14ac:dyDescent="0.35">
      <c r="A5403" t="s">
        <v>35</v>
      </c>
      <c r="B5403" t="s">
        <v>36</v>
      </c>
      <c r="C5403" t="s">
        <v>117</v>
      </c>
      <c r="D5403" t="s">
        <v>118</v>
      </c>
      <c r="E5403">
        <v>2016</v>
      </c>
      <c r="F5403">
        <v>2016</v>
      </c>
      <c r="G5403" t="s">
        <v>14</v>
      </c>
      <c r="H5403" t="s">
        <v>120</v>
      </c>
      <c r="I5403" t="s">
        <v>15</v>
      </c>
      <c r="J5403" s="10">
        <v>10.778223300000001</v>
      </c>
    </row>
    <row r="5404" spans="1:10" x14ac:dyDescent="0.35">
      <c r="A5404" t="s">
        <v>35</v>
      </c>
      <c r="B5404" t="s">
        <v>36</v>
      </c>
      <c r="C5404" t="s">
        <v>117</v>
      </c>
      <c r="D5404" t="s">
        <v>118</v>
      </c>
      <c r="E5404">
        <v>2016</v>
      </c>
      <c r="F5404">
        <v>2016</v>
      </c>
      <c r="G5404" t="s">
        <v>14</v>
      </c>
      <c r="H5404" t="s">
        <v>121</v>
      </c>
      <c r="I5404" t="s">
        <v>15</v>
      </c>
      <c r="J5404" s="10">
        <v>29.419156269999998</v>
      </c>
    </row>
    <row r="5405" spans="1:10" x14ac:dyDescent="0.35">
      <c r="A5405" t="s">
        <v>35</v>
      </c>
      <c r="B5405" t="s">
        <v>36</v>
      </c>
      <c r="C5405" t="s">
        <v>117</v>
      </c>
      <c r="D5405" t="s">
        <v>118</v>
      </c>
      <c r="E5405">
        <v>2016</v>
      </c>
      <c r="F5405">
        <v>2016</v>
      </c>
      <c r="G5405" t="s">
        <v>14</v>
      </c>
      <c r="H5405" t="s">
        <v>122</v>
      </c>
      <c r="I5405" t="s">
        <v>15</v>
      </c>
      <c r="J5405" s="10">
        <v>21.57338906</v>
      </c>
    </row>
    <row r="5406" spans="1:10" x14ac:dyDescent="0.35">
      <c r="A5406" t="s">
        <v>35</v>
      </c>
      <c r="B5406" t="s">
        <v>36</v>
      </c>
      <c r="C5406" t="s">
        <v>117</v>
      </c>
      <c r="D5406" t="s">
        <v>118</v>
      </c>
      <c r="E5406">
        <v>2016</v>
      </c>
      <c r="F5406">
        <v>2016</v>
      </c>
      <c r="G5406" t="s">
        <v>14</v>
      </c>
      <c r="H5406" t="s">
        <v>123</v>
      </c>
      <c r="I5406" t="s">
        <v>15</v>
      </c>
      <c r="J5406" s="10">
        <v>17.5382617</v>
      </c>
    </row>
    <row r="5407" spans="1:10" x14ac:dyDescent="0.35">
      <c r="A5407" t="s">
        <v>35</v>
      </c>
      <c r="B5407" t="s">
        <v>36</v>
      </c>
      <c r="C5407" t="s">
        <v>117</v>
      </c>
      <c r="D5407" t="s">
        <v>118</v>
      </c>
      <c r="E5407">
        <v>2016</v>
      </c>
      <c r="F5407">
        <v>2016</v>
      </c>
      <c r="G5407" t="s">
        <v>14</v>
      </c>
      <c r="H5407" t="s">
        <v>124</v>
      </c>
      <c r="I5407" t="s">
        <v>15</v>
      </c>
      <c r="J5407" s="10">
        <v>2.7333822780000001</v>
      </c>
    </row>
    <row r="5408" spans="1:10" x14ac:dyDescent="0.35">
      <c r="A5408" t="s">
        <v>35</v>
      </c>
      <c r="B5408" t="s">
        <v>36</v>
      </c>
      <c r="C5408" t="s">
        <v>117</v>
      </c>
      <c r="D5408" t="s">
        <v>118</v>
      </c>
      <c r="E5408">
        <v>2016</v>
      </c>
      <c r="F5408">
        <v>2016</v>
      </c>
      <c r="G5408" t="s">
        <v>125</v>
      </c>
      <c r="H5408" t="s">
        <v>119</v>
      </c>
      <c r="I5408" t="s">
        <v>15</v>
      </c>
      <c r="J5408" s="10">
        <v>19.499955719999999</v>
      </c>
    </row>
    <row r="5409" spans="1:10" x14ac:dyDescent="0.35">
      <c r="A5409" t="s">
        <v>35</v>
      </c>
      <c r="B5409" t="s">
        <v>36</v>
      </c>
      <c r="C5409" t="s">
        <v>117</v>
      </c>
      <c r="D5409" t="s">
        <v>118</v>
      </c>
      <c r="E5409">
        <v>2016</v>
      </c>
      <c r="F5409">
        <v>2016</v>
      </c>
      <c r="G5409" t="s">
        <v>125</v>
      </c>
      <c r="H5409" t="s">
        <v>120</v>
      </c>
      <c r="I5409" t="s">
        <v>15</v>
      </c>
      <c r="J5409" s="10">
        <v>11.73657644</v>
      </c>
    </row>
    <row r="5410" spans="1:10" x14ac:dyDescent="0.35">
      <c r="A5410" t="s">
        <v>35</v>
      </c>
      <c r="B5410" t="s">
        <v>36</v>
      </c>
      <c r="C5410" t="s">
        <v>117</v>
      </c>
      <c r="D5410" t="s">
        <v>118</v>
      </c>
      <c r="E5410">
        <v>2016</v>
      </c>
      <c r="F5410">
        <v>2016</v>
      </c>
      <c r="G5410" t="s">
        <v>125</v>
      </c>
      <c r="H5410" t="s">
        <v>121</v>
      </c>
      <c r="I5410" t="s">
        <v>15</v>
      </c>
      <c r="J5410" s="10">
        <v>29.016737020000001</v>
      </c>
    </row>
    <row r="5411" spans="1:10" x14ac:dyDescent="0.35">
      <c r="A5411" t="s">
        <v>35</v>
      </c>
      <c r="B5411" t="s">
        <v>36</v>
      </c>
      <c r="C5411" t="s">
        <v>117</v>
      </c>
      <c r="D5411" t="s">
        <v>118</v>
      </c>
      <c r="E5411">
        <v>2016</v>
      </c>
      <c r="F5411">
        <v>2016</v>
      </c>
      <c r="G5411" t="s">
        <v>125</v>
      </c>
      <c r="H5411" t="s">
        <v>122</v>
      </c>
      <c r="I5411" t="s">
        <v>15</v>
      </c>
      <c r="J5411" s="10">
        <v>21.542639550000001</v>
      </c>
    </row>
    <row r="5412" spans="1:10" x14ac:dyDescent="0.35">
      <c r="A5412" t="s">
        <v>35</v>
      </c>
      <c r="B5412" t="s">
        <v>36</v>
      </c>
      <c r="C5412" t="s">
        <v>117</v>
      </c>
      <c r="D5412" t="s">
        <v>118</v>
      </c>
      <c r="E5412">
        <v>2016</v>
      </c>
      <c r="F5412">
        <v>2016</v>
      </c>
      <c r="G5412" t="s">
        <v>125</v>
      </c>
      <c r="H5412" t="s">
        <v>123</v>
      </c>
      <c r="I5412" t="s">
        <v>15</v>
      </c>
      <c r="J5412" s="10">
        <v>16.320807630000001</v>
      </c>
    </row>
    <row r="5413" spans="1:10" x14ac:dyDescent="0.35">
      <c r="A5413" t="s">
        <v>35</v>
      </c>
      <c r="B5413" t="s">
        <v>36</v>
      </c>
      <c r="C5413" t="s">
        <v>117</v>
      </c>
      <c r="D5413" t="s">
        <v>118</v>
      </c>
      <c r="E5413">
        <v>2016</v>
      </c>
      <c r="F5413">
        <v>2016</v>
      </c>
      <c r="G5413" t="s">
        <v>125</v>
      </c>
      <c r="H5413" t="s">
        <v>124</v>
      </c>
      <c r="I5413" t="s">
        <v>15</v>
      </c>
      <c r="J5413" s="10">
        <v>1.883283644</v>
      </c>
    </row>
    <row r="5414" spans="1:10" x14ac:dyDescent="0.35">
      <c r="A5414" t="s">
        <v>35</v>
      </c>
      <c r="B5414" t="s">
        <v>36</v>
      </c>
      <c r="C5414" t="s">
        <v>117</v>
      </c>
      <c r="D5414" t="s">
        <v>118</v>
      </c>
      <c r="E5414">
        <v>2016</v>
      </c>
      <c r="F5414">
        <v>2016</v>
      </c>
      <c r="G5414" t="s">
        <v>126</v>
      </c>
      <c r="H5414" t="s">
        <v>119</v>
      </c>
      <c r="I5414" t="s">
        <v>15</v>
      </c>
      <c r="J5414" s="10">
        <v>16.543530619999999</v>
      </c>
    </row>
    <row r="5415" spans="1:10" x14ac:dyDescent="0.35">
      <c r="A5415" t="s">
        <v>35</v>
      </c>
      <c r="B5415" t="s">
        <v>36</v>
      </c>
      <c r="C5415" t="s">
        <v>117</v>
      </c>
      <c r="D5415" t="s">
        <v>118</v>
      </c>
      <c r="E5415">
        <v>2016</v>
      </c>
      <c r="F5415">
        <v>2016</v>
      </c>
      <c r="G5415" t="s">
        <v>126</v>
      </c>
      <c r="H5415" t="s">
        <v>120</v>
      </c>
      <c r="I5415" t="s">
        <v>15</v>
      </c>
      <c r="J5415" s="10">
        <v>9.8995967629999999</v>
      </c>
    </row>
    <row r="5416" spans="1:10" x14ac:dyDescent="0.35">
      <c r="A5416" t="s">
        <v>35</v>
      </c>
      <c r="B5416" t="s">
        <v>36</v>
      </c>
      <c r="C5416" t="s">
        <v>117</v>
      </c>
      <c r="D5416" t="s">
        <v>118</v>
      </c>
      <c r="E5416">
        <v>2016</v>
      </c>
      <c r="F5416">
        <v>2016</v>
      </c>
      <c r="G5416" t="s">
        <v>126</v>
      </c>
      <c r="H5416" t="s">
        <v>121</v>
      </c>
      <c r="I5416" t="s">
        <v>15</v>
      </c>
      <c r="J5416" s="10">
        <v>29.788097749999999</v>
      </c>
    </row>
    <row r="5417" spans="1:10" x14ac:dyDescent="0.35">
      <c r="A5417" t="s">
        <v>35</v>
      </c>
      <c r="B5417" t="s">
        <v>36</v>
      </c>
      <c r="C5417" t="s">
        <v>117</v>
      </c>
      <c r="D5417" t="s">
        <v>118</v>
      </c>
      <c r="E5417">
        <v>2016</v>
      </c>
      <c r="F5417">
        <v>2016</v>
      </c>
      <c r="G5417" t="s">
        <v>126</v>
      </c>
      <c r="H5417" t="s">
        <v>122</v>
      </c>
      <c r="I5417" t="s">
        <v>15</v>
      </c>
      <c r="J5417" s="10">
        <v>21.601580469999998</v>
      </c>
    </row>
    <row r="5418" spans="1:10" x14ac:dyDescent="0.35">
      <c r="A5418" t="s">
        <v>35</v>
      </c>
      <c r="B5418" t="s">
        <v>36</v>
      </c>
      <c r="C5418" t="s">
        <v>117</v>
      </c>
      <c r="D5418" t="s">
        <v>118</v>
      </c>
      <c r="E5418">
        <v>2016</v>
      </c>
      <c r="F5418">
        <v>2016</v>
      </c>
      <c r="G5418" t="s">
        <v>126</v>
      </c>
      <c r="H5418" t="s">
        <v>123</v>
      </c>
      <c r="I5418" t="s">
        <v>15</v>
      </c>
      <c r="J5418" s="10">
        <v>18.654434250000001</v>
      </c>
    </row>
    <row r="5419" spans="1:10" x14ac:dyDescent="0.35">
      <c r="A5419" t="s">
        <v>35</v>
      </c>
      <c r="B5419" t="s">
        <v>36</v>
      </c>
      <c r="C5419" t="s">
        <v>117</v>
      </c>
      <c r="D5419" t="s">
        <v>118</v>
      </c>
      <c r="E5419">
        <v>2016</v>
      </c>
      <c r="F5419">
        <v>2016</v>
      </c>
      <c r="G5419" t="s">
        <v>126</v>
      </c>
      <c r="H5419" t="s">
        <v>124</v>
      </c>
      <c r="I5419" t="s">
        <v>15</v>
      </c>
      <c r="J5419" s="10">
        <v>3.5127601419999999</v>
      </c>
    </row>
    <row r="5420" spans="1:10" x14ac:dyDescent="0.35">
      <c r="A5420" t="s">
        <v>35</v>
      </c>
      <c r="B5420" t="s">
        <v>36</v>
      </c>
      <c r="C5420" t="s">
        <v>117</v>
      </c>
      <c r="D5420" t="s">
        <v>118</v>
      </c>
      <c r="E5420">
        <v>2015</v>
      </c>
      <c r="F5420">
        <v>2015</v>
      </c>
      <c r="G5420" t="s">
        <v>14</v>
      </c>
      <c r="H5420" t="s">
        <v>119</v>
      </c>
      <c r="I5420" t="s">
        <v>15</v>
      </c>
      <c r="J5420" s="10">
        <v>17.852650619999999</v>
      </c>
    </row>
    <row r="5421" spans="1:10" x14ac:dyDescent="0.35">
      <c r="A5421" t="s">
        <v>35</v>
      </c>
      <c r="B5421" t="s">
        <v>36</v>
      </c>
      <c r="C5421" t="s">
        <v>117</v>
      </c>
      <c r="D5421" t="s">
        <v>118</v>
      </c>
      <c r="E5421">
        <v>2015</v>
      </c>
      <c r="F5421">
        <v>2015</v>
      </c>
      <c r="G5421" t="s">
        <v>14</v>
      </c>
      <c r="H5421" t="s">
        <v>120</v>
      </c>
      <c r="I5421" t="s">
        <v>15</v>
      </c>
      <c r="J5421" s="10">
        <v>10.974179230000001</v>
      </c>
    </row>
    <row r="5422" spans="1:10" x14ac:dyDescent="0.35">
      <c r="A5422" t="s">
        <v>35</v>
      </c>
      <c r="B5422" t="s">
        <v>36</v>
      </c>
      <c r="C5422" t="s">
        <v>117</v>
      </c>
      <c r="D5422" t="s">
        <v>118</v>
      </c>
      <c r="E5422">
        <v>2015</v>
      </c>
      <c r="F5422">
        <v>2015</v>
      </c>
      <c r="G5422" t="s">
        <v>14</v>
      </c>
      <c r="H5422" t="s">
        <v>121</v>
      </c>
      <c r="I5422" t="s">
        <v>15</v>
      </c>
      <c r="J5422" s="10">
        <v>29.633817149999999</v>
      </c>
    </row>
    <row r="5423" spans="1:10" x14ac:dyDescent="0.35">
      <c r="A5423" t="s">
        <v>35</v>
      </c>
      <c r="B5423" t="s">
        <v>36</v>
      </c>
      <c r="C5423" t="s">
        <v>117</v>
      </c>
      <c r="D5423" t="s">
        <v>118</v>
      </c>
      <c r="E5423">
        <v>2015</v>
      </c>
      <c r="F5423">
        <v>2015</v>
      </c>
      <c r="G5423" t="s">
        <v>14</v>
      </c>
      <c r="H5423" t="s">
        <v>122</v>
      </c>
      <c r="I5423" t="s">
        <v>15</v>
      </c>
      <c r="J5423" s="10">
        <v>21.40141611</v>
      </c>
    </row>
    <row r="5424" spans="1:10" x14ac:dyDescent="0.35">
      <c r="A5424" t="s">
        <v>35</v>
      </c>
      <c r="B5424" t="s">
        <v>36</v>
      </c>
      <c r="C5424" t="s">
        <v>117</v>
      </c>
      <c r="D5424" t="s">
        <v>118</v>
      </c>
      <c r="E5424">
        <v>2015</v>
      </c>
      <c r="F5424">
        <v>2015</v>
      </c>
      <c r="G5424" t="s">
        <v>14</v>
      </c>
      <c r="H5424" t="s">
        <v>123</v>
      </c>
      <c r="I5424" t="s">
        <v>15</v>
      </c>
      <c r="J5424" s="10">
        <v>17.423011150000001</v>
      </c>
    </row>
    <row r="5425" spans="1:10" x14ac:dyDescent="0.35">
      <c r="A5425" t="s">
        <v>35</v>
      </c>
      <c r="B5425" t="s">
        <v>36</v>
      </c>
      <c r="C5425" t="s">
        <v>117</v>
      </c>
      <c r="D5425" t="s">
        <v>118</v>
      </c>
      <c r="E5425">
        <v>2015</v>
      </c>
      <c r="F5425">
        <v>2015</v>
      </c>
      <c r="G5425" t="s">
        <v>14</v>
      </c>
      <c r="H5425" t="s">
        <v>124</v>
      </c>
      <c r="I5425" t="s">
        <v>15</v>
      </c>
      <c r="J5425" s="10">
        <v>2.7149257320000002</v>
      </c>
    </row>
    <row r="5426" spans="1:10" x14ac:dyDescent="0.35">
      <c r="A5426" t="s">
        <v>35</v>
      </c>
      <c r="B5426" t="s">
        <v>36</v>
      </c>
      <c r="C5426" t="s">
        <v>117</v>
      </c>
      <c r="D5426" t="s">
        <v>118</v>
      </c>
      <c r="E5426">
        <v>2015</v>
      </c>
      <c r="F5426">
        <v>2015</v>
      </c>
      <c r="G5426" t="s">
        <v>125</v>
      </c>
      <c r="H5426" t="s">
        <v>119</v>
      </c>
      <c r="I5426" t="s">
        <v>15</v>
      </c>
      <c r="J5426" s="10">
        <v>19.502160660000001</v>
      </c>
    </row>
    <row r="5427" spans="1:10" x14ac:dyDescent="0.35">
      <c r="A5427" t="s">
        <v>35</v>
      </c>
      <c r="B5427" t="s">
        <v>36</v>
      </c>
      <c r="C5427" t="s">
        <v>117</v>
      </c>
      <c r="D5427" t="s">
        <v>118</v>
      </c>
      <c r="E5427">
        <v>2015</v>
      </c>
      <c r="F5427">
        <v>2015</v>
      </c>
      <c r="G5427" t="s">
        <v>125</v>
      </c>
      <c r="H5427" t="s">
        <v>120</v>
      </c>
      <c r="I5427" t="s">
        <v>15</v>
      </c>
      <c r="J5427" s="10">
        <v>11.999052860000001</v>
      </c>
    </row>
    <row r="5428" spans="1:10" x14ac:dyDescent="0.35">
      <c r="A5428" t="s">
        <v>35</v>
      </c>
      <c r="B5428" t="s">
        <v>36</v>
      </c>
      <c r="C5428" t="s">
        <v>117</v>
      </c>
      <c r="D5428" t="s">
        <v>118</v>
      </c>
      <c r="E5428">
        <v>2015</v>
      </c>
      <c r="F5428">
        <v>2015</v>
      </c>
      <c r="G5428" t="s">
        <v>125</v>
      </c>
      <c r="H5428" t="s">
        <v>121</v>
      </c>
      <c r="I5428" t="s">
        <v>15</v>
      </c>
      <c r="J5428" s="10">
        <v>29.077132540000001</v>
      </c>
    </row>
    <row r="5429" spans="1:10" x14ac:dyDescent="0.35">
      <c r="A5429" t="s">
        <v>35</v>
      </c>
      <c r="B5429" t="s">
        <v>36</v>
      </c>
      <c r="C5429" t="s">
        <v>117</v>
      </c>
      <c r="D5429" t="s">
        <v>118</v>
      </c>
      <c r="E5429">
        <v>2015</v>
      </c>
      <c r="F5429">
        <v>2015</v>
      </c>
      <c r="G5429" t="s">
        <v>125</v>
      </c>
      <c r="H5429" t="s">
        <v>122</v>
      </c>
      <c r="I5429" t="s">
        <v>15</v>
      </c>
      <c r="J5429" s="10">
        <v>21.42603445</v>
      </c>
    </row>
    <row r="5430" spans="1:10" x14ac:dyDescent="0.35">
      <c r="A5430" t="s">
        <v>35</v>
      </c>
      <c r="B5430" t="s">
        <v>36</v>
      </c>
      <c r="C5430" t="s">
        <v>117</v>
      </c>
      <c r="D5430" t="s">
        <v>118</v>
      </c>
      <c r="E5430">
        <v>2015</v>
      </c>
      <c r="F5430">
        <v>2015</v>
      </c>
      <c r="G5430" t="s">
        <v>125</v>
      </c>
      <c r="H5430" t="s">
        <v>123</v>
      </c>
      <c r="I5430" t="s">
        <v>15</v>
      </c>
      <c r="J5430" s="10">
        <v>16.16645948</v>
      </c>
    </row>
    <row r="5431" spans="1:10" x14ac:dyDescent="0.35">
      <c r="A5431" t="s">
        <v>35</v>
      </c>
      <c r="B5431" t="s">
        <v>36</v>
      </c>
      <c r="C5431" t="s">
        <v>117</v>
      </c>
      <c r="D5431" t="s">
        <v>118</v>
      </c>
      <c r="E5431">
        <v>2015</v>
      </c>
      <c r="F5431">
        <v>2015</v>
      </c>
      <c r="G5431" t="s">
        <v>125</v>
      </c>
      <c r="H5431" t="s">
        <v>124</v>
      </c>
      <c r="I5431" t="s">
        <v>15</v>
      </c>
      <c r="J5431" s="10">
        <v>1.829160007</v>
      </c>
    </row>
    <row r="5432" spans="1:10" x14ac:dyDescent="0.35">
      <c r="A5432" t="s">
        <v>35</v>
      </c>
      <c r="B5432" t="s">
        <v>36</v>
      </c>
      <c r="C5432" t="s">
        <v>117</v>
      </c>
      <c r="D5432" t="s">
        <v>118</v>
      </c>
      <c r="E5432">
        <v>2015</v>
      </c>
      <c r="F5432">
        <v>2015</v>
      </c>
      <c r="G5432" t="s">
        <v>126</v>
      </c>
      <c r="H5432" t="s">
        <v>119</v>
      </c>
      <c r="I5432" t="s">
        <v>15</v>
      </c>
      <c r="J5432" s="10">
        <v>16.345243570000001</v>
      </c>
    </row>
    <row r="5433" spans="1:10" x14ac:dyDescent="0.35">
      <c r="A5433" t="s">
        <v>35</v>
      </c>
      <c r="B5433" t="s">
        <v>36</v>
      </c>
      <c r="C5433" t="s">
        <v>117</v>
      </c>
      <c r="D5433" t="s">
        <v>118</v>
      </c>
      <c r="E5433">
        <v>2015</v>
      </c>
      <c r="F5433">
        <v>2015</v>
      </c>
      <c r="G5433" t="s">
        <v>126</v>
      </c>
      <c r="H5433" t="s">
        <v>120</v>
      </c>
      <c r="I5433" t="s">
        <v>15</v>
      </c>
      <c r="J5433" s="10">
        <v>10.03759704</v>
      </c>
    </row>
    <row r="5434" spans="1:10" x14ac:dyDescent="0.35">
      <c r="A5434" t="s">
        <v>35</v>
      </c>
      <c r="B5434" t="s">
        <v>36</v>
      </c>
      <c r="C5434" t="s">
        <v>117</v>
      </c>
      <c r="D5434" t="s">
        <v>118</v>
      </c>
      <c r="E5434">
        <v>2015</v>
      </c>
      <c r="F5434">
        <v>2015</v>
      </c>
      <c r="G5434" t="s">
        <v>126</v>
      </c>
      <c r="H5434" t="s">
        <v>121</v>
      </c>
      <c r="I5434" t="s">
        <v>15</v>
      </c>
      <c r="J5434" s="10">
        <v>30.14254416</v>
      </c>
    </row>
    <row r="5435" spans="1:10" x14ac:dyDescent="0.35">
      <c r="A5435" t="s">
        <v>35</v>
      </c>
      <c r="B5435" t="s">
        <v>36</v>
      </c>
      <c r="C5435" t="s">
        <v>117</v>
      </c>
      <c r="D5435" t="s">
        <v>118</v>
      </c>
      <c r="E5435">
        <v>2015</v>
      </c>
      <c r="F5435">
        <v>2015</v>
      </c>
      <c r="G5435" t="s">
        <v>126</v>
      </c>
      <c r="H5435" t="s">
        <v>122</v>
      </c>
      <c r="I5435" t="s">
        <v>15</v>
      </c>
      <c r="J5435" s="10">
        <v>21.378918609999999</v>
      </c>
    </row>
    <row r="5436" spans="1:10" x14ac:dyDescent="0.35">
      <c r="A5436" t="s">
        <v>35</v>
      </c>
      <c r="B5436" t="s">
        <v>36</v>
      </c>
      <c r="C5436" t="s">
        <v>117</v>
      </c>
      <c r="D5436" t="s">
        <v>118</v>
      </c>
      <c r="E5436">
        <v>2015</v>
      </c>
      <c r="F5436">
        <v>2015</v>
      </c>
      <c r="G5436" t="s">
        <v>126</v>
      </c>
      <c r="H5436" t="s">
        <v>123</v>
      </c>
      <c r="I5436" t="s">
        <v>15</v>
      </c>
      <c r="J5436" s="10">
        <v>18.571312649999999</v>
      </c>
    </row>
    <row r="5437" spans="1:10" x14ac:dyDescent="0.35">
      <c r="A5437" t="s">
        <v>35</v>
      </c>
      <c r="B5437" t="s">
        <v>36</v>
      </c>
      <c r="C5437" t="s">
        <v>117</v>
      </c>
      <c r="D5437" t="s">
        <v>118</v>
      </c>
      <c r="E5437">
        <v>2015</v>
      </c>
      <c r="F5437">
        <v>2015</v>
      </c>
      <c r="G5437" t="s">
        <v>126</v>
      </c>
      <c r="H5437" t="s">
        <v>124</v>
      </c>
      <c r="I5437" t="s">
        <v>15</v>
      </c>
      <c r="J5437" s="10">
        <v>3.5243839769999998</v>
      </c>
    </row>
    <row r="5438" spans="1:10" x14ac:dyDescent="0.35">
      <c r="A5438" t="s">
        <v>35</v>
      </c>
      <c r="B5438" t="s">
        <v>36</v>
      </c>
      <c r="C5438" t="s">
        <v>117</v>
      </c>
      <c r="D5438" t="s">
        <v>118</v>
      </c>
      <c r="E5438">
        <v>2014</v>
      </c>
      <c r="F5438">
        <v>2014</v>
      </c>
      <c r="G5438" t="s">
        <v>14</v>
      </c>
      <c r="H5438" t="s">
        <v>119</v>
      </c>
      <c r="I5438" t="s">
        <v>15</v>
      </c>
      <c r="J5438" s="10">
        <v>17.891072080000001</v>
      </c>
    </row>
    <row r="5439" spans="1:10" x14ac:dyDescent="0.35">
      <c r="A5439" t="s">
        <v>35</v>
      </c>
      <c r="B5439" t="s">
        <v>36</v>
      </c>
      <c r="C5439" t="s">
        <v>117</v>
      </c>
      <c r="D5439" t="s">
        <v>118</v>
      </c>
      <c r="E5439">
        <v>2014</v>
      </c>
      <c r="F5439">
        <v>2014</v>
      </c>
      <c r="G5439" t="s">
        <v>14</v>
      </c>
      <c r="H5439" t="s">
        <v>120</v>
      </c>
      <c r="I5439" t="s">
        <v>15</v>
      </c>
      <c r="J5439" s="10">
        <v>11.01964875</v>
      </c>
    </row>
    <row r="5440" spans="1:10" x14ac:dyDescent="0.35">
      <c r="A5440" t="s">
        <v>35</v>
      </c>
      <c r="B5440" t="s">
        <v>36</v>
      </c>
      <c r="C5440" t="s">
        <v>117</v>
      </c>
      <c r="D5440" t="s">
        <v>118</v>
      </c>
      <c r="E5440">
        <v>2014</v>
      </c>
      <c r="F5440">
        <v>2014</v>
      </c>
      <c r="G5440" t="s">
        <v>14</v>
      </c>
      <c r="H5440" t="s">
        <v>121</v>
      </c>
      <c r="I5440" t="s">
        <v>15</v>
      </c>
      <c r="J5440" s="10">
        <v>30.127138949999999</v>
      </c>
    </row>
    <row r="5441" spans="1:10" x14ac:dyDescent="0.35">
      <c r="A5441" t="s">
        <v>35</v>
      </c>
      <c r="B5441" t="s">
        <v>36</v>
      </c>
      <c r="C5441" t="s">
        <v>117</v>
      </c>
      <c r="D5441" t="s">
        <v>118</v>
      </c>
      <c r="E5441">
        <v>2014</v>
      </c>
      <c r="F5441">
        <v>2014</v>
      </c>
      <c r="G5441" t="s">
        <v>14</v>
      </c>
      <c r="H5441" t="s">
        <v>122</v>
      </c>
      <c r="I5441" t="s">
        <v>15</v>
      </c>
      <c r="J5441" s="10">
        <v>21.1033744</v>
      </c>
    </row>
    <row r="5442" spans="1:10" x14ac:dyDescent="0.35">
      <c r="A5442" t="s">
        <v>35</v>
      </c>
      <c r="B5442" t="s">
        <v>36</v>
      </c>
      <c r="C5442" t="s">
        <v>117</v>
      </c>
      <c r="D5442" t="s">
        <v>118</v>
      </c>
      <c r="E5442">
        <v>2014</v>
      </c>
      <c r="F5442">
        <v>2014</v>
      </c>
      <c r="G5442" t="s">
        <v>14</v>
      </c>
      <c r="H5442" t="s">
        <v>123</v>
      </c>
      <c r="I5442" t="s">
        <v>15</v>
      </c>
      <c r="J5442" s="10">
        <v>17.146844080000001</v>
      </c>
    </row>
    <row r="5443" spans="1:10" x14ac:dyDescent="0.35">
      <c r="A5443" t="s">
        <v>35</v>
      </c>
      <c r="B5443" t="s">
        <v>36</v>
      </c>
      <c r="C5443" t="s">
        <v>117</v>
      </c>
      <c r="D5443" t="s">
        <v>118</v>
      </c>
      <c r="E5443">
        <v>2014</v>
      </c>
      <c r="F5443">
        <v>2014</v>
      </c>
      <c r="G5443" t="s">
        <v>14</v>
      </c>
      <c r="H5443" t="s">
        <v>124</v>
      </c>
      <c r="I5443" t="s">
        <v>15</v>
      </c>
      <c r="J5443" s="10">
        <v>2.711921743</v>
      </c>
    </row>
    <row r="5444" spans="1:10" x14ac:dyDescent="0.35">
      <c r="A5444" t="s">
        <v>35</v>
      </c>
      <c r="B5444" t="s">
        <v>36</v>
      </c>
      <c r="C5444" t="s">
        <v>117</v>
      </c>
      <c r="D5444" t="s">
        <v>118</v>
      </c>
      <c r="E5444">
        <v>2014</v>
      </c>
      <c r="F5444">
        <v>2014</v>
      </c>
      <c r="G5444" t="s">
        <v>125</v>
      </c>
      <c r="H5444" t="s">
        <v>119</v>
      </c>
      <c r="I5444" t="s">
        <v>15</v>
      </c>
      <c r="J5444" s="10">
        <v>19.51608615</v>
      </c>
    </row>
    <row r="5445" spans="1:10" x14ac:dyDescent="0.35">
      <c r="A5445" t="s">
        <v>35</v>
      </c>
      <c r="B5445" t="s">
        <v>36</v>
      </c>
      <c r="C5445" t="s">
        <v>117</v>
      </c>
      <c r="D5445" t="s">
        <v>118</v>
      </c>
      <c r="E5445">
        <v>2014</v>
      </c>
      <c r="F5445">
        <v>2014</v>
      </c>
      <c r="G5445" t="s">
        <v>125</v>
      </c>
      <c r="H5445" t="s">
        <v>120</v>
      </c>
      <c r="I5445" t="s">
        <v>15</v>
      </c>
      <c r="J5445" s="10">
        <v>12.080120539999999</v>
      </c>
    </row>
    <row r="5446" spans="1:10" x14ac:dyDescent="0.35">
      <c r="A5446" t="s">
        <v>35</v>
      </c>
      <c r="B5446" t="s">
        <v>36</v>
      </c>
      <c r="C5446" t="s">
        <v>117</v>
      </c>
      <c r="D5446" t="s">
        <v>118</v>
      </c>
      <c r="E5446">
        <v>2014</v>
      </c>
      <c r="F5446">
        <v>2014</v>
      </c>
      <c r="G5446" t="s">
        <v>125</v>
      </c>
      <c r="H5446" t="s">
        <v>121</v>
      </c>
      <c r="I5446" t="s">
        <v>15</v>
      </c>
      <c r="J5446" s="10">
        <v>29.64046205</v>
      </c>
    </row>
    <row r="5447" spans="1:10" x14ac:dyDescent="0.35">
      <c r="A5447" t="s">
        <v>35</v>
      </c>
      <c r="B5447" t="s">
        <v>36</v>
      </c>
      <c r="C5447" t="s">
        <v>117</v>
      </c>
      <c r="D5447" t="s">
        <v>118</v>
      </c>
      <c r="E5447">
        <v>2014</v>
      </c>
      <c r="F5447">
        <v>2014</v>
      </c>
      <c r="G5447" t="s">
        <v>125</v>
      </c>
      <c r="H5447" t="s">
        <v>122</v>
      </c>
      <c r="I5447" t="s">
        <v>15</v>
      </c>
      <c r="J5447" s="10">
        <v>21.102543650000001</v>
      </c>
    </row>
    <row r="5448" spans="1:10" x14ac:dyDescent="0.35">
      <c r="A5448" t="s">
        <v>35</v>
      </c>
      <c r="B5448" t="s">
        <v>36</v>
      </c>
      <c r="C5448" t="s">
        <v>117</v>
      </c>
      <c r="D5448" t="s">
        <v>118</v>
      </c>
      <c r="E5448">
        <v>2014</v>
      </c>
      <c r="F5448">
        <v>2014</v>
      </c>
      <c r="G5448" t="s">
        <v>125</v>
      </c>
      <c r="H5448" t="s">
        <v>123</v>
      </c>
      <c r="I5448" t="s">
        <v>15</v>
      </c>
      <c r="J5448" s="10">
        <v>15.855712130000001</v>
      </c>
    </row>
    <row r="5449" spans="1:10" x14ac:dyDescent="0.35">
      <c r="A5449" t="s">
        <v>35</v>
      </c>
      <c r="B5449" t="s">
        <v>36</v>
      </c>
      <c r="C5449" t="s">
        <v>117</v>
      </c>
      <c r="D5449" t="s">
        <v>118</v>
      </c>
      <c r="E5449">
        <v>2014</v>
      </c>
      <c r="F5449">
        <v>2014</v>
      </c>
      <c r="G5449" t="s">
        <v>125</v>
      </c>
      <c r="H5449" t="s">
        <v>124</v>
      </c>
      <c r="I5449" t="s">
        <v>15</v>
      </c>
      <c r="J5449" s="10">
        <v>1.8050754819999999</v>
      </c>
    </row>
    <row r="5450" spans="1:10" x14ac:dyDescent="0.35">
      <c r="A5450" t="s">
        <v>35</v>
      </c>
      <c r="B5450" t="s">
        <v>36</v>
      </c>
      <c r="C5450" t="s">
        <v>117</v>
      </c>
      <c r="D5450" t="s">
        <v>118</v>
      </c>
      <c r="E5450">
        <v>2014</v>
      </c>
      <c r="F5450">
        <v>2014</v>
      </c>
      <c r="G5450" t="s">
        <v>126</v>
      </c>
      <c r="H5450" t="s">
        <v>119</v>
      </c>
      <c r="I5450" t="s">
        <v>15</v>
      </c>
      <c r="J5450" s="10">
        <v>16.408334910000001</v>
      </c>
    </row>
    <row r="5451" spans="1:10" x14ac:dyDescent="0.35">
      <c r="A5451" t="s">
        <v>35</v>
      </c>
      <c r="B5451" t="s">
        <v>36</v>
      </c>
      <c r="C5451" t="s">
        <v>117</v>
      </c>
      <c r="D5451" t="s">
        <v>118</v>
      </c>
      <c r="E5451">
        <v>2014</v>
      </c>
      <c r="F5451">
        <v>2014</v>
      </c>
      <c r="G5451" t="s">
        <v>126</v>
      </c>
      <c r="H5451" t="s">
        <v>120</v>
      </c>
      <c r="I5451" t="s">
        <v>15</v>
      </c>
      <c r="J5451" s="10">
        <v>10.05202577</v>
      </c>
    </row>
    <row r="5452" spans="1:10" x14ac:dyDescent="0.35">
      <c r="A5452" t="s">
        <v>35</v>
      </c>
      <c r="B5452" t="s">
        <v>36</v>
      </c>
      <c r="C5452" t="s">
        <v>117</v>
      </c>
      <c r="D5452" t="s">
        <v>118</v>
      </c>
      <c r="E5452">
        <v>2014</v>
      </c>
      <c r="F5452">
        <v>2014</v>
      </c>
      <c r="G5452" t="s">
        <v>126</v>
      </c>
      <c r="H5452" t="s">
        <v>121</v>
      </c>
      <c r="I5452" t="s">
        <v>15</v>
      </c>
      <c r="J5452" s="10">
        <v>30.57120522</v>
      </c>
    </row>
    <row r="5453" spans="1:10" x14ac:dyDescent="0.35">
      <c r="A5453" t="s">
        <v>35</v>
      </c>
      <c r="B5453" t="s">
        <v>36</v>
      </c>
      <c r="C5453" t="s">
        <v>117</v>
      </c>
      <c r="D5453" t="s">
        <v>118</v>
      </c>
      <c r="E5453">
        <v>2014</v>
      </c>
      <c r="F5453">
        <v>2014</v>
      </c>
      <c r="G5453" t="s">
        <v>126</v>
      </c>
      <c r="H5453" t="s">
        <v>122</v>
      </c>
      <c r="I5453" t="s">
        <v>15</v>
      </c>
      <c r="J5453" s="10">
        <v>21.104132409999998</v>
      </c>
    </row>
    <row r="5454" spans="1:10" x14ac:dyDescent="0.35">
      <c r="A5454" t="s">
        <v>35</v>
      </c>
      <c r="B5454" t="s">
        <v>36</v>
      </c>
      <c r="C5454" t="s">
        <v>117</v>
      </c>
      <c r="D5454" t="s">
        <v>118</v>
      </c>
      <c r="E5454">
        <v>2014</v>
      </c>
      <c r="F5454">
        <v>2014</v>
      </c>
      <c r="G5454" t="s">
        <v>126</v>
      </c>
      <c r="H5454" t="s">
        <v>123</v>
      </c>
      <c r="I5454" t="s">
        <v>15</v>
      </c>
      <c r="J5454" s="10">
        <v>18.324931939999999</v>
      </c>
    </row>
    <row r="5455" spans="1:10" x14ac:dyDescent="0.35">
      <c r="A5455" t="s">
        <v>35</v>
      </c>
      <c r="B5455" t="s">
        <v>36</v>
      </c>
      <c r="C5455" t="s">
        <v>117</v>
      </c>
      <c r="D5455" t="s">
        <v>118</v>
      </c>
      <c r="E5455">
        <v>2014</v>
      </c>
      <c r="F5455">
        <v>2014</v>
      </c>
      <c r="G5455" t="s">
        <v>126</v>
      </c>
      <c r="H5455" t="s">
        <v>124</v>
      </c>
      <c r="I5455" t="s">
        <v>15</v>
      </c>
      <c r="J5455" s="10">
        <v>3.53936976</v>
      </c>
    </row>
    <row r="5456" spans="1:10" x14ac:dyDescent="0.35">
      <c r="A5456" t="s">
        <v>35</v>
      </c>
      <c r="B5456" t="s">
        <v>36</v>
      </c>
      <c r="C5456" t="s">
        <v>117</v>
      </c>
      <c r="D5456" t="s">
        <v>118</v>
      </c>
      <c r="E5456">
        <v>2013</v>
      </c>
      <c r="F5456">
        <v>2013</v>
      </c>
      <c r="G5456" t="s">
        <v>14</v>
      </c>
      <c r="H5456" t="s">
        <v>119</v>
      </c>
      <c r="I5456" t="s">
        <v>15</v>
      </c>
      <c r="J5456" s="10">
        <v>18.068606039999999</v>
      </c>
    </row>
    <row r="5457" spans="1:10" x14ac:dyDescent="0.35">
      <c r="A5457" t="s">
        <v>35</v>
      </c>
      <c r="B5457" t="s">
        <v>36</v>
      </c>
      <c r="C5457" t="s">
        <v>117</v>
      </c>
      <c r="D5457" t="s">
        <v>118</v>
      </c>
      <c r="E5457">
        <v>2013</v>
      </c>
      <c r="F5457">
        <v>2013</v>
      </c>
      <c r="G5457" t="s">
        <v>14</v>
      </c>
      <c r="H5457" t="s">
        <v>120</v>
      </c>
      <c r="I5457" t="s">
        <v>15</v>
      </c>
      <c r="J5457" s="10">
        <v>10.940339509999999</v>
      </c>
    </row>
    <row r="5458" spans="1:10" x14ac:dyDescent="0.35">
      <c r="A5458" t="s">
        <v>35</v>
      </c>
      <c r="B5458" t="s">
        <v>36</v>
      </c>
      <c r="C5458" t="s">
        <v>117</v>
      </c>
      <c r="D5458" t="s">
        <v>118</v>
      </c>
      <c r="E5458">
        <v>2013</v>
      </c>
      <c r="F5458">
        <v>2013</v>
      </c>
      <c r="G5458" t="s">
        <v>14</v>
      </c>
      <c r="H5458" t="s">
        <v>121</v>
      </c>
      <c r="I5458" t="s">
        <v>15</v>
      </c>
      <c r="J5458" s="10">
        <v>30.690991050000001</v>
      </c>
    </row>
    <row r="5459" spans="1:10" x14ac:dyDescent="0.35">
      <c r="A5459" t="s">
        <v>35</v>
      </c>
      <c r="B5459" t="s">
        <v>36</v>
      </c>
      <c r="C5459" t="s">
        <v>117</v>
      </c>
      <c r="D5459" t="s">
        <v>118</v>
      </c>
      <c r="E5459">
        <v>2013</v>
      </c>
      <c r="F5459">
        <v>2013</v>
      </c>
      <c r="G5459" t="s">
        <v>14</v>
      </c>
      <c r="H5459" t="s">
        <v>122</v>
      </c>
      <c r="I5459" t="s">
        <v>15</v>
      </c>
      <c r="J5459" s="10">
        <v>20.869197719999999</v>
      </c>
    </row>
    <row r="5460" spans="1:10" x14ac:dyDescent="0.35">
      <c r="A5460" t="s">
        <v>35</v>
      </c>
      <c r="B5460" t="s">
        <v>36</v>
      </c>
      <c r="C5460" t="s">
        <v>117</v>
      </c>
      <c r="D5460" t="s">
        <v>118</v>
      </c>
      <c r="E5460">
        <v>2013</v>
      </c>
      <c r="F5460">
        <v>2013</v>
      </c>
      <c r="G5460" t="s">
        <v>14</v>
      </c>
      <c r="H5460" t="s">
        <v>123</v>
      </c>
      <c r="I5460" t="s">
        <v>15</v>
      </c>
      <c r="J5460" s="10">
        <v>16.851447490000002</v>
      </c>
    </row>
    <row r="5461" spans="1:10" x14ac:dyDescent="0.35">
      <c r="A5461" t="s">
        <v>35</v>
      </c>
      <c r="B5461" t="s">
        <v>36</v>
      </c>
      <c r="C5461" t="s">
        <v>117</v>
      </c>
      <c r="D5461" t="s">
        <v>118</v>
      </c>
      <c r="E5461">
        <v>2013</v>
      </c>
      <c r="F5461">
        <v>2013</v>
      </c>
      <c r="G5461" t="s">
        <v>14</v>
      </c>
      <c r="H5461" t="s">
        <v>124</v>
      </c>
      <c r="I5461" t="s">
        <v>15</v>
      </c>
      <c r="J5461" s="10">
        <v>2.5794181869999999</v>
      </c>
    </row>
    <row r="5462" spans="1:10" x14ac:dyDescent="0.35">
      <c r="A5462" t="s">
        <v>35</v>
      </c>
      <c r="B5462" t="s">
        <v>36</v>
      </c>
      <c r="C5462" t="s">
        <v>117</v>
      </c>
      <c r="D5462" t="s">
        <v>118</v>
      </c>
      <c r="E5462">
        <v>2013</v>
      </c>
      <c r="F5462">
        <v>2013</v>
      </c>
      <c r="G5462" t="s">
        <v>125</v>
      </c>
      <c r="H5462" t="s">
        <v>119</v>
      </c>
      <c r="I5462" t="s">
        <v>15</v>
      </c>
      <c r="J5462" s="10">
        <v>19.80660614</v>
      </c>
    </row>
    <row r="5463" spans="1:10" x14ac:dyDescent="0.35">
      <c r="A5463" t="s">
        <v>35</v>
      </c>
      <c r="B5463" t="s">
        <v>36</v>
      </c>
      <c r="C5463" t="s">
        <v>117</v>
      </c>
      <c r="D5463" t="s">
        <v>118</v>
      </c>
      <c r="E5463">
        <v>2013</v>
      </c>
      <c r="F5463">
        <v>2013</v>
      </c>
      <c r="G5463" t="s">
        <v>125</v>
      </c>
      <c r="H5463" t="s">
        <v>120</v>
      </c>
      <c r="I5463" t="s">
        <v>15</v>
      </c>
      <c r="J5463" s="10">
        <v>11.920040220000001</v>
      </c>
    </row>
    <row r="5464" spans="1:10" x14ac:dyDescent="0.35">
      <c r="A5464" t="s">
        <v>35</v>
      </c>
      <c r="B5464" t="s">
        <v>36</v>
      </c>
      <c r="C5464" t="s">
        <v>117</v>
      </c>
      <c r="D5464" t="s">
        <v>118</v>
      </c>
      <c r="E5464">
        <v>2013</v>
      </c>
      <c r="F5464">
        <v>2013</v>
      </c>
      <c r="G5464" t="s">
        <v>125</v>
      </c>
      <c r="H5464" t="s">
        <v>121</v>
      </c>
      <c r="I5464" t="s">
        <v>15</v>
      </c>
      <c r="J5464" s="10">
        <v>30.16530148</v>
      </c>
    </row>
    <row r="5465" spans="1:10" x14ac:dyDescent="0.35">
      <c r="A5465" t="s">
        <v>35</v>
      </c>
      <c r="B5465" t="s">
        <v>36</v>
      </c>
      <c r="C5465" t="s">
        <v>117</v>
      </c>
      <c r="D5465" t="s">
        <v>118</v>
      </c>
      <c r="E5465">
        <v>2013</v>
      </c>
      <c r="F5465">
        <v>2013</v>
      </c>
      <c r="G5465" t="s">
        <v>125</v>
      </c>
      <c r="H5465" t="s">
        <v>122</v>
      </c>
      <c r="I5465" t="s">
        <v>15</v>
      </c>
      <c r="J5465" s="10">
        <v>20.88003075</v>
      </c>
    </row>
    <row r="5466" spans="1:10" x14ac:dyDescent="0.35">
      <c r="A5466" t="s">
        <v>35</v>
      </c>
      <c r="B5466" t="s">
        <v>36</v>
      </c>
      <c r="C5466" t="s">
        <v>117</v>
      </c>
      <c r="D5466" t="s">
        <v>118</v>
      </c>
      <c r="E5466">
        <v>2013</v>
      </c>
      <c r="F5466">
        <v>2013</v>
      </c>
      <c r="G5466" t="s">
        <v>125</v>
      </c>
      <c r="H5466" t="s">
        <v>123</v>
      </c>
      <c r="I5466" t="s">
        <v>15</v>
      </c>
      <c r="J5466" s="10">
        <v>15.56022119</v>
      </c>
    </row>
    <row r="5467" spans="1:10" x14ac:dyDescent="0.35">
      <c r="A5467" t="s">
        <v>35</v>
      </c>
      <c r="B5467" t="s">
        <v>36</v>
      </c>
      <c r="C5467" t="s">
        <v>117</v>
      </c>
      <c r="D5467" t="s">
        <v>118</v>
      </c>
      <c r="E5467">
        <v>2013</v>
      </c>
      <c r="F5467">
        <v>2013</v>
      </c>
      <c r="G5467" t="s">
        <v>125</v>
      </c>
      <c r="H5467" t="s">
        <v>124</v>
      </c>
      <c r="I5467" t="s">
        <v>15</v>
      </c>
      <c r="J5467" s="10">
        <v>1.6678002190000001</v>
      </c>
    </row>
    <row r="5468" spans="1:10" x14ac:dyDescent="0.35">
      <c r="A5468" t="s">
        <v>35</v>
      </c>
      <c r="B5468" t="s">
        <v>36</v>
      </c>
      <c r="C5468" t="s">
        <v>117</v>
      </c>
      <c r="D5468" t="s">
        <v>118</v>
      </c>
      <c r="E5468">
        <v>2013</v>
      </c>
      <c r="F5468">
        <v>2013</v>
      </c>
      <c r="G5468" t="s">
        <v>126</v>
      </c>
      <c r="H5468" t="s">
        <v>119</v>
      </c>
      <c r="I5468" t="s">
        <v>15</v>
      </c>
      <c r="J5468" s="10">
        <v>16.487300900000001</v>
      </c>
    </row>
    <row r="5469" spans="1:10" x14ac:dyDescent="0.35">
      <c r="A5469" t="s">
        <v>35</v>
      </c>
      <c r="B5469" t="s">
        <v>36</v>
      </c>
      <c r="C5469" t="s">
        <v>117</v>
      </c>
      <c r="D5469" t="s">
        <v>118</v>
      </c>
      <c r="E5469">
        <v>2013</v>
      </c>
      <c r="F5469">
        <v>2013</v>
      </c>
      <c r="G5469" t="s">
        <v>126</v>
      </c>
      <c r="H5469" t="s">
        <v>120</v>
      </c>
      <c r="I5469" t="s">
        <v>15</v>
      </c>
      <c r="J5469" s="10">
        <v>10.048966849999999</v>
      </c>
    </row>
    <row r="5470" spans="1:10" x14ac:dyDescent="0.35">
      <c r="A5470" t="s">
        <v>35</v>
      </c>
      <c r="B5470" t="s">
        <v>36</v>
      </c>
      <c r="C5470" t="s">
        <v>117</v>
      </c>
      <c r="D5470" t="s">
        <v>118</v>
      </c>
      <c r="E5470">
        <v>2013</v>
      </c>
      <c r="F5470">
        <v>2013</v>
      </c>
      <c r="G5470" t="s">
        <v>126</v>
      </c>
      <c r="H5470" t="s">
        <v>121</v>
      </c>
      <c r="I5470" t="s">
        <v>15</v>
      </c>
      <c r="J5470" s="10">
        <v>31.169285410000001</v>
      </c>
    </row>
    <row r="5471" spans="1:10" x14ac:dyDescent="0.35">
      <c r="A5471" t="s">
        <v>35</v>
      </c>
      <c r="B5471" t="s">
        <v>36</v>
      </c>
      <c r="C5471" t="s">
        <v>117</v>
      </c>
      <c r="D5471" t="s">
        <v>118</v>
      </c>
      <c r="E5471">
        <v>2013</v>
      </c>
      <c r="F5471">
        <v>2013</v>
      </c>
      <c r="G5471" t="s">
        <v>126</v>
      </c>
      <c r="H5471" t="s">
        <v>122</v>
      </c>
      <c r="I5471" t="s">
        <v>15</v>
      </c>
      <c r="J5471" s="10">
        <v>20.859341369999999</v>
      </c>
    </row>
    <row r="5472" spans="1:10" x14ac:dyDescent="0.35">
      <c r="A5472" t="s">
        <v>35</v>
      </c>
      <c r="B5472" t="s">
        <v>36</v>
      </c>
      <c r="C5472" t="s">
        <v>117</v>
      </c>
      <c r="D5472" t="s">
        <v>118</v>
      </c>
      <c r="E5472">
        <v>2013</v>
      </c>
      <c r="F5472">
        <v>2013</v>
      </c>
      <c r="G5472" t="s">
        <v>126</v>
      </c>
      <c r="H5472" t="s">
        <v>123</v>
      </c>
      <c r="I5472" t="s">
        <v>15</v>
      </c>
      <c r="J5472" s="10">
        <v>18.026259150000001</v>
      </c>
    </row>
    <row r="5473" spans="1:10" x14ac:dyDescent="0.35">
      <c r="A5473" t="s">
        <v>35</v>
      </c>
      <c r="B5473" t="s">
        <v>36</v>
      </c>
      <c r="C5473" t="s">
        <v>117</v>
      </c>
      <c r="D5473" t="s">
        <v>118</v>
      </c>
      <c r="E5473">
        <v>2013</v>
      </c>
      <c r="F5473">
        <v>2013</v>
      </c>
      <c r="G5473" t="s">
        <v>126</v>
      </c>
      <c r="H5473" t="s">
        <v>124</v>
      </c>
      <c r="I5473" t="s">
        <v>15</v>
      </c>
      <c r="J5473" s="10">
        <v>3.4088463189999998</v>
      </c>
    </row>
    <row r="5474" spans="1:10" x14ac:dyDescent="0.35">
      <c r="A5474" t="s">
        <v>35</v>
      </c>
      <c r="B5474" t="s">
        <v>36</v>
      </c>
      <c r="C5474" t="s">
        <v>117</v>
      </c>
      <c r="D5474" t="s">
        <v>118</v>
      </c>
      <c r="E5474">
        <v>2012</v>
      </c>
      <c r="F5474">
        <v>2012</v>
      </c>
      <c r="G5474" t="s">
        <v>14</v>
      </c>
      <c r="H5474" t="s">
        <v>119</v>
      </c>
      <c r="I5474" t="s">
        <v>15</v>
      </c>
      <c r="J5474" s="10">
        <v>18.15669883</v>
      </c>
    </row>
    <row r="5475" spans="1:10" x14ac:dyDescent="0.35">
      <c r="A5475" t="s">
        <v>35</v>
      </c>
      <c r="B5475" t="s">
        <v>36</v>
      </c>
      <c r="C5475" t="s">
        <v>117</v>
      </c>
      <c r="D5475" t="s">
        <v>118</v>
      </c>
      <c r="E5475">
        <v>2012</v>
      </c>
      <c r="F5475">
        <v>2012</v>
      </c>
      <c r="G5475" t="s">
        <v>14</v>
      </c>
      <c r="H5475" t="s">
        <v>120</v>
      </c>
      <c r="I5475" t="s">
        <v>15</v>
      </c>
      <c r="J5475" s="10">
        <v>11.023058799999999</v>
      </c>
    </row>
    <row r="5476" spans="1:10" x14ac:dyDescent="0.35">
      <c r="A5476" t="s">
        <v>35</v>
      </c>
      <c r="B5476" t="s">
        <v>36</v>
      </c>
      <c r="C5476" t="s">
        <v>117</v>
      </c>
      <c r="D5476" t="s">
        <v>118</v>
      </c>
      <c r="E5476">
        <v>2012</v>
      </c>
      <c r="F5476">
        <v>2012</v>
      </c>
      <c r="G5476" t="s">
        <v>14</v>
      </c>
      <c r="H5476" t="s">
        <v>121</v>
      </c>
      <c r="I5476" t="s">
        <v>15</v>
      </c>
      <c r="J5476" s="10">
        <v>31.074674600000002</v>
      </c>
    </row>
    <row r="5477" spans="1:10" x14ac:dyDescent="0.35">
      <c r="A5477" t="s">
        <v>35</v>
      </c>
      <c r="B5477" t="s">
        <v>36</v>
      </c>
      <c r="C5477" t="s">
        <v>117</v>
      </c>
      <c r="D5477" t="s">
        <v>118</v>
      </c>
      <c r="E5477">
        <v>2012</v>
      </c>
      <c r="F5477">
        <v>2012</v>
      </c>
      <c r="G5477" t="s">
        <v>14</v>
      </c>
      <c r="H5477" t="s">
        <v>122</v>
      </c>
      <c r="I5477" t="s">
        <v>15</v>
      </c>
      <c r="J5477" s="10">
        <v>20.710839320000002</v>
      </c>
    </row>
    <row r="5478" spans="1:10" x14ac:dyDescent="0.35">
      <c r="A5478" t="s">
        <v>35</v>
      </c>
      <c r="B5478" t="s">
        <v>36</v>
      </c>
      <c r="C5478" t="s">
        <v>117</v>
      </c>
      <c r="D5478" t="s">
        <v>118</v>
      </c>
      <c r="E5478">
        <v>2012</v>
      </c>
      <c r="F5478">
        <v>2012</v>
      </c>
      <c r="G5478" t="s">
        <v>14</v>
      </c>
      <c r="H5478" t="s">
        <v>123</v>
      </c>
      <c r="I5478" t="s">
        <v>15</v>
      </c>
      <c r="J5478" s="10">
        <v>16.529679080000001</v>
      </c>
    </row>
    <row r="5479" spans="1:10" x14ac:dyDescent="0.35">
      <c r="A5479" t="s">
        <v>35</v>
      </c>
      <c r="B5479" t="s">
        <v>36</v>
      </c>
      <c r="C5479" t="s">
        <v>117</v>
      </c>
      <c r="D5479" t="s">
        <v>118</v>
      </c>
      <c r="E5479">
        <v>2012</v>
      </c>
      <c r="F5479">
        <v>2012</v>
      </c>
      <c r="G5479" t="s">
        <v>14</v>
      </c>
      <c r="H5479" t="s">
        <v>124</v>
      </c>
      <c r="I5479" t="s">
        <v>15</v>
      </c>
      <c r="J5479" s="10">
        <v>2.5050493720000002</v>
      </c>
    </row>
    <row r="5480" spans="1:10" x14ac:dyDescent="0.35">
      <c r="A5480" t="s">
        <v>35</v>
      </c>
      <c r="B5480" t="s">
        <v>36</v>
      </c>
      <c r="C5480" t="s">
        <v>117</v>
      </c>
      <c r="D5480" t="s">
        <v>118</v>
      </c>
      <c r="E5480">
        <v>2012</v>
      </c>
      <c r="F5480">
        <v>2012</v>
      </c>
      <c r="G5480" t="s">
        <v>125</v>
      </c>
      <c r="H5480" t="s">
        <v>119</v>
      </c>
      <c r="I5480" t="s">
        <v>15</v>
      </c>
      <c r="J5480" s="10">
        <v>19.874532439999999</v>
      </c>
    </row>
    <row r="5481" spans="1:10" x14ac:dyDescent="0.35">
      <c r="A5481" t="s">
        <v>35</v>
      </c>
      <c r="B5481" t="s">
        <v>36</v>
      </c>
      <c r="C5481" t="s">
        <v>117</v>
      </c>
      <c r="D5481" t="s">
        <v>118</v>
      </c>
      <c r="E5481">
        <v>2012</v>
      </c>
      <c r="F5481">
        <v>2012</v>
      </c>
      <c r="G5481" t="s">
        <v>125</v>
      </c>
      <c r="H5481" t="s">
        <v>120</v>
      </c>
      <c r="I5481" t="s">
        <v>15</v>
      </c>
      <c r="J5481" s="10">
        <v>11.913527520000001</v>
      </c>
    </row>
    <row r="5482" spans="1:10" x14ac:dyDescent="0.35">
      <c r="A5482" t="s">
        <v>35</v>
      </c>
      <c r="B5482" t="s">
        <v>36</v>
      </c>
      <c r="C5482" t="s">
        <v>117</v>
      </c>
      <c r="D5482" t="s">
        <v>118</v>
      </c>
      <c r="E5482">
        <v>2012</v>
      </c>
      <c r="F5482">
        <v>2012</v>
      </c>
      <c r="G5482" t="s">
        <v>125</v>
      </c>
      <c r="H5482" t="s">
        <v>121</v>
      </c>
      <c r="I5482" t="s">
        <v>15</v>
      </c>
      <c r="J5482" s="10">
        <v>30.692427769999998</v>
      </c>
    </row>
    <row r="5483" spans="1:10" x14ac:dyDescent="0.35">
      <c r="A5483" t="s">
        <v>35</v>
      </c>
      <c r="B5483" t="s">
        <v>36</v>
      </c>
      <c r="C5483" t="s">
        <v>117</v>
      </c>
      <c r="D5483" t="s">
        <v>118</v>
      </c>
      <c r="E5483">
        <v>2012</v>
      </c>
      <c r="F5483">
        <v>2012</v>
      </c>
      <c r="G5483" t="s">
        <v>125</v>
      </c>
      <c r="H5483" t="s">
        <v>122</v>
      </c>
      <c r="I5483" t="s">
        <v>15</v>
      </c>
      <c r="J5483" s="10">
        <v>20.708037579999999</v>
      </c>
    </row>
    <row r="5484" spans="1:10" x14ac:dyDescent="0.35">
      <c r="A5484" t="s">
        <v>35</v>
      </c>
      <c r="B5484" t="s">
        <v>36</v>
      </c>
      <c r="C5484" t="s">
        <v>117</v>
      </c>
      <c r="D5484" t="s">
        <v>118</v>
      </c>
      <c r="E5484">
        <v>2012</v>
      </c>
      <c r="F5484">
        <v>2012</v>
      </c>
      <c r="G5484" t="s">
        <v>125</v>
      </c>
      <c r="H5484" t="s">
        <v>123</v>
      </c>
      <c r="I5484" t="s">
        <v>15</v>
      </c>
      <c r="J5484" s="10">
        <v>15.238712339999999</v>
      </c>
    </row>
    <row r="5485" spans="1:10" x14ac:dyDescent="0.35">
      <c r="A5485" t="s">
        <v>35</v>
      </c>
      <c r="B5485" t="s">
        <v>36</v>
      </c>
      <c r="C5485" t="s">
        <v>117</v>
      </c>
      <c r="D5485" t="s">
        <v>118</v>
      </c>
      <c r="E5485">
        <v>2012</v>
      </c>
      <c r="F5485">
        <v>2012</v>
      </c>
      <c r="G5485" t="s">
        <v>125</v>
      </c>
      <c r="H5485" t="s">
        <v>124</v>
      </c>
      <c r="I5485" t="s">
        <v>15</v>
      </c>
      <c r="J5485" s="10">
        <v>1.5727623479999999</v>
      </c>
    </row>
    <row r="5486" spans="1:10" x14ac:dyDescent="0.35">
      <c r="A5486" t="s">
        <v>35</v>
      </c>
      <c r="B5486" t="s">
        <v>36</v>
      </c>
      <c r="C5486" t="s">
        <v>117</v>
      </c>
      <c r="D5486" t="s">
        <v>118</v>
      </c>
      <c r="E5486">
        <v>2012</v>
      </c>
      <c r="F5486">
        <v>2012</v>
      </c>
      <c r="G5486" t="s">
        <v>126</v>
      </c>
      <c r="H5486" t="s">
        <v>119</v>
      </c>
      <c r="I5486" t="s">
        <v>15</v>
      </c>
      <c r="J5486" s="10">
        <v>16.59481027</v>
      </c>
    </row>
    <row r="5487" spans="1:10" x14ac:dyDescent="0.35">
      <c r="A5487" t="s">
        <v>35</v>
      </c>
      <c r="B5487" t="s">
        <v>36</v>
      </c>
      <c r="C5487" t="s">
        <v>117</v>
      </c>
      <c r="D5487" t="s">
        <v>118</v>
      </c>
      <c r="E5487">
        <v>2012</v>
      </c>
      <c r="F5487">
        <v>2012</v>
      </c>
      <c r="G5487" t="s">
        <v>126</v>
      </c>
      <c r="H5487" t="s">
        <v>120</v>
      </c>
      <c r="I5487" t="s">
        <v>15</v>
      </c>
      <c r="J5487" s="10">
        <v>10.21342688</v>
      </c>
    </row>
    <row r="5488" spans="1:10" x14ac:dyDescent="0.35">
      <c r="A5488" t="s">
        <v>35</v>
      </c>
      <c r="B5488" t="s">
        <v>36</v>
      </c>
      <c r="C5488" t="s">
        <v>117</v>
      </c>
      <c r="D5488" t="s">
        <v>118</v>
      </c>
      <c r="E5488">
        <v>2012</v>
      </c>
      <c r="F5488">
        <v>2012</v>
      </c>
      <c r="G5488" t="s">
        <v>126</v>
      </c>
      <c r="H5488" t="s">
        <v>121</v>
      </c>
      <c r="I5488" t="s">
        <v>15</v>
      </c>
      <c r="J5488" s="10">
        <v>31.422221029999999</v>
      </c>
    </row>
    <row r="5489" spans="1:10" x14ac:dyDescent="0.35">
      <c r="A5489" t="s">
        <v>35</v>
      </c>
      <c r="B5489" t="s">
        <v>36</v>
      </c>
      <c r="C5489" t="s">
        <v>117</v>
      </c>
      <c r="D5489" t="s">
        <v>118</v>
      </c>
      <c r="E5489">
        <v>2012</v>
      </c>
      <c r="F5489">
        <v>2012</v>
      </c>
      <c r="G5489" t="s">
        <v>126</v>
      </c>
      <c r="H5489" t="s">
        <v>122</v>
      </c>
      <c r="I5489" t="s">
        <v>15</v>
      </c>
      <c r="J5489" s="10">
        <v>20.713386710000002</v>
      </c>
    </row>
    <row r="5490" spans="1:10" x14ac:dyDescent="0.35">
      <c r="A5490" t="s">
        <v>35</v>
      </c>
      <c r="B5490" t="s">
        <v>36</v>
      </c>
      <c r="C5490" t="s">
        <v>117</v>
      </c>
      <c r="D5490" t="s">
        <v>118</v>
      </c>
      <c r="E5490">
        <v>2012</v>
      </c>
      <c r="F5490">
        <v>2012</v>
      </c>
      <c r="G5490" t="s">
        <v>126</v>
      </c>
      <c r="H5490" t="s">
        <v>123</v>
      </c>
      <c r="I5490" t="s">
        <v>15</v>
      </c>
      <c r="J5490" s="10">
        <v>17.703451780000002</v>
      </c>
    </row>
    <row r="5491" spans="1:10" x14ac:dyDescent="0.35">
      <c r="A5491" t="s">
        <v>35</v>
      </c>
      <c r="B5491" t="s">
        <v>36</v>
      </c>
      <c r="C5491" t="s">
        <v>117</v>
      </c>
      <c r="D5491" t="s">
        <v>118</v>
      </c>
      <c r="E5491">
        <v>2012</v>
      </c>
      <c r="F5491">
        <v>2012</v>
      </c>
      <c r="G5491" t="s">
        <v>126</v>
      </c>
      <c r="H5491" t="s">
        <v>124</v>
      </c>
      <c r="I5491" t="s">
        <v>15</v>
      </c>
      <c r="J5491" s="10">
        <v>3.3527033180000001</v>
      </c>
    </row>
    <row r="5492" spans="1:10" x14ac:dyDescent="0.35">
      <c r="A5492" t="s">
        <v>35</v>
      </c>
      <c r="B5492" t="s">
        <v>36</v>
      </c>
      <c r="C5492" t="s">
        <v>117</v>
      </c>
      <c r="D5492" t="s">
        <v>118</v>
      </c>
      <c r="E5492">
        <v>2011</v>
      </c>
      <c r="F5492">
        <v>2011</v>
      </c>
      <c r="G5492" t="s">
        <v>14</v>
      </c>
      <c r="H5492" t="s">
        <v>119</v>
      </c>
      <c r="I5492" t="s">
        <v>15</v>
      </c>
      <c r="J5492" s="10">
        <v>18.366063319999999</v>
      </c>
    </row>
    <row r="5493" spans="1:10" x14ac:dyDescent="0.35">
      <c r="A5493" t="s">
        <v>35</v>
      </c>
      <c r="B5493" t="s">
        <v>36</v>
      </c>
      <c r="C5493" t="s">
        <v>117</v>
      </c>
      <c r="D5493" t="s">
        <v>118</v>
      </c>
      <c r="E5493">
        <v>2011</v>
      </c>
      <c r="F5493">
        <v>2011</v>
      </c>
      <c r="G5493" t="s">
        <v>14</v>
      </c>
      <c r="H5493" t="s">
        <v>120</v>
      </c>
      <c r="I5493" t="s">
        <v>15</v>
      </c>
      <c r="J5493" s="10">
        <v>10.89943392</v>
      </c>
    </row>
    <row r="5494" spans="1:10" x14ac:dyDescent="0.35">
      <c r="A5494" t="s">
        <v>35</v>
      </c>
      <c r="B5494" t="s">
        <v>36</v>
      </c>
      <c r="C5494" t="s">
        <v>117</v>
      </c>
      <c r="D5494" t="s">
        <v>118</v>
      </c>
      <c r="E5494">
        <v>2011</v>
      </c>
      <c r="F5494">
        <v>2011</v>
      </c>
      <c r="G5494" t="s">
        <v>14</v>
      </c>
      <c r="H5494" t="s">
        <v>121</v>
      </c>
      <c r="I5494" t="s">
        <v>15</v>
      </c>
      <c r="J5494" s="10">
        <v>31.570340349999999</v>
      </c>
    </row>
    <row r="5495" spans="1:10" x14ac:dyDescent="0.35">
      <c r="A5495" t="s">
        <v>35</v>
      </c>
      <c r="B5495" t="s">
        <v>36</v>
      </c>
      <c r="C5495" t="s">
        <v>117</v>
      </c>
      <c r="D5495" t="s">
        <v>118</v>
      </c>
      <c r="E5495">
        <v>2011</v>
      </c>
      <c r="F5495">
        <v>2011</v>
      </c>
      <c r="G5495" t="s">
        <v>14</v>
      </c>
      <c r="H5495" t="s">
        <v>122</v>
      </c>
      <c r="I5495" t="s">
        <v>15</v>
      </c>
      <c r="J5495" s="10">
        <v>20.500384369999999</v>
      </c>
    </row>
    <row r="5496" spans="1:10" x14ac:dyDescent="0.35">
      <c r="A5496" t="s">
        <v>35</v>
      </c>
      <c r="B5496" t="s">
        <v>36</v>
      </c>
      <c r="C5496" t="s">
        <v>117</v>
      </c>
      <c r="D5496" t="s">
        <v>118</v>
      </c>
      <c r="E5496">
        <v>2011</v>
      </c>
      <c r="F5496">
        <v>2011</v>
      </c>
      <c r="G5496" t="s">
        <v>14</v>
      </c>
      <c r="H5496" t="s">
        <v>123</v>
      </c>
      <c r="I5496" t="s">
        <v>15</v>
      </c>
      <c r="J5496" s="10">
        <v>16.20378783</v>
      </c>
    </row>
    <row r="5497" spans="1:10" x14ac:dyDescent="0.35">
      <c r="A5497" t="s">
        <v>35</v>
      </c>
      <c r="B5497" t="s">
        <v>36</v>
      </c>
      <c r="C5497" t="s">
        <v>117</v>
      </c>
      <c r="D5497" t="s">
        <v>118</v>
      </c>
      <c r="E5497">
        <v>2011</v>
      </c>
      <c r="F5497">
        <v>2011</v>
      </c>
      <c r="G5497" t="s">
        <v>14</v>
      </c>
      <c r="H5497" t="s">
        <v>124</v>
      </c>
      <c r="I5497" t="s">
        <v>15</v>
      </c>
      <c r="J5497" s="10">
        <v>2.459990216</v>
      </c>
    </row>
    <row r="5498" spans="1:10" x14ac:dyDescent="0.35">
      <c r="A5498" t="s">
        <v>35</v>
      </c>
      <c r="B5498" t="s">
        <v>36</v>
      </c>
      <c r="C5498" t="s">
        <v>117</v>
      </c>
      <c r="D5498" t="s">
        <v>118</v>
      </c>
      <c r="E5498">
        <v>2011</v>
      </c>
      <c r="F5498">
        <v>2011</v>
      </c>
      <c r="G5498" t="s">
        <v>125</v>
      </c>
      <c r="H5498" t="s">
        <v>119</v>
      </c>
      <c r="I5498" t="s">
        <v>15</v>
      </c>
      <c r="J5498" s="10">
        <v>20.140948470000001</v>
      </c>
    </row>
    <row r="5499" spans="1:10" x14ac:dyDescent="0.35">
      <c r="A5499" t="s">
        <v>35</v>
      </c>
      <c r="B5499" t="s">
        <v>36</v>
      </c>
      <c r="C5499" t="s">
        <v>117</v>
      </c>
      <c r="D5499" t="s">
        <v>118</v>
      </c>
      <c r="E5499">
        <v>2011</v>
      </c>
      <c r="F5499">
        <v>2011</v>
      </c>
      <c r="G5499" t="s">
        <v>125</v>
      </c>
      <c r="H5499" t="s">
        <v>120</v>
      </c>
      <c r="I5499" t="s">
        <v>15</v>
      </c>
      <c r="J5499" s="10">
        <v>11.7926883</v>
      </c>
    </row>
    <row r="5500" spans="1:10" x14ac:dyDescent="0.35">
      <c r="A5500" t="s">
        <v>35</v>
      </c>
      <c r="B5500" t="s">
        <v>36</v>
      </c>
      <c r="C5500" t="s">
        <v>117</v>
      </c>
      <c r="D5500" t="s">
        <v>118</v>
      </c>
      <c r="E5500">
        <v>2011</v>
      </c>
      <c r="F5500">
        <v>2011</v>
      </c>
      <c r="G5500" t="s">
        <v>125</v>
      </c>
      <c r="H5500" t="s">
        <v>121</v>
      </c>
      <c r="I5500" t="s">
        <v>15</v>
      </c>
      <c r="J5500" s="10">
        <v>31.131992369999999</v>
      </c>
    </row>
    <row r="5501" spans="1:10" x14ac:dyDescent="0.35">
      <c r="A5501" t="s">
        <v>35</v>
      </c>
      <c r="B5501" t="s">
        <v>36</v>
      </c>
      <c r="C5501" t="s">
        <v>117</v>
      </c>
      <c r="D5501" t="s">
        <v>118</v>
      </c>
      <c r="E5501">
        <v>2011</v>
      </c>
      <c r="F5501">
        <v>2011</v>
      </c>
      <c r="G5501" t="s">
        <v>125</v>
      </c>
      <c r="H5501" t="s">
        <v>122</v>
      </c>
      <c r="I5501" t="s">
        <v>15</v>
      </c>
      <c r="J5501" s="10">
        <v>20.525620320000002</v>
      </c>
    </row>
    <row r="5502" spans="1:10" x14ac:dyDescent="0.35">
      <c r="A5502" t="s">
        <v>35</v>
      </c>
      <c r="B5502" t="s">
        <v>36</v>
      </c>
      <c r="C5502" t="s">
        <v>117</v>
      </c>
      <c r="D5502" t="s">
        <v>118</v>
      </c>
      <c r="E5502">
        <v>2011</v>
      </c>
      <c r="F5502">
        <v>2011</v>
      </c>
      <c r="G5502" t="s">
        <v>125</v>
      </c>
      <c r="H5502" t="s">
        <v>123</v>
      </c>
      <c r="I5502" t="s">
        <v>15</v>
      </c>
      <c r="J5502" s="10">
        <v>14.84950815</v>
      </c>
    </row>
    <row r="5503" spans="1:10" x14ac:dyDescent="0.35">
      <c r="A5503" t="s">
        <v>35</v>
      </c>
      <c r="B5503" t="s">
        <v>36</v>
      </c>
      <c r="C5503" t="s">
        <v>117</v>
      </c>
      <c r="D5503" t="s">
        <v>118</v>
      </c>
      <c r="E5503">
        <v>2011</v>
      </c>
      <c r="F5503">
        <v>2011</v>
      </c>
      <c r="G5503" t="s">
        <v>125</v>
      </c>
      <c r="H5503" t="s">
        <v>124</v>
      </c>
      <c r="I5503" t="s">
        <v>15</v>
      </c>
      <c r="J5503" s="10">
        <v>1.559242402</v>
      </c>
    </row>
    <row r="5504" spans="1:10" x14ac:dyDescent="0.35">
      <c r="A5504" t="s">
        <v>35</v>
      </c>
      <c r="B5504" t="s">
        <v>36</v>
      </c>
      <c r="C5504" t="s">
        <v>117</v>
      </c>
      <c r="D5504" t="s">
        <v>118</v>
      </c>
      <c r="E5504">
        <v>2011</v>
      </c>
      <c r="F5504">
        <v>2011</v>
      </c>
      <c r="G5504" t="s">
        <v>126</v>
      </c>
      <c r="H5504" t="s">
        <v>119</v>
      </c>
      <c r="I5504" t="s">
        <v>15</v>
      </c>
      <c r="J5504" s="10">
        <v>16.75380101</v>
      </c>
    </row>
    <row r="5505" spans="1:10" x14ac:dyDescent="0.35">
      <c r="A5505" t="s">
        <v>35</v>
      </c>
      <c r="B5505" t="s">
        <v>36</v>
      </c>
      <c r="C5505" t="s">
        <v>117</v>
      </c>
      <c r="D5505" t="s">
        <v>118</v>
      </c>
      <c r="E5505">
        <v>2011</v>
      </c>
      <c r="F5505">
        <v>2011</v>
      </c>
      <c r="G5505" t="s">
        <v>126</v>
      </c>
      <c r="H5505" t="s">
        <v>120</v>
      </c>
      <c r="I5505" t="s">
        <v>15</v>
      </c>
      <c r="J5505" s="10">
        <v>10.08802347</v>
      </c>
    </row>
    <row r="5506" spans="1:10" x14ac:dyDescent="0.35">
      <c r="A5506" t="s">
        <v>35</v>
      </c>
      <c r="B5506" t="s">
        <v>36</v>
      </c>
      <c r="C5506" t="s">
        <v>117</v>
      </c>
      <c r="D5506" t="s">
        <v>118</v>
      </c>
      <c r="E5506">
        <v>2011</v>
      </c>
      <c r="F5506">
        <v>2011</v>
      </c>
      <c r="G5506" t="s">
        <v>126</v>
      </c>
      <c r="H5506" t="s">
        <v>121</v>
      </c>
      <c r="I5506" t="s">
        <v>15</v>
      </c>
      <c r="J5506" s="10">
        <v>31.968524940000002</v>
      </c>
    </row>
    <row r="5507" spans="1:10" x14ac:dyDescent="0.35">
      <c r="A5507" t="s">
        <v>35</v>
      </c>
      <c r="B5507" t="s">
        <v>36</v>
      </c>
      <c r="C5507" t="s">
        <v>117</v>
      </c>
      <c r="D5507" t="s">
        <v>118</v>
      </c>
      <c r="E5507">
        <v>2011</v>
      </c>
      <c r="F5507">
        <v>2011</v>
      </c>
      <c r="G5507" t="s">
        <v>126</v>
      </c>
      <c r="H5507" t="s">
        <v>122</v>
      </c>
      <c r="I5507" t="s">
        <v>15</v>
      </c>
      <c r="J5507" s="10">
        <v>20.477460659999998</v>
      </c>
    </row>
    <row r="5508" spans="1:10" x14ac:dyDescent="0.35">
      <c r="A5508" t="s">
        <v>35</v>
      </c>
      <c r="B5508" t="s">
        <v>36</v>
      </c>
      <c r="C5508" t="s">
        <v>117</v>
      </c>
      <c r="D5508" t="s">
        <v>118</v>
      </c>
      <c r="E5508">
        <v>2011</v>
      </c>
      <c r="F5508">
        <v>2011</v>
      </c>
      <c r="G5508" t="s">
        <v>126</v>
      </c>
      <c r="H5508" t="s">
        <v>123</v>
      </c>
      <c r="I5508" t="s">
        <v>15</v>
      </c>
      <c r="J5508" s="10">
        <v>17.433982400000001</v>
      </c>
    </row>
    <row r="5509" spans="1:10" x14ac:dyDescent="0.35">
      <c r="A5509" t="s">
        <v>35</v>
      </c>
      <c r="B5509" t="s">
        <v>36</v>
      </c>
      <c r="C5509" t="s">
        <v>117</v>
      </c>
      <c r="D5509" t="s">
        <v>118</v>
      </c>
      <c r="E5509">
        <v>2011</v>
      </c>
      <c r="F5509">
        <v>2011</v>
      </c>
      <c r="G5509" t="s">
        <v>126</v>
      </c>
      <c r="H5509" t="s">
        <v>124</v>
      </c>
      <c r="I5509" t="s">
        <v>15</v>
      </c>
      <c r="J5509" s="10">
        <v>3.2782075220000002</v>
      </c>
    </row>
    <row r="5510" spans="1:10" x14ac:dyDescent="0.35">
      <c r="A5510" t="s">
        <v>28</v>
      </c>
      <c r="B5510" t="s">
        <v>37</v>
      </c>
      <c r="C5510" t="s">
        <v>117</v>
      </c>
      <c r="D5510" t="s">
        <v>118</v>
      </c>
      <c r="E5510">
        <v>2020</v>
      </c>
      <c r="F5510">
        <v>2020</v>
      </c>
      <c r="G5510" t="s">
        <v>14</v>
      </c>
      <c r="H5510" t="s">
        <v>119</v>
      </c>
      <c r="I5510" t="s">
        <v>15</v>
      </c>
      <c r="J5510" s="10">
        <v>16.659153310000001</v>
      </c>
    </row>
    <row r="5511" spans="1:10" x14ac:dyDescent="0.35">
      <c r="A5511" t="s">
        <v>28</v>
      </c>
      <c r="B5511" t="s">
        <v>37</v>
      </c>
      <c r="C5511" t="s">
        <v>117</v>
      </c>
      <c r="D5511" t="s">
        <v>118</v>
      </c>
      <c r="E5511">
        <v>2020</v>
      </c>
      <c r="F5511">
        <v>2020</v>
      </c>
      <c r="G5511" t="s">
        <v>14</v>
      </c>
      <c r="H5511" t="s">
        <v>120</v>
      </c>
      <c r="I5511" t="s">
        <v>15</v>
      </c>
      <c r="J5511" s="10">
        <v>9.4299413960000003</v>
      </c>
    </row>
    <row r="5512" spans="1:10" x14ac:dyDescent="0.35">
      <c r="A5512" t="s">
        <v>28</v>
      </c>
      <c r="B5512" t="s">
        <v>37</v>
      </c>
      <c r="C5512" t="s">
        <v>117</v>
      </c>
      <c r="D5512" t="s">
        <v>118</v>
      </c>
      <c r="E5512">
        <v>2020</v>
      </c>
      <c r="F5512">
        <v>2020</v>
      </c>
      <c r="G5512" t="s">
        <v>14</v>
      </c>
      <c r="H5512" t="s">
        <v>121</v>
      </c>
      <c r="I5512" t="s">
        <v>15</v>
      </c>
      <c r="J5512" s="10">
        <v>28.015245279999998</v>
      </c>
    </row>
    <row r="5513" spans="1:10" x14ac:dyDescent="0.35">
      <c r="A5513" t="s">
        <v>28</v>
      </c>
      <c r="B5513" t="s">
        <v>37</v>
      </c>
      <c r="C5513" t="s">
        <v>117</v>
      </c>
      <c r="D5513" t="s">
        <v>118</v>
      </c>
      <c r="E5513">
        <v>2020</v>
      </c>
      <c r="F5513">
        <v>2020</v>
      </c>
      <c r="G5513" t="s">
        <v>14</v>
      </c>
      <c r="H5513" t="s">
        <v>122</v>
      </c>
      <c r="I5513" t="s">
        <v>15</v>
      </c>
      <c r="J5513" s="10">
        <v>23.966230889999999</v>
      </c>
    </row>
    <row r="5514" spans="1:10" x14ac:dyDescent="0.35">
      <c r="A5514" t="s">
        <v>28</v>
      </c>
      <c r="B5514" t="s">
        <v>37</v>
      </c>
      <c r="C5514" t="s">
        <v>117</v>
      </c>
      <c r="D5514" t="s">
        <v>118</v>
      </c>
      <c r="E5514">
        <v>2020</v>
      </c>
      <c r="F5514">
        <v>2020</v>
      </c>
      <c r="G5514" t="s">
        <v>14</v>
      </c>
      <c r="H5514" t="s">
        <v>123</v>
      </c>
      <c r="I5514" t="s">
        <v>15</v>
      </c>
      <c r="J5514" s="10">
        <v>19.555209489999999</v>
      </c>
    </row>
    <row r="5515" spans="1:10" x14ac:dyDescent="0.35">
      <c r="A5515" t="s">
        <v>28</v>
      </c>
      <c r="B5515" t="s">
        <v>37</v>
      </c>
      <c r="C5515" t="s">
        <v>117</v>
      </c>
      <c r="D5515" t="s">
        <v>118</v>
      </c>
      <c r="E5515">
        <v>2020</v>
      </c>
      <c r="F5515">
        <v>2020</v>
      </c>
      <c r="G5515" t="s">
        <v>14</v>
      </c>
      <c r="H5515" t="s">
        <v>124</v>
      </c>
      <c r="I5515" t="s">
        <v>15</v>
      </c>
      <c r="J5515" s="10">
        <v>2.3742196359999999</v>
      </c>
    </row>
    <row r="5516" spans="1:10" x14ac:dyDescent="0.35">
      <c r="A5516" t="s">
        <v>28</v>
      </c>
      <c r="B5516" t="s">
        <v>37</v>
      </c>
      <c r="C5516" t="s">
        <v>117</v>
      </c>
      <c r="D5516" t="s">
        <v>118</v>
      </c>
      <c r="E5516">
        <v>2020</v>
      </c>
      <c r="F5516">
        <v>2020</v>
      </c>
      <c r="G5516" t="s">
        <v>125</v>
      </c>
      <c r="H5516" t="s">
        <v>119</v>
      </c>
      <c r="I5516" t="s">
        <v>15</v>
      </c>
      <c r="J5516" s="10">
        <v>17.46311201</v>
      </c>
    </row>
    <row r="5517" spans="1:10" x14ac:dyDescent="0.35">
      <c r="A5517" t="s">
        <v>28</v>
      </c>
      <c r="B5517" t="s">
        <v>37</v>
      </c>
      <c r="C5517" t="s">
        <v>117</v>
      </c>
      <c r="D5517" t="s">
        <v>118</v>
      </c>
      <c r="E5517">
        <v>2020</v>
      </c>
      <c r="F5517">
        <v>2020</v>
      </c>
      <c r="G5517" t="s">
        <v>125</v>
      </c>
      <c r="H5517" t="s">
        <v>120</v>
      </c>
      <c r="I5517" t="s">
        <v>15</v>
      </c>
      <c r="J5517" s="10">
        <v>10.158171250000001</v>
      </c>
    </row>
    <row r="5518" spans="1:10" x14ac:dyDescent="0.35">
      <c r="A5518" t="s">
        <v>28</v>
      </c>
      <c r="B5518" t="s">
        <v>37</v>
      </c>
      <c r="C5518" t="s">
        <v>117</v>
      </c>
      <c r="D5518" t="s">
        <v>118</v>
      </c>
      <c r="E5518">
        <v>2020</v>
      </c>
      <c r="F5518">
        <v>2020</v>
      </c>
      <c r="G5518" t="s">
        <v>125</v>
      </c>
      <c r="H5518" t="s">
        <v>121</v>
      </c>
      <c r="I5518" t="s">
        <v>15</v>
      </c>
      <c r="J5518" s="10">
        <v>27.833668679999999</v>
      </c>
    </row>
    <row r="5519" spans="1:10" x14ac:dyDescent="0.35">
      <c r="A5519" t="s">
        <v>28</v>
      </c>
      <c r="B5519" t="s">
        <v>37</v>
      </c>
      <c r="C5519" t="s">
        <v>117</v>
      </c>
      <c r="D5519" t="s">
        <v>118</v>
      </c>
      <c r="E5519">
        <v>2020</v>
      </c>
      <c r="F5519">
        <v>2020</v>
      </c>
      <c r="G5519" t="s">
        <v>125</v>
      </c>
      <c r="H5519" t="s">
        <v>122</v>
      </c>
      <c r="I5519" t="s">
        <v>15</v>
      </c>
      <c r="J5519" s="10">
        <v>23.896154710000001</v>
      </c>
    </row>
    <row r="5520" spans="1:10" x14ac:dyDescent="0.35">
      <c r="A5520" t="s">
        <v>28</v>
      </c>
      <c r="B5520" t="s">
        <v>37</v>
      </c>
      <c r="C5520" t="s">
        <v>117</v>
      </c>
      <c r="D5520" t="s">
        <v>118</v>
      </c>
      <c r="E5520">
        <v>2020</v>
      </c>
      <c r="F5520">
        <v>2020</v>
      </c>
      <c r="G5520" t="s">
        <v>125</v>
      </c>
      <c r="H5520" t="s">
        <v>123</v>
      </c>
      <c r="I5520" t="s">
        <v>15</v>
      </c>
      <c r="J5520" s="10">
        <v>18.902302710000001</v>
      </c>
    </row>
    <row r="5521" spans="1:10" x14ac:dyDescent="0.35">
      <c r="A5521" t="s">
        <v>28</v>
      </c>
      <c r="B5521" t="s">
        <v>37</v>
      </c>
      <c r="C5521" t="s">
        <v>117</v>
      </c>
      <c r="D5521" t="s">
        <v>118</v>
      </c>
      <c r="E5521">
        <v>2020</v>
      </c>
      <c r="F5521">
        <v>2020</v>
      </c>
      <c r="G5521" t="s">
        <v>125</v>
      </c>
      <c r="H5521" t="s">
        <v>124</v>
      </c>
      <c r="I5521" t="s">
        <v>15</v>
      </c>
      <c r="J5521" s="10">
        <v>1.7465906550000001</v>
      </c>
    </row>
    <row r="5522" spans="1:10" x14ac:dyDescent="0.35">
      <c r="A5522" t="s">
        <v>28</v>
      </c>
      <c r="B5522" t="s">
        <v>37</v>
      </c>
      <c r="C5522" t="s">
        <v>117</v>
      </c>
      <c r="D5522" t="s">
        <v>118</v>
      </c>
      <c r="E5522">
        <v>2020</v>
      </c>
      <c r="F5522">
        <v>2020</v>
      </c>
      <c r="G5522" t="s">
        <v>126</v>
      </c>
      <c r="H5522" t="s">
        <v>119</v>
      </c>
      <c r="I5522" t="s">
        <v>15</v>
      </c>
      <c r="J5522" s="10">
        <v>15.8903231</v>
      </c>
    </row>
    <row r="5523" spans="1:10" x14ac:dyDescent="0.35">
      <c r="A5523" t="s">
        <v>28</v>
      </c>
      <c r="B5523" t="s">
        <v>37</v>
      </c>
      <c r="C5523" t="s">
        <v>117</v>
      </c>
      <c r="D5523" t="s">
        <v>118</v>
      </c>
      <c r="E5523">
        <v>2020</v>
      </c>
      <c r="F5523">
        <v>2020</v>
      </c>
      <c r="G5523" t="s">
        <v>126</v>
      </c>
      <c r="H5523" t="s">
        <v>120</v>
      </c>
      <c r="I5523" t="s">
        <v>15</v>
      </c>
      <c r="J5523" s="10">
        <v>8.7335310939999999</v>
      </c>
    </row>
    <row r="5524" spans="1:10" x14ac:dyDescent="0.35">
      <c r="A5524" t="s">
        <v>28</v>
      </c>
      <c r="B5524" t="s">
        <v>37</v>
      </c>
      <c r="C5524" t="s">
        <v>117</v>
      </c>
      <c r="D5524" t="s">
        <v>118</v>
      </c>
      <c r="E5524">
        <v>2020</v>
      </c>
      <c r="F5524">
        <v>2020</v>
      </c>
      <c r="G5524" t="s">
        <v>126</v>
      </c>
      <c r="H5524" t="s">
        <v>121</v>
      </c>
      <c r="I5524" t="s">
        <v>15</v>
      </c>
      <c r="J5524" s="10">
        <v>28.188887999999999</v>
      </c>
    </row>
    <row r="5525" spans="1:10" x14ac:dyDescent="0.35">
      <c r="A5525" t="s">
        <v>28</v>
      </c>
      <c r="B5525" t="s">
        <v>37</v>
      </c>
      <c r="C5525" t="s">
        <v>117</v>
      </c>
      <c r="D5525" t="s">
        <v>118</v>
      </c>
      <c r="E5525">
        <v>2020</v>
      </c>
      <c r="F5525">
        <v>2020</v>
      </c>
      <c r="G5525" t="s">
        <v>126</v>
      </c>
      <c r="H5525" t="s">
        <v>122</v>
      </c>
      <c r="I5525" t="s">
        <v>15</v>
      </c>
      <c r="J5525" s="10">
        <v>24.033245139999998</v>
      </c>
    </row>
    <row r="5526" spans="1:10" x14ac:dyDescent="0.35">
      <c r="A5526" t="s">
        <v>28</v>
      </c>
      <c r="B5526" t="s">
        <v>37</v>
      </c>
      <c r="C5526" t="s">
        <v>117</v>
      </c>
      <c r="D5526" t="s">
        <v>118</v>
      </c>
      <c r="E5526">
        <v>2020</v>
      </c>
      <c r="F5526">
        <v>2020</v>
      </c>
      <c r="G5526" t="s">
        <v>126</v>
      </c>
      <c r="H5526" t="s">
        <v>123</v>
      </c>
      <c r="I5526" t="s">
        <v>15</v>
      </c>
      <c r="J5526" s="10">
        <v>20.179587909999999</v>
      </c>
    </row>
    <row r="5527" spans="1:10" x14ac:dyDescent="0.35">
      <c r="A5527" t="s">
        <v>28</v>
      </c>
      <c r="B5527" t="s">
        <v>37</v>
      </c>
      <c r="C5527" t="s">
        <v>117</v>
      </c>
      <c r="D5527" t="s">
        <v>118</v>
      </c>
      <c r="E5527">
        <v>2020</v>
      </c>
      <c r="F5527">
        <v>2020</v>
      </c>
      <c r="G5527" t="s">
        <v>126</v>
      </c>
      <c r="H5527" t="s">
        <v>124</v>
      </c>
      <c r="I5527" t="s">
        <v>15</v>
      </c>
      <c r="J5527" s="10">
        <v>2.974424757</v>
      </c>
    </row>
    <row r="5528" spans="1:10" x14ac:dyDescent="0.35">
      <c r="A5528" t="s">
        <v>28</v>
      </c>
      <c r="B5528" t="s">
        <v>37</v>
      </c>
      <c r="C5528" t="s">
        <v>117</v>
      </c>
      <c r="D5528" t="s">
        <v>118</v>
      </c>
      <c r="E5528">
        <v>2019</v>
      </c>
      <c r="F5528">
        <v>2019</v>
      </c>
      <c r="G5528" t="s">
        <v>14</v>
      </c>
      <c r="H5528" t="s">
        <v>119</v>
      </c>
      <c r="I5528" t="s">
        <v>15</v>
      </c>
      <c r="J5528" s="10">
        <v>16.687691969999999</v>
      </c>
    </row>
    <row r="5529" spans="1:10" x14ac:dyDescent="0.35">
      <c r="A5529" t="s">
        <v>28</v>
      </c>
      <c r="B5529" t="s">
        <v>37</v>
      </c>
      <c r="C5529" t="s">
        <v>117</v>
      </c>
      <c r="D5529" t="s">
        <v>118</v>
      </c>
      <c r="E5529">
        <v>2019</v>
      </c>
      <c r="F5529">
        <v>2019</v>
      </c>
      <c r="G5529" t="s">
        <v>14</v>
      </c>
      <c r="H5529" t="s">
        <v>120</v>
      </c>
      <c r="I5529" t="s">
        <v>15</v>
      </c>
      <c r="J5529" s="10">
        <v>9.4613865730000004</v>
      </c>
    </row>
    <row r="5530" spans="1:10" x14ac:dyDescent="0.35">
      <c r="A5530" t="s">
        <v>28</v>
      </c>
      <c r="B5530" t="s">
        <v>37</v>
      </c>
      <c r="C5530" t="s">
        <v>117</v>
      </c>
      <c r="D5530" t="s">
        <v>118</v>
      </c>
      <c r="E5530">
        <v>2019</v>
      </c>
      <c r="F5530">
        <v>2019</v>
      </c>
      <c r="G5530" t="s">
        <v>14</v>
      </c>
      <c r="H5530" t="s">
        <v>121</v>
      </c>
      <c r="I5530" t="s">
        <v>15</v>
      </c>
      <c r="J5530" s="10">
        <v>28.314227729999999</v>
      </c>
    </row>
    <row r="5531" spans="1:10" x14ac:dyDescent="0.35">
      <c r="A5531" t="s">
        <v>28</v>
      </c>
      <c r="B5531" t="s">
        <v>37</v>
      </c>
      <c r="C5531" t="s">
        <v>117</v>
      </c>
      <c r="D5531" t="s">
        <v>118</v>
      </c>
      <c r="E5531">
        <v>2019</v>
      </c>
      <c r="F5531">
        <v>2019</v>
      </c>
      <c r="G5531" t="s">
        <v>14</v>
      </c>
      <c r="H5531" t="s">
        <v>122</v>
      </c>
      <c r="I5531" t="s">
        <v>15</v>
      </c>
      <c r="J5531" s="10">
        <v>23.842694160000001</v>
      </c>
    </row>
    <row r="5532" spans="1:10" x14ac:dyDescent="0.35">
      <c r="A5532" t="s">
        <v>28</v>
      </c>
      <c r="B5532" t="s">
        <v>37</v>
      </c>
      <c r="C5532" t="s">
        <v>117</v>
      </c>
      <c r="D5532" t="s">
        <v>118</v>
      </c>
      <c r="E5532">
        <v>2019</v>
      </c>
      <c r="F5532">
        <v>2019</v>
      </c>
      <c r="G5532" t="s">
        <v>14</v>
      </c>
      <c r="H5532" t="s">
        <v>123</v>
      </c>
      <c r="I5532" t="s">
        <v>15</v>
      </c>
      <c r="J5532" s="10">
        <v>19.249122419999999</v>
      </c>
    </row>
    <row r="5533" spans="1:10" x14ac:dyDescent="0.35">
      <c r="A5533" t="s">
        <v>28</v>
      </c>
      <c r="B5533" t="s">
        <v>37</v>
      </c>
      <c r="C5533" t="s">
        <v>117</v>
      </c>
      <c r="D5533" t="s">
        <v>118</v>
      </c>
      <c r="E5533">
        <v>2019</v>
      </c>
      <c r="F5533">
        <v>2019</v>
      </c>
      <c r="G5533" t="s">
        <v>14</v>
      </c>
      <c r="H5533" t="s">
        <v>124</v>
      </c>
      <c r="I5533" t="s">
        <v>15</v>
      </c>
      <c r="J5533" s="10">
        <v>2.4448771389999999</v>
      </c>
    </row>
    <row r="5534" spans="1:10" x14ac:dyDescent="0.35">
      <c r="A5534" t="s">
        <v>28</v>
      </c>
      <c r="B5534" t="s">
        <v>37</v>
      </c>
      <c r="C5534" t="s">
        <v>117</v>
      </c>
      <c r="D5534" t="s">
        <v>118</v>
      </c>
      <c r="E5534">
        <v>2019</v>
      </c>
      <c r="F5534">
        <v>2019</v>
      </c>
      <c r="G5534" t="s">
        <v>125</v>
      </c>
      <c r="H5534" t="s">
        <v>119</v>
      </c>
      <c r="I5534" t="s">
        <v>15</v>
      </c>
      <c r="J5534" s="10">
        <v>17.487719299999998</v>
      </c>
    </row>
    <row r="5535" spans="1:10" x14ac:dyDescent="0.35">
      <c r="A5535" t="s">
        <v>28</v>
      </c>
      <c r="B5535" t="s">
        <v>37</v>
      </c>
      <c r="C5535" t="s">
        <v>117</v>
      </c>
      <c r="D5535" t="s">
        <v>118</v>
      </c>
      <c r="E5535">
        <v>2019</v>
      </c>
      <c r="F5535">
        <v>2019</v>
      </c>
      <c r="G5535" t="s">
        <v>125</v>
      </c>
      <c r="H5535" t="s">
        <v>120</v>
      </c>
      <c r="I5535" t="s">
        <v>15</v>
      </c>
      <c r="J5535" s="10">
        <v>10.13052632</v>
      </c>
    </row>
    <row r="5536" spans="1:10" x14ac:dyDescent="0.35">
      <c r="A5536" t="s">
        <v>28</v>
      </c>
      <c r="B5536" t="s">
        <v>37</v>
      </c>
      <c r="C5536" t="s">
        <v>117</v>
      </c>
      <c r="D5536" t="s">
        <v>118</v>
      </c>
      <c r="E5536">
        <v>2019</v>
      </c>
      <c r="F5536">
        <v>2019</v>
      </c>
      <c r="G5536" t="s">
        <v>125</v>
      </c>
      <c r="H5536" t="s">
        <v>121</v>
      </c>
      <c r="I5536" t="s">
        <v>15</v>
      </c>
      <c r="J5536" s="10">
        <v>28.050526319999999</v>
      </c>
    </row>
    <row r="5537" spans="1:10" x14ac:dyDescent="0.35">
      <c r="A5537" t="s">
        <v>28</v>
      </c>
      <c r="B5537" t="s">
        <v>37</v>
      </c>
      <c r="C5537" t="s">
        <v>117</v>
      </c>
      <c r="D5537" t="s">
        <v>118</v>
      </c>
      <c r="E5537">
        <v>2019</v>
      </c>
      <c r="F5537">
        <v>2019</v>
      </c>
      <c r="G5537" t="s">
        <v>125</v>
      </c>
      <c r="H5537" t="s">
        <v>122</v>
      </c>
      <c r="I5537" t="s">
        <v>15</v>
      </c>
      <c r="J5537" s="10">
        <v>23.92982456</v>
      </c>
    </row>
    <row r="5538" spans="1:10" x14ac:dyDescent="0.35">
      <c r="A5538" t="s">
        <v>28</v>
      </c>
      <c r="B5538" t="s">
        <v>37</v>
      </c>
      <c r="C5538" t="s">
        <v>117</v>
      </c>
      <c r="D5538" t="s">
        <v>118</v>
      </c>
      <c r="E5538">
        <v>2019</v>
      </c>
      <c r="F5538">
        <v>2019</v>
      </c>
      <c r="G5538" t="s">
        <v>125</v>
      </c>
      <c r="H5538" t="s">
        <v>123</v>
      </c>
      <c r="I5538" t="s">
        <v>15</v>
      </c>
      <c r="J5538" s="10">
        <v>18.574035089999999</v>
      </c>
    </row>
    <row r="5539" spans="1:10" x14ac:dyDescent="0.35">
      <c r="A5539" t="s">
        <v>28</v>
      </c>
      <c r="B5539" t="s">
        <v>37</v>
      </c>
      <c r="C5539" t="s">
        <v>117</v>
      </c>
      <c r="D5539" t="s">
        <v>118</v>
      </c>
      <c r="E5539">
        <v>2019</v>
      </c>
      <c r="F5539">
        <v>2019</v>
      </c>
      <c r="G5539" t="s">
        <v>125</v>
      </c>
      <c r="H5539" t="s">
        <v>124</v>
      </c>
      <c r="I5539" t="s">
        <v>15</v>
      </c>
      <c r="J5539" s="10">
        <v>1.8273684210000001</v>
      </c>
    </row>
    <row r="5540" spans="1:10" x14ac:dyDescent="0.35">
      <c r="A5540" t="s">
        <v>28</v>
      </c>
      <c r="B5540" t="s">
        <v>37</v>
      </c>
      <c r="C5540" t="s">
        <v>117</v>
      </c>
      <c r="D5540" t="s">
        <v>118</v>
      </c>
      <c r="E5540">
        <v>2019</v>
      </c>
      <c r="F5540">
        <v>2019</v>
      </c>
      <c r="G5540" t="s">
        <v>126</v>
      </c>
      <c r="H5540" t="s">
        <v>119</v>
      </c>
      <c r="I5540" t="s">
        <v>15</v>
      </c>
      <c r="J5540" s="10">
        <v>15.92365225</v>
      </c>
    </row>
    <row r="5541" spans="1:10" x14ac:dyDescent="0.35">
      <c r="A5541" t="s">
        <v>28</v>
      </c>
      <c r="B5541" t="s">
        <v>37</v>
      </c>
      <c r="C5541" t="s">
        <v>117</v>
      </c>
      <c r="D5541" t="s">
        <v>118</v>
      </c>
      <c r="E5541">
        <v>2019</v>
      </c>
      <c r="F5541">
        <v>2019</v>
      </c>
      <c r="G5541" t="s">
        <v>126</v>
      </c>
      <c r="H5541" t="s">
        <v>120</v>
      </c>
      <c r="I5541" t="s">
        <v>15</v>
      </c>
      <c r="J5541" s="10">
        <v>8.8223467279999994</v>
      </c>
    </row>
    <row r="5542" spans="1:10" x14ac:dyDescent="0.35">
      <c r="A5542" t="s">
        <v>28</v>
      </c>
      <c r="B5542" t="s">
        <v>37</v>
      </c>
      <c r="C5542" t="s">
        <v>117</v>
      </c>
      <c r="D5542" t="s">
        <v>118</v>
      </c>
      <c r="E5542">
        <v>2019</v>
      </c>
      <c r="F5542">
        <v>2019</v>
      </c>
      <c r="G5542" t="s">
        <v>126</v>
      </c>
      <c r="H5542" t="s">
        <v>121</v>
      </c>
      <c r="I5542" t="s">
        <v>15</v>
      </c>
      <c r="J5542" s="10">
        <v>28.566067069999999</v>
      </c>
    </row>
    <row r="5543" spans="1:10" x14ac:dyDescent="0.35">
      <c r="A5543" t="s">
        <v>28</v>
      </c>
      <c r="B5543" t="s">
        <v>37</v>
      </c>
      <c r="C5543" t="s">
        <v>117</v>
      </c>
      <c r="D5543" t="s">
        <v>118</v>
      </c>
      <c r="E5543">
        <v>2019</v>
      </c>
      <c r="F5543">
        <v>2019</v>
      </c>
      <c r="G5543" t="s">
        <v>126</v>
      </c>
      <c r="H5543" t="s">
        <v>122</v>
      </c>
      <c r="I5543" t="s">
        <v>15</v>
      </c>
      <c r="J5543" s="10">
        <v>23.759483150000001</v>
      </c>
    </row>
    <row r="5544" spans="1:10" x14ac:dyDescent="0.35">
      <c r="A5544" t="s">
        <v>28</v>
      </c>
      <c r="B5544" t="s">
        <v>37</v>
      </c>
      <c r="C5544" t="s">
        <v>117</v>
      </c>
      <c r="D5544" t="s">
        <v>118</v>
      </c>
      <c r="E5544">
        <v>2019</v>
      </c>
      <c r="F5544">
        <v>2019</v>
      </c>
      <c r="G5544" t="s">
        <v>126</v>
      </c>
      <c r="H5544" t="s">
        <v>123</v>
      </c>
      <c r="I5544" t="s">
        <v>15</v>
      </c>
      <c r="J5544" s="10">
        <v>19.893842320000001</v>
      </c>
    </row>
    <row r="5545" spans="1:10" x14ac:dyDescent="0.35">
      <c r="A5545" t="s">
        <v>28</v>
      </c>
      <c r="B5545" t="s">
        <v>37</v>
      </c>
      <c r="C5545" t="s">
        <v>117</v>
      </c>
      <c r="D5545" t="s">
        <v>118</v>
      </c>
      <c r="E5545">
        <v>2019</v>
      </c>
      <c r="F5545">
        <v>2019</v>
      </c>
      <c r="G5545" t="s">
        <v>126</v>
      </c>
      <c r="H5545" t="s">
        <v>124</v>
      </c>
      <c r="I5545" t="s">
        <v>15</v>
      </c>
      <c r="J5545" s="10">
        <v>3.0346084769999999</v>
      </c>
    </row>
    <row r="5546" spans="1:10" x14ac:dyDescent="0.35">
      <c r="A5546" t="s">
        <v>28</v>
      </c>
      <c r="B5546" t="s">
        <v>37</v>
      </c>
      <c r="C5546" t="s">
        <v>117</v>
      </c>
      <c r="D5546" t="s">
        <v>118</v>
      </c>
      <c r="E5546">
        <v>2018</v>
      </c>
      <c r="F5546">
        <v>2018</v>
      </c>
      <c r="G5546" t="s">
        <v>14</v>
      </c>
      <c r="H5546" t="s">
        <v>119</v>
      </c>
      <c r="I5546" t="s">
        <v>15</v>
      </c>
      <c r="J5546" s="10">
        <v>16.685504770000001</v>
      </c>
    </row>
    <row r="5547" spans="1:10" x14ac:dyDescent="0.35">
      <c r="A5547" t="s">
        <v>28</v>
      </c>
      <c r="B5547" t="s">
        <v>37</v>
      </c>
      <c r="C5547" t="s">
        <v>117</v>
      </c>
      <c r="D5547" t="s">
        <v>118</v>
      </c>
      <c r="E5547">
        <v>2018</v>
      </c>
      <c r="F5547">
        <v>2018</v>
      </c>
      <c r="G5547" t="s">
        <v>14</v>
      </c>
      <c r="H5547" t="s">
        <v>120</v>
      </c>
      <c r="I5547" t="s">
        <v>15</v>
      </c>
      <c r="J5547" s="10">
        <v>9.6598114349999999</v>
      </c>
    </row>
    <row r="5548" spans="1:10" x14ac:dyDescent="0.35">
      <c r="A5548" t="s">
        <v>28</v>
      </c>
      <c r="B5548" t="s">
        <v>37</v>
      </c>
      <c r="C5548" t="s">
        <v>117</v>
      </c>
      <c r="D5548" t="s">
        <v>118</v>
      </c>
      <c r="E5548">
        <v>2018</v>
      </c>
      <c r="F5548">
        <v>2018</v>
      </c>
      <c r="G5548" t="s">
        <v>14</v>
      </c>
      <c r="H5548" t="s">
        <v>121</v>
      </c>
      <c r="I5548" t="s">
        <v>15</v>
      </c>
      <c r="J5548" s="10">
        <v>28.798864200000001</v>
      </c>
    </row>
    <row r="5549" spans="1:10" x14ac:dyDescent="0.35">
      <c r="A5549" t="s">
        <v>28</v>
      </c>
      <c r="B5549" t="s">
        <v>37</v>
      </c>
      <c r="C5549" t="s">
        <v>117</v>
      </c>
      <c r="D5549" t="s">
        <v>118</v>
      </c>
      <c r="E5549">
        <v>2018</v>
      </c>
      <c r="F5549">
        <v>2018</v>
      </c>
      <c r="G5549" t="s">
        <v>14</v>
      </c>
      <c r="H5549" t="s">
        <v>122</v>
      </c>
      <c r="I5549" t="s">
        <v>15</v>
      </c>
      <c r="J5549" s="10">
        <v>23.60506148</v>
      </c>
    </row>
    <row r="5550" spans="1:10" x14ac:dyDescent="0.35">
      <c r="A5550" t="s">
        <v>28</v>
      </c>
      <c r="B5550" t="s">
        <v>37</v>
      </c>
      <c r="C5550" t="s">
        <v>117</v>
      </c>
      <c r="D5550" t="s">
        <v>118</v>
      </c>
      <c r="E5550">
        <v>2018</v>
      </c>
      <c r="F5550">
        <v>2018</v>
      </c>
      <c r="G5550" t="s">
        <v>14</v>
      </c>
      <c r="H5550" t="s">
        <v>123</v>
      </c>
      <c r="I5550" t="s">
        <v>15</v>
      </c>
      <c r="J5550" s="10">
        <v>18.84821084</v>
      </c>
    </row>
    <row r="5551" spans="1:10" x14ac:dyDescent="0.35">
      <c r="A5551" t="s">
        <v>28</v>
      </c>
      <c r="B5551" t="s">
        <v>37</v>
      </c>
      <c r="C5551" t="s">
        <v>117</v>
      </c>
      <c r="D5551" t="s">
        <v>118</v>
      </c>
      <c r="E5551">
        <v>2018</v>
      </c>
      <c r="F5551">
        <v>2018</v>
      </c>
      <c r="G5551" t="s">
        <v>14</v>
      </c>
      <c r="H5551" t="s">
        <v>124</v>
      </c>
      <c r="I5551" t="s">
        <v>15</v>
      </c>
      <c r="J5551" s="10">
        <v>2.4025472790000002</v>
      </c>
    </row>
    <row r="5552" spans="1:10" x14ac:dyDescent="0.35">
      <c r="A5552" t="s">
        <v>28</v>
      </c>
      <c r="B5552" t="s">
        <v>37</v>
      </c>
      <c r="C5552" t="s">
        <v>117</v>
      </c>
      <c r="D5552" t="s">
        <v>118</v>
      </c>
      <c r="E5552">
        <v>2018</v>
      </c>
      <c r="F5552">
        <v>2018</v>
      </c>
      <c r="G5552" t="s">
        <v>125</v>
      </c>
      <c r="H5552" t="s">
        <v>119</v>
      </c>
      <c r="I5552" t="s">
        <v>15</v>
      </c>
      <c r="J5552" s="10">
        <v>17.46770463</v>
      </c>
    </row>
    <row r="5553" spans="1:10" x14ac:dyDescent="0.35">
      <c r="A5553" t="s">
        <v>28</v>
      </c>
      <c r="B5553" t="s">
        <v>37</v>
      </c>
      <c r="C5553" t="s">
        <v>117</v>
      </c>
      <c r="D5553" t="s">
        <v>118</v>
      </c>
      <c r="E5553">
        <v>2018</v>
      </c>
      <c r="F5553">
        <v>2018</v>
      </c>
      <c r="G5553" t="s">
        <v>125</v>
      </c>
      <c r="H5553" t="s">
        <v>120</v>
      </c>
      <c r="I5553" t="s">
        <v>15</v>
      </c>
      <c r="J5553" s="10">
        <v>10.416314099999999</v>
      </c>
    </row>
    <row r="5554" spans="1:10" x14ac:dyDescent="0.35">
      <c r="A5554" t="s">
        <v>28</v>
      </c>
      <c r="B5554" t="s">
        <v>37</v>
      </c>
      <c r="C5554" t="s">
        <v>117</v>
      </c>
      <c r="D5554" t="s">
        <v>118</v>
      </c>
      <c r="E5554">
        <v>2018</v>
      </c>
      <c r="F5554">
        <v>2018</v>
      </c>
      <c r="G5554" t="s">
        <v>125</v>
      </c>
      <c r="H5554" t="s">
        <v>121</v>
      </c>
      <c r="I5554" t="s">
        <v>15</v>
      </c>
      <c r="J5554" s="10">
        <v>28.60044001</v>
      </c>
    </row>
    <row r="5555" spans="1:10" x14ac:dyDescent="0.35">
      <c r="A5555" t="s">
        <v>28</v>
      </c>
      <c r="B5555" t="s">
        <v>37</v>
      </c>
      <c r="C5555" t="s">
        <v>117</v>
      </c>
      <c r="D5555" t="s">
        <v>118</v>
      </c>
      <c r="E5555">
        <v>2018</v>
      </c>
      <c r="F5555">
        <v>2018</v>
      </c>
      <c r="G5555" t="s">
        <v>125</v>
      </c>
      <c r="H5555" t="s">
        <v>122</v>
      </c>
      <c r="I5555" t="s">
        <v>15</v>
      </c>
      <c r="J5555" s="10">
        <v>23.624978850000002</v>
      </c>
    </row>
    <row r="5556" spans="1:10" x14ac:dyDescent="0.35">
      <c r="A5556" t="s">
        <v>28</v>
      </c>
      <c r="B5556" t="s">
        <v>37</v>
      </c>
      <c r="C5556" t="s">
        <v>117</v>
      </c>
      <c r="D5556" t="s">
        <v>118</v>
      </c>
      <c r="E5556">
        <v>2018</v>
      </c>
      <c r="F5556">
        <v>2018</v>
      </c>
      <c r="G5556" t="s">
        <v>125</v>
      </c>
      <c r="H5556" t="s">
        <v>123</v>
      </c>
      <c r="I5556" t="s">
        <v>15</v>
      </c>
      <c r="J5556" s="10">
        <v>18.164382020000001</v>
      </c>
    </row>
    <row r="5557" spans="1:10" x14ac:dyDescent="0.35">
      <c r="A5557" t="s">
        <v>28</v>
      </c>
      <c r="B5557" t="s">
        <v>37</v>
      </c>
      <c r="C5557" t="s">
        <v>117</v>
      </c>
      <c r="D5557" t="s">
        <v>118</v>
      </c>
      <c r="E5557">
        <v>2018</v>
      </c>
      <c r="F5557">
        <v>2018</v>
      </c>
      <c r="G5557" t="s">
        <v>125</v>
      </c>
      <c r="H5557" t="s">
        <v>124</v>
      </c>
      <c r="I5557" t="s">
        <v>15</v>
      </c>
      <c r="J5557" s="10">
        <v>1.7261804030000001</v>
      </c>
    </row>
    <row r="5558" spans="1:10" x14ac:dyDescent="0.35">
      <c r="A5558" t="s">
        <v>28</v>
      </c>
      <c r="B5558" t="s">
        <v>37</v>
      </c>
      <c r="C5558" t="s">
        <v>117</v>
      </c>
      <c r="D5558" t="s">
        <v>118</v>
      </c>
      <c r="E5558">
        <v>2018</v>
      </c>
      <c r="F5558">
        <v>2018</v>
      </c>
      <c r="G5558" t="s">
        <v>126</v>
      </c>
      <c r="H5558" t="s">
        <v>119</v>
      </c>
      <c r="I5558" t="s">
        <v>15</v>
      </c>
      <c r="J5558" s="10">
        <v>15.937887529999999</v>
      </c>
    </row>
    <row r="5559" spans="1:10" x14ac:dyDescent="0.35">
      <c r="A5559" t="s">
        <v>28</v>
      </c>
      <c r="B5559" t="s">
        <v>37</v>
      </c>
      <c r="C5559" t="s">
        <v>117</v>
      </c>
      <c r="D5559" t="s">
        <v>118</v>
      </c>
      <c r="E5559">
        <v>2018</v>
      </c>
      <c r="F5559">
        <v>2018</v>
      </c>
      <c r="G5559" t="s">
        <v>126</v>
      </c>
      <c r="H5559" t="s">
        <v>120</v>
      </c>
      <c r="I5559" t="s">
        <v>15</v>
      </c>
      <c r="J5559" s="10">
        <v>8.9367552700000008</v>
      </c>
    </row>
    <row r="5560" spans="1:10" x14ac:dyDescent="0.35">
      <c r="A5560" t="s">
        <v>28</v>
      </c>
      <c r="B5560" t="s">
        <v>37</v>
      </c>
      <c r="C5560" t="s">
        <v>117</v>
      </c>
      <c r="D5560" t="s">
        <v>118</v>
      </c>
      <c r="E5560">
        <v>2018</v>
      </c>
      <c r="F5560">
        <v>2018</v>
      </c>
      <c r="G5560" t="s">
        <v>126</v>
      </c>
      <c r="H5560" t="s">
        <v>121</v>
      </c>
      <c r="I5560" t="s">
        <v>15</v>
      </c>
      <c r="J5560" s="10">
        <v>28.988515660000001</v>
      </c>
    </row>
    <row r="5561" spans="1:10" x14ac:dyDescent="0.35">
      <c r="A5561" t="s">
        <v>28</v>
      </c>
      <c r="B5561" t="s">
        <v>37</v>
      </c>
      <c r="C5561" t="s">
        <v>117</v>
      </c>
      <c r="D5561" t="s">
        <v>118</v>
      </c>
      <c r="E5561">
        <v>2018</v>
      </c>
      <c r="F5561">
        <v>2018</v>
      </c>
      <c r="G5561" t="s">
        <v>126</v>
      </c>
      <c r="H5561" t="s">
        <v>122</v>
      </c>
      <c r="I5561" t="s">
        <v>15</v>
      </c>
      <c r="J5561" s="10">
        <v>23.586024689999999</v>
      </c>
    </row>
    <row r="5562" spans="1:10" x14ac:dyDescent="0.35">
      <c r="A5562" t="s">
        <v>28</v>
      </c>
      <c r="B5562" t="s">
        <v>37</v>
      </c>
      <c r="C5562" t="s">
        <v>117</v>
      </c>
      <c r="D5562" t="s">
        <v>118</v>
      </c>
      <c r="E5562">
        <v>2018</v>
      </c>
      <c r="F5562">
        <v>2018</v>
      </c>
      <c r="G5562" t="s">
        <v>126</v>
      </c>
      <c r="H5562" t="s">
        <v>123</v>
      </c>
      <c r="I5562" t="s">
        <v>15</v>
      </c>
      <c r="J5562" s="10">
        <v>19.501806219999999</v>
      </c>
    </row>
    <row r="5563" spans="1:10" x14ac:dyDescent="0.35">
      <c r="A5563" t="s">
        <v>28</v>
      </c>
      <c r="B5563" t="s">
        <v>37</v>
      </c>
      <c r="C5563" t="s">
        <v>117</v>
      </c>
      <c r="D5563" t="s">
        <v>118</v>
      </c>
      <c r="E5563">
        <v>2018</v>
      </c>
      <c r="F5563">
        <v>2018</v>
      </c>
      <c r="G5563" t="s">
        <v>126</v>
      </c>
      <c r="H5563" t="s">
        <v>124</v>
      </c>
      <c r="I5563" t="s">
        <v>15</v>
      </c>
      <c r="J5563" s="10">
        <v>3.0490106219999999</v>
      </c>
    </row>
    <row r="5564" spans="1:10" x14ac:dyDescent="0.35">
      <c r="A5564" t="s">
        <v>28</v>
      </c>
      <c r="B5564" t="s">
        <v>37</v>
      </c>
      <c r="C5564" t="s">
        <v>117</v>
      </c>
      <c r="D5564" t="s">
        <v>118</v>
      </c>
      <c r="E5564">
        <v>2017</v>
      </c>
      <c r="F5564">
        <v>2017</v>
      </c>
      <c r="G5564" t="s">
        <v>14</v>
      </c>
      <c r="H5564" t="s">
        <v>119</v>
      </c>
      <c r="I5564" t="s">
        <v>15</v>
      </c>
      <c r="J5564" s="10">
        <v>16.742989170000001</v>
      </c>
    </row>
    <row r="5565" spans="1:10" x14ac:dyDescent="0.35">
      <c r="A5565" t="s">
        <v>28</v>
      </c>
      <c r="B5565" t="s">
        <v>37</v>
      </c>
      <c r="C5565" t="s">
        <v>117</v>
      </c>
      <c r="D5565" t="s">
        <v>118</v>
      </c>
      <c r="E5565">
        <v>2017</v>
      </c>
      <c r="F5565">
        <v>2017</v>
      </c>
      <c r="G5565" t="s">
        <v>14</v>
      </c>
      <c r="H5565" t="s">
        <v>120</v>
      </c>
      <c r="I5565" t="s">
        <v>15</v>
      </c>
      <c r="J5565" s="10">
        <v>9.8670466650000002</v>
      </c>
    </row>
    <row r="5566" spans="1:10" x14ac:dyDescent="0.35">
      <c r="A5566" t="s">
        <v>28</v>
      </c>
      <c r="B5566" t="s">
        <v>37</v>
      </c>
      <c r="C5566" t="s">
        <v>117</v>
      </c>
      <c r="D5566" t="s">
        <v>118</v>
      </c>
      <c r="E5566">
        <v>2017</v>
      </c>
      <c r="F5566">
        <v>2017</v>
      </c>
      <c r="G5566" t="s">
        <v>14</v>
      </c>
      <c r="H5566" t="s">
        <v>121</v>
      </c>
      <c r="I5566" t="s">
        <v>15</v>
      </c>
      <c r="J5566" s="10">
        <v>29.28017045</v>
      </c>
    </row>
    <row r="5567" spans="1:10" x14ac:dyDescent="0.35">
      <c r="A5567" t="s">
        <v>28</v>
      </c>
      <c r="B5567" t="s">
        <v>37</v>
      </c>
      <c r="C5567" t="s">
        <v>117</v>
      </c>
      <c r="D5567" t="s">
        <v>118</v>
      </c>
      <c r="E5567">
        <v>2017</v>
      </c>
      <c r="F5567">
        <v>2017</v>
      </c>
      <c r="G5567" t="s">
        <v>14</v>
      </c>
      <c r="H5567" t="s">
        <v>122</v>
      </c>
      <c r="I5567" t="s">
        <v>15</v>
      </c>
      <c r="J5567" s="10">
        <v>23.199734370000002</v>
      </c>
    </row>
    <row r="5568" spans="1:10" x14ac:dyDescent="0.35">
      <c r="A5568" t="s">
        <v>28</v>
      </c>
      <c r="B5568" t="s">
        <v>37</v>
      </c>
      <c r="C5568" t="s">
        <v>117</v>
      </c>
      <c r="D5568" t="s">
        <v>118</v>
      </c>
      <c r="E5568">
        <v>2017</v>
      </c>
      <c r="F5568">
        <v>2017</v>
      </c>
      <c r="G5568" t="s">
        <v>14</v>
      </c>
      <c r="H5568" t="s">
        <v>123</v>
      </c>
      <c r="I5568" t="s">
        <v>15</v>
      </c>
      <c r="J5568" s="10">
        <v>18.533224499999999</v>
      </c>
    </row>
    <row r="5569" spans="1:10" x14ac:dyDescent="0.35">
      <c r="A5569" t="s">
        <v>28</v>
      </c>
      <c r="B5569" t="s">
        <v>37</v>
      </c>
      <c r="C5569" t="s">
        <v>117</v>
      </c>
      <c r="D5569" t="s">
        <v>118</v>
      </c>
      <c r="E5569">
        <v>2017</v>
      </c>
      <c r="F5569">
        <v>2017</v>
      </c>
      <c r="G5569" t="s">
        <v>14</v>
      </c>
      <c r="H5569" t="s">
        <v>124</v>
      </c>
      <c r="I5569" t="s">
        <v>15</v>
      </c>
      <c r="J5569" s="10">
        <v>2.3768348530000001</v>
      </c>
    </row>
    <row r="5570" spans="1:10" x14ac:dyDescent="0.35">
      <c r="A5570" t="s">
        <v>28</v>
      </c>
      <c r="B5570" t="s">
        <v>37</v>
      </c>
      <c r="C5570" t="s">
        <v>117</v>
      </c>
      <c r="D5570" t="s">
        <v>118</v>
      </c>
      <c r="E5570">
        <v>2017</v>
      </c>
      <c r="F5570">
        <v>2017</v>
      </c>
      <c r="G5570" t="s">
        <v>125</v>
      </c>
      <c r="H5570" t="s">
        <v>119</v>
      </c>
      <c r="I5570" t="s">
        <v>15</v>
      </c>
      <c r="J5570" s="10">
        <v>17.51835161</v>
      </c>
    </row>
    <row r="5571" spans="1:10" x14ac:dyDescent="0.35">
      <c r="A5571" t="s">
        <v>28</v>
      </c>
      <c r="B5571" t="s">
        <v>37</v>
      </c>
      <c r="C5571" t="s">
        <v>117</v>
      </c>
      <c r="D5571" t="s">
        <v>118</v>
      </c>
      <c r="E5571">
        <v>2017</v>
      </c>
      <c r="F5571">
        <v>2017</v>
      </c>
      <c r="G5571" t="s">
        <v>125</v>
      </c>
      <c r="H5571" t="s">
        <v>120</v>
      </c>
      <c r="I5571" t="s">
        <v>15</v>
      </c>
      <c r="J5571" s="10">
        <v>10.64251906</v>
      </c>
    </row>
    <row r="5572" spans="1:10" x14ac:dyDescent="0.35">
      <c r="A5572" t="s">
        <v>28</v>
      </c>
      <c r="B5572" t="s">
        <v>37</v>
      </c>
      <c r="C5572" t="s">
        <v>117</v>
      </c>
      <c r="D5572" t="s">
        <v>118</v>
      </c>
      <c r="E5572">
        <v>2017</v>
      </c>
      <c r="F5572">
        <v>2017</v>
      </c>
      <c r="G5572" t="s">
        <v>125</v>
      </c>
      <c r="H5572" t="s">
        <v>121</v>
      </c>
      <c r="I5572" t="s">
        <v>15</v>
      </c>
      <c r="J5572" s="10">
        <v>29.235042369999999</v>
      </c>
    </row>
    <row r="5573" spans="1:10" x14ac:dyDescent="0.35">
      <c r="A5573" t="s">
        <v>28</v>
      </c>
      <c r="B5573" t="s">
        <v>37</v>
      </c>
      <c r="C5573" t="s">
        <v>117</v>
      </c>
      <c r="D5573" t="s">
        <v>118</v>
      </c>
      <c r="E5573">
        <v>2017</v>
      </c>
      <c r="F5573">
        <v>2017</v>
      </c>
      <c r="G5573" t="s">
        <v>125</v>
      </c>
      <c r="H5573" t="s">
        <v>122</v>
      </c>
      <c r="I5573" t="s">
        <v>15</v>
      </c>
      <c r="J5573" s="10">
        <v>23.21798033</v>
      </c>
    </row>
    <row r="5574" spans="1:10" x14ac:dyDescent="0.35">
      <c r="A5574" t="s">
        <v>28</v>
      </c>
      <c r="B5574" t="s">
        <v>37</v>
      </c>
      <c r="C5574" t="s">
        <v>117</v>
      </c>
      <c r="D5574" t="s">
        <v>118</v>
      </c>
      <c r="E5574">
        <v>2017</v>
      </c>
      <c r="F5574">
        <v>2017</v>
      </c>
      <c r="G5574" t="s">
        <v>125</v>
      </c>
      <c r="H5574" t="s">
        <v>123</v>
      </c>
      <c r="I5574" t="s">
        <v>15</v>
      </c>
      <c r="J5574" s="10">
        <v>17.708244759999999</v>
      </c>
    </row>
    <row r="5575" spans="1:10" x14ac:dyDescent="0.35">
      <c r="A5575" t="s">
        <v>28</v>
      </c>
      <c r="B5575" t="s">
        <v>37</v>
      </c>
      <c r="C5575" t="s">
        <v>117</v>
      </c>
      <c r="D5575" t="s">
        <v>118</v>
      </c>
      <c r="E5575">
        <v>2017</v>
      </c>
      <c r="F5575">
        <v>2017</v>
      </c>
      <c r="G5575" t="s">
        <v>125</v>
      </c>
      <c r="H5575" t="s">
        <v>124</v>
      </c>
      <c r="I5575" t="s">
        <v>15</v>
      </c>
      <c r="J5575" s="10">
        <v>1.6778618599999999</v>
      </c>
    </row>
    <row r="5576" spans="1:10" x14ac:dyDescent="0.35">
      <c r="A5576" t="s">
        <v>28</v>
      </c>
      <c r="B5576" t="s">
        <v>37</v>
      </c>
      <c r="C5576" t="s">
        <v>117</v>
      </c>
      <c r="D5576" t="s">
        <v>118</v>
      </c>
      <c r="E5576">
        <v>2017</v>
      </c>
      <c r="F5576">
        <v>2017</v>
      </c>
      <c r="G5576" t="s">
        <v>126</v>
      </c>
      <c r="H5576" t="s">
        <v>119</v>
      </c>
      <c r="I5576" t="s">
        <v>15</v>
      </c>
      <c r="J5576" s="10">
        <v>16.003567759999999</v>
      </c>
    </row>
    <row r="5577" spans="1:10" x14ac:dyDescent="0.35">
      <c r="A5577" t="s">
        <v>28</v>
      </c>
      <c r="B5577" t="s">
        <v>37</v>
      </c>
      <c r="C5577" t="s">
        <v>117</v>
      </c>
      <c r="D5577" t="s">
        <v>118</v>
      </c>
      <c r="E5577">
        <v>2017</v>
      </c>
      <c r="F5577">
        <v>2017</v>
      </c>
      <c r="G5577" t="s">
        <v>126</v>
      </c>
      <c r="H5577" t="s">
        <v>120</v>
      </c>
      <c r="I5577" t="s">
        <v>15</v>
      </c>
      <c r="J5577" s="10">
        <v>9.1275204070000004</v>
      </c>
    </row>
    <row r="5578" spans="1:10" x14ac:dyDescent="0.35">
      <c r="A5578" t="s">
        <v>28</v>
      </c>
      <c r="B5578" t="s">
        <v>37</v>
      </c>
      <c r="C5578" t="s">
        <v>117</v>
      </c>
      <c r="D5578" t="s">
        <v>118</v>
      </c>
      <c r="E5578">
        <v>2017</v>
      </c>
      <c r="F5578">
        <v>2017</v>
      </c>
      <c r="G5578" t="s">
        <v>126</v>
      </c>
      <c r="H5578" t="s">
        <v>121</v>
      </c>
      <c r="I5578" t="s">
        <v>15</v>
      </c>
      <c r="J5578" s="10">
        <v>29.32320666</v>
      </c>
    </row>
    <row r="5579" spans="1:10" x14ac:dyDescent="0.35">
      <c r="A5579" t="s">
        <v>28</v>
      </c>
      <c r="B5579" t="s">
        <v>37</v>
      </c>
      <c r="C5579" t="s">
        <v>117</v>
      </c>
      <c r="D5579" t="s">
        <v>118</v>
      </c>
      <c r="E5579">
        <v>2017</v>
      </c>
      <c r="F5579">
        <v>2017</v>
      </c>
      <c r="G5579" t="s">
        <v>126</v>
      </c>
      <c r="H5579" t="s">
        <v>122</v>
      </c>
      <c r="I5579" t="s">
        <v>15</v>
      </c>
      <c r="J5579" s="10">
        <v>23.182334180000002</v>
      </c>
    </row>
    <row r="5580" spans="1:10" x14ac:dyDescent="0.35">
      <c r="A5580" t="s">
        <v>28</v>
      </c>
      <c r="B5580" t="s">
        <v>37</v>
      </c>
      <c r="C5580" t="s">
        <v>117</v>
      </c>
      <c r="D5580" t="s">
        <v>118</v>
      </c>
      <c r="E5580">
        <v>2017</v>
      </c>
      <c r="F5580">
        <v>2017</v>
      </c>
      <c r="G5580" t="s">
        <v>126</v>
      </c>
      <c r="H5580" t="s">
        <v>123</v>
      </c>
      <c r="I5580" t="s">
        <v>15</v>
      </c>
      <c r="J5580" s="10">
        <v>19.31996324</v>
      </c>
    </row>
    <row r="5581" spans="1:10" x14ac:dyDescent="0.35">
      <c r="A5581" t="s">
        <v>28</v>
      </c>
      <c r="B5581" t="s">
        <v>37</v>
      </c>
      <c r="C5581" t="s">
        <v>117</v>
      </c>
      <c r="D5581" t="s">
        <v>118</v>
      </c>
      <c r="E5581">
        <v>2017</v>
      </c>
      <c r="F5581">
        <v>2017</v>
      </c>
      <c r="G5581" t="s">
        <v>126</v>
      </c>
      <c r="H5581" t="s">
        <v>124</v>
      </c>
      <c r="I5581" t="s">
        <v>15</v>
      </c>
      <c r="J5581" s="10">
        <v>3.0434077519999998</v>
      </c>
    </row>
    <row r="5582" spans="1:10" x14ac:dyDescent="0.35">
      <c r="A5582" t="s">
        <v>28</v>
      </c>
      <c r="B5582" t="s">
        <v>37</v>
      </c>
      <c r="C5582" t="s">
        <v>117</v>
      </c>
      <c r="D5582" t="s">
        <v>118</v>
      </c>
      <c r="E5582">
        <v>2016</v>
      </c>
      <c r="F5582">
        <v>2016</v>
      </c>
      <c r="G5582" t="s">
        <v>14</v>
      </c>
      <c r="H5582" t="s">
        <v>119</v>
      </c>
      <c r="I5582" t="s">
        <v>15</v>
      </c>
      <c r="J5582" s="10">
        <v>16.822455829999999</v>
      </c>
    </row>
    <row r="5583" spans="1:10" x14ac:dyDescent="0.35">
      <c r="A5583" t="s">
        <v>28</v>
      </c>
      <c r="B5583" t="s">
        <v>37</v>
      </c>
      <c r="C5583" t="s">
        <v>117</v>
      </c>
      <c r="D5583" t="s">
        <v>118</v>
      </c>
      <c r="E5583">
        <v>2016</v>
      </c>
      <c r="F5583">
        <v>2016</v>
      </c>
      <c r="G5583" t="s">
        <v>14</v>
      </c>
      <c r="H5583" t="s">
        <v>120</v>
      </c>
      <c r="I5583" t="s">
        <v>15</v>
      </c>
      <c r="J5583" s="10">
        <v>9.931212382</v>
      </c>
    </row>
    <row r="5584" spans="1:10" x14ac:dyDescent="0.35">
      <c r="A5584" t="s">
        <v>28</v>
      </c>
      <c r="B5584" t="s">
        <v>37</v>
      </c>
      <c r="C5584" t="s">
        <v>117</v>
      </c>
      <c r="D5584" t="s">
        <v>118</v>
      </c>
      <c r="E5584">
        <v>2016</v>
      </c>
      <c r="F5584">
        <v>2016</v>
      </c>
      <c r="G5584" t="s">
        <v>14</v>
      </c>
      <c r="H5584" t="s">
        <v>121</v>
      </c>
      <c r="I5584" t="s">
        <v>15</v>
      </c>
      <c r="J5584" s="10">
        <v>29.778381830000001</v>
      </c>
    </row>
    <row r="5585" spans="1:10" x14ac:dyDescent="0.35">
      <c r="A5585" t="s">
        <v>28</v>
      </c>
      <c r="B5585" t="s">
        <v>37</v>
      </c>
      <c r="C5585" t="s">
        <v>117</v>
      </c>
      <c r="D5585" t="s">
        <v>118</v>
      </c>
      <c r="E5585">
        <v>2016</v>
      </c>
      <c r="F5585">
        <v>2016</v>
      </c>
      <c r="G5585" t="s">
        <v>14</v>
      </c>
      <c r="H5585" t="s">
        <v>122</v>
      </c>
      <c r="I5585" t="s">
        <v>15</v>
      </c>
      <c r="J5585" s="10">
        <v>22.88020414</v>
      </c>
    </row>
    <row r="5586" spans="1:10" x14ac:dyDescent="0.35">
      <c r="A5586" t="s">
        <v>28</v>
      </c>
      <c r="B5586" t="s">
        <v>37</v>
      </c>
      <c r="C5586" t="s">
        <v>117</v>
      </c>
      <c r="D5586" t="s">
        <v>118</v>
      </c>
      <c r="E5586">
        <v>2016</v>
      </c>
      <c r="F5586">
        <v>2016</v>
      </c>
      <c r="G5586" t="s">
        <v>14</v>
      </c>
      <c r="H5586" t="s">
        <v>123</v>
      </c>
      <c r="I5586" t="s">
        <v>15</v>
      </c>
      <c r="J5586" s="10">
        <v>18.252295230000001</v>
      </c>
    </row>
    <row r="5587" spans="1:10" x14ac:dyDescent="0.35">
      <c r="A5587" t="s">
        <v>28</v>
      </c>
      <c r="B5587" t="s">
        <v>37</v>
      </c>
      <c r="C5587" t="s">
        <v>117</v>
      </c>
      <c r="D5587" t="s">
        <v>118</v>
      </c>
      <c r="E5587">
        <v>2016</v>
      </c>
      <c r="F5587">
        <v>2016</v>
      </c>
      <c r="G5587" t="s">
        <v>14</v>
      </c>
      <c r="H5587" t="s">
        <v>124</v>
      </c>
      <c r="I5587" t="s">
        <v>15</v>
      </c>
      <c r="J5587" s="10">
        <v>2.335450587</v>
      </c>
    </row>
    <row r="5588" spans="1:10" x14ac:dyDescent="0.35">
      <c r="A5588" t="s">
        <v>28</v>
      </c>
      <c r="B5588" t="s">
        <v>37</v>
      </c>
      <c r="C5588" t="s">
        <v>117</v>
      </c>
      <c r="D5588" t="s">
        <v>118</v>
      </c>
      <c r="E5588">
        <v>2016</v>
      </c>
      <c r="F5588">
        <v>2016</v>
      </c>
      <c r="G5588" t="s">
        <v>125</v>
      </c>
      <c r="H5588" t="s">
        <v>119</v>
      </c>
      <c r="I5588" t="s">
        <v>15</v>
      </c>
      <c r="J5588" s="10">
        <v>17.65291607</v>
      </c>
    </row>
    <row r="5589" spans="1:10" x14ac:dyDescent="0.35">
      <c r="A5589" t="s">
        <v>28</v>
      </c>
      <c r="B5589" t="s">
        <v>37</v>
      </c>
      <c r="C5589" t="s">
        <v>117</v>
      </c>
      <c r="D5589" t="s">
        <v>118</v>
      </c>
      <c r="E5589">
        <v>2016</v>
      </c>
      <c r="F5589">
        <v>2016</v>
      </c>
      <c r="G5589" t="s">
        <v>125</v>
      </c>
      <c r="H5589" t="s">
        <v>120</v>
      </c>
      <c r="I5589" t="s">
        <v>15</v>
      </c>
      <c r="J5589" s="10">
        <v>10.63726885</v>
      </c>
    </row>
    <row r="5590" spans="1:10" x14ac:dyDescent="0.35">
      <c r="A5590" t="s">
        <v>28</v>
      </c>
      <c r="B5590" t="s">
        <v>37</v>
      </c>
      <c r="C5590" t="s">
        <v>117</v>
      </c>
      <c r="D5590" t="s">
        <v>118</v>
      </c>
      <c r="E5590">
        <v>2016</v>
      </c>
      <c r="F5590">
        <v>2016</v>
      </c>
      <c r="G5590" t="s">
        <v>125</v>
      </c>
      <c r="H5590" t="s">
        <v>121</v>
      </c>
      <c r="I5590" t="s">
        <v>15</v>
      </c>
      <c r="J5590" s="10">
        <v>29.743954479999999</v>
      </c>
    </row>
    <row r="5591" spans="1:10" x14ac:dyDescent="0.35">
      <c r="A5591" t="s">
        <v>28</v>
      </c>
      <c r="B5591" t="s">
        <v>37</v>
      </c>
      <c r="C5591" t="s">
        <v>117</v>
      </c>
      <c r="D5591" t="s">
        <v>118</v>
      </c>
      <c r="E5591">
        <v>2016</v>
      </c>
      <c r="F5591">
        <v>2016</v>
      </c>
      <c r="G5591" t="s">
        <v>125</v>
      </c>
      <c r="H5591" t="s">
        <v>122</v>
      </c>
      <c r="I5591" t="s">
        <v>15</v>
      </c>
      <c r="J5591" s="10">
        <v>22.92460882</v>
      </c>
    </row>
    <row r="5592" spans="1:10" x14ac:dyDescent="0.35">
      <c r="A5592" t="s">
        <v>28</v>
      </c>
      <c r="B5592" t="s">
        <v>37</v>
      </c>
      <c r="C5592" t="s">
        <v>117</v>
      </c>
      <c r="D5592" t="s">
        <v>118</v>
      </c>
      <c r="E5592">
        <v>2016</v>
      </c>
      <c r="F5592">
        <v>2016</v>
      </c>
      <c r="G5592" t="s">
        <v>125</v>
      </c>
      <c r="H5592" t="s">
        <v>123</v>
      </c>
      <c r="I5592" t="s">
        <v>15</v>
      </c>
      <c r="J5592" s="10">
        <v>17.374110949999999</v>
      </c>
    </row>
    <row r="5593" spans="1:10" x14ac:dyDescent="0.35">
      <c r="A5593" t="s">
        <v>28</v>
      </c>
      <c r="B5593" t="s">
        <v>37</v>
      </c>
      <c r="C5593" t="s">
        <v>117</v>
      </c>
      <c r="D5593" t="s">
        <v>118</v>
      </c>
      <c r="E5593">
        <v>2016</v>
      </c>
      <c r="F5593">
        <v>2016</v>
      </c>
      <c r="G5593" t="s">
        <v>125</v>
      </c>
      <c r="H5593" t="s">
        <v>124</v>
      </c>
      <c r="I5593" t="s">
        <v>15</v>
      </c>
      <c r="J5593" s="10">
        <v>1.6671408249999999</v>
      </c>
    </row>
    <row r="5594" spans="1:10" x14ac:dyDescent="0.35">
      <c r="A5594" t="s">
        <v>28</v>
      </c>
      <c r="B5594" t="s">
        <v>37</v>
      </c>
      <c r="C5594" t="s">
        <v>117</v>
      </c>
      <c r="D5594" t="s">
        <v>118</v>
      </c>
      <c r="E5594">
        <v>2016</v>
      </c>
      <c r="F5594">
        <v>2016</v>
      </c>
      <c r="G5594" t="s">
        <v>126</v>
      </c>
      <c r="H5594" t="s">
        <v>119</v>
      </c>
      <c r="I5594" t="s">
        <v>15</v>
      </c>
      <c r="J5594" s="10">
        <v>16.03257928</v>
      </c>
    </row>
    <row r="5595" spans="1:10" x14ac:dyDescent="0.35">
      <c r="A5595" t="s">
        <v>28</v>
      </c>
      <c r="B5595" t="s">
        <v>37</v>
      </c>
      <c r="C5595" t="s">
        <v>117</v>
      </c>
      <c r="D5595" t="s">
        <v>118</v>
      </c>
      <c r="E5595">
        <v>2016</v>
      </c>
      <c r="F5595">
        <v>2016</v>
      </c>
      <c r="G5595" t="s">
        <v>126</v>
      </c>
      <c r="H5595" t="s">
        <v>120</v>
      </c>
      <c r="I5595" t="s">
        <v>15</v>
      </c>
      <c r="J5595" s="10">
        <v>9.2596601360000008</v>
      </c>
    </row>
    <row r="5596" spans="1:10" x14ac:dyDescent="0.35">
      <c r="A5596" t="s">
        <v>28</v>
      </c>
      <c r="B5596" t="s">
        <v>37</v>
      </c>
      <c r="C5596" t="s">
        <v>117</v>
      </c>
      <c r="D5596" t="s">
        <v>118</v>
      </c>
      <c r="E5596">
        <v>2016</v>
      </c>
      <c r="F5596">
        <v>2016</v>
      </c>
      <c r="G5596" t="s">
        <v>126</v>
      </c>
      <c r="H5596" t="s">
        <v>121</v>
      </c>
      <c r="I5596" t="s">
        <v>15</v>
      </c>
      <c r="J5596" s="10">
        <v>29.81112675</v>
      </c>
    </row>
    <row r="5597" spans="1:10" x14ac:dyDescent="0.35">
      <c r="A5597" t="s">
        <v>28</v>
      </c>
      <c r="B5597" t="s">
        <v>37</v>
      </c>
      <c r="C5597" t="s">
        <v>117</v>
      </c>
      <c r="D5597" t="s">
        <v>118</v>
      </c>
      <c r="E5597">
        <v>2016</v>
      </c>
      <c r="F5597">
        <v>2016</v>
      </c>
      <c r="G5597" t="s">
        <v>126</v>
      </c>
      <c r="H5597" t="s">
        <v>122</v>
      </c>
      <c r="I5597" t="s">
        <v>15</v>
      </c>
      <c r="J5597" s="10">
        <v>22.837969480000002</v>
      </c>
    </row>
    <row r="5598" spans="1:10" x14ac:dyDescent="0.35">
      <c r="A5598" t="s">
        <v>28</v>
      </c>
      <c r="B5598" t="s">
        <v>37</v>
      </c>
      <c r="C5598" t="s">
        <v>117</v>
      </c>
      <c r="D5598" t="s">
        <v>118</v>
      </c>
      <c r="E5598">
        <v>2016</v>
      </c>
      <c r="F5598">
        <v>2016</v>
      </c>
      <c r="G5598" t="s">
        <v>126</v>
      </c>
      <c r="H5598" t="s">
        <v>123</v>
      </c>
      <c r="I5598" t="s">
        <v>15</v>
      </c>
      <c r="J5598" s="10">
        <v>19.087563589999998</v>
      </c>
    </row>
    <row r="5599" spans="1:10" x14ac:dyDescent="0.35">
      <c r="A5599" t="s">
        <v>28</v>
      </c>
      <c r="B5599" t="s">
        <v>37</v>
      </c>
      <c r="C5599" t="s">
        <v>117</v>
      </c>
      <c r="D5599" t="s">
        <v>118</v>
      </c>
      <c r="E5599">
        <v>2016</v>
      </c>
      <c r="F5599">
        <v>2016</v>
      </c>
      <c r="G5599" t="s">
        <v>126</v>
      </c>
      <c r="H5599" t="s">
        <v>124</v>
      </c>
      <c r="I5599" t="s">
        <v>15</v>
      </c>
      <c r="J5599" s="10">
        <v>2.9711007679999999</v>
      </c>
    </row>
    <row r="5600" spans="1:10" x14ac:dyDescent="0.35">
      <c r="A5600" t="s">
        <v>28</v>
      </c>
      <c r="B5600" t="s">
        <v>37</v>
      </c>
      <c r="C5600" t="s">
        <v>117</v>
      </c>
      <c r="D5600" t="s">
        <v>118</v>
      </c>
      <c r="E5600">
        <v>2015</v>
      </c>
      <c r="F5600">
        <v>2015</v>
      </c>
      <c r="G5600" t="s">
        <v>14</v>
      </c>
      <c r="H5600" t="s">
        <v>119</v>
      </c>
      <c r="I5600" t="s">
        <v>15</v>
      </c>
      <c r="J5600" s="10">
        <v>17.058520919999999</v>
      </c>
    </row>
    <row r="5601" spans="1:10" x14ac:dyDescent="0.35">
      <c r="A5601" t="s">
        <v>28</v>
      </c>
      <c r="B5601" t="s">
        <v>37</v>
      </c>
      <c r="C5601" t="s">
        <v>117</v>
      </c>
      <c r="D5601" t="s">
        <v>118</v>
      </c>
      <c r="E5601">
        <v>2015</v>
      </c>
      <c r="F5601">
        <v>2015</v>
      </c>
      <c r="G5601" t="s">
        <v>14</v>
      </c>
      <c r="H5601" t="s">
        <v>120</v>
      </c>
      <c r="I5601" t="s">
        <v>15</v>
      </c>
      <c r="J5601" s="10">
        <v>9.934235224</v>
      </c>
    </row>
    <row r="5602" spans="1:10" x14ac:dyDescent="0.35">
      <c r="A5602" t="s">
        <v>28</v>
      </c>
      <c r="B5602" t="s">
        <v>37</v>
      </c>
      <c r="C5602" t="s">
        <v>117</v>
      </c>
      <c r="D5602" t="s">
        <v>118</v>
      </c>
      <c r="E5602">
        <v>2015</v>
      </c>
      <c r="F5602">
        <v>2015</v>
      </c>
      <c r="G5602" t="s">
        <v>14</v>
      </c>
      <c r="H5602" t="s">
        <v>121</v>
      </c>
      <c r="I5602" t="s">
        <v>15</v>
      </c>
      <c r="J5602" s="10">
        <v>30.09607497</v>
      </c>
    </row>
    <row r="5603" spans="1:10" x14ac:dyDescent="0.35">
      <c r="A5603" t="s">
        <v>28</v>
      </c>
      <c r="B5603" t="s">
        <v>37</v>
      </c>
      <c r="C5603" t="s">
        <v>117</v>
      </c>
      <c r="D5603" t="s">
        <v>118</v>
      </c>
      <c r="E5603">
        <v>2015</v>
      </c>
      <c r="F5603">
        <v>2015</v>
      </c>
      <c r="G5603" t="s">
        <v>14</v>
      </c>
      <c r="H5603" t="s">
        <v>122</v>
      </c>
      <c r="I5603" t="s">
        <v>15</v>
      </c>
      <c r="J5603" s="10">
        <v>22.746548390000001</v>
      </c>
    </row>
    <row r="5604" spans="1:10" x14ac:dyDescent="0.35">
      <c r="A5604" t="s">
        <v>28</v>
      </c>
      <c r="B5604" t="s">
        <v>37</v>
      </c>
      <c r="C5604" t="s">
        <v>117</v>
      </c>
      <c r="D5604" t="s">
        <v>118</v>
      </c>
      <c r="E5604">
        <v>2015</v>
      </c>
      <c r="F5604">
        <v>2015</v>
      </c>
      <c r="G5604" t="s">
        <v>14</v>
      </c>
      <c r="H5604" t="s">
        <v>123</v>
      </c>
      <c r="I5604" t="s">
        <v>15</v>
      </c>
      <c r="J5604" s="10">
        <v>17.928896179999999</v>
      </c>
    </row>
    <row r="5605" spans="1:10" x14ac:dyDescent="0.35">
      <c r="A5605" t="s">
        <v>28</v>
      </c>
      <c r="B5605" t="s">
        <v>37</v>
      </c>
      <c r="C5605" t="s">
        <v>117</v>
      </c>
      <c r="D5605" t="s">
        <v>118</v>
      </c>
      <c r="E5605">
        <v>2015</v>
      </c>
      <c r="F5605">
        <v>2015</v>
      </c>
      <c r="G5605" t="s">
        <v>14</v>
      </c>
      <c r="H5605" t="s">
        <v>124</v>
      </c>
      <c r="I5605" t="s">
        <v>15</v>
      </c>
      <c r="J5605" s="10">
        <v>2.2357243160000002</v>
      </c>
    </row>
    <row r="5606" spans="1:10" x14ac:dyDescent="0.35">
      <c r="A5606" t="s">
        <v>28</v>
      </c>
      <c r="B5606" t="s">
        <v>37</v>
      </c>
      <c r="C5606" t="s">
        <v>117</v>
      </c>
      <c r="D5606" t="s">
        <v>118</v>
      </c>
      <c r="E5606">
        <v>2015</v>
      </c>
      <c r="F5606">
        <v>2015</v>
      </c>
      <c r="G5606" t="s">
        <v>125</v>
      </c>
      <c r="H5606" t="s">
        <v>119</v>
      </c>
      <c r="I5606" t="s">
        <v>15</v>
      </c>
      <c r="J5606" s="10">
        <v>17.91300377</v>
      </c>
    </row>
    <row r="5607" spans="1:10" x14ac:dyDescent="0.35">
      <c r="A5607" t="s">
        <v>28</v>
      </c>
      <c r="B5607" t="s">
        <v>37</v>
      </c>
      <c r="C5607" t="s">
        <v>117</v>
      </c>
      <c r="D5607" t="s">
        <v>118</v>
      </c>
      <c r="E5607">
        <v>2015</v>
      </c>
      <c r="F5607">
        <v>2015</v>
      </c>
      <c r="G5607" t="s">
        <v>125</v>
      </c>
      <c r="H5607" t="s">
        <v>120</v>
      </c>
      <c r="I5607" t="s">
        <v>15</v>
      </c>
      <c r="J5607" s="10">
        <v>10.634775660000001</v>
      </c>
    </row>
    <row r="5608" spans="1:10" x14ac:dyDescent="0.35">
      <c r="A5608" t="s">
        <v>28</v>
      </c>
      <c r="B5608" t="s">
        <v>37</v>
      </c>
      <c r="C5608" t="s">
        <v>117</v>
      </c>
      <c r="D5608" t="s">
        <v>118</v>
      </c>
      <c r="E5608">
        <v>2015</v>
      </c>
      <c r="F5608">
        <v>2015</v>
      </c>
      <c r="G5608" t="s">
        <v>125</v>
      </c>
      <c r="H5608" t="s">
        <v>121</v>
      </c>
      <c r="I5608" t="s">
        <v>15</v>
      </c>
      <c r="J5608" s="10">
        <v>30.10046809</v>
      </c>
    </row>
    <row r="5609" spans="1:10" x14ac:dyDescent="0.35">
      <c r="A5609" t="s">
        <v>28</v>
      </c>
      <c r="B5609" t="s">
        <v>37</v>
      </c>
      <c r="C5609" t="s">
        <v>117</v>
      </c>
      <c r="D5609" t="s">
        <v>118</v>
      </c>
      <c r="E5609">
        <v>2015</v>
      </c>
      <c r="F5609">
        <v>2015</v>
      </c>
      <c r="G5609" t="s">
        <v>125</v>
      </c>
      <c r="H5609" t="s">
        <v>122</v>
      </c>
      <c r="I5609" t="s">
        <v>15</v>
      </c>
      <c r="J5609" s="10">
        <v>22.787989499999998</v>
      </c>
    </row>
    <row r="5610" spans="1:10" x14ac:dyDescent="0.35">
      <c r="A5610" t="s">
        <v>28</v>
      </c>
      <c r="B5610" t="s">
        <v>37</v>
      </c>
      <c r="C5610" t="s">
        <v>117</v>
      </c>
      <c r="D5610" t="s">
        <v>118</v>
      </c>
      <c r="E5610">
        <v>2015</v>
      </c>
      <c r="F5610">
        <v>2015</v>
      </c>
      <c r="G5610" t="s">
        <v>125</v>
      </c>
      <c r="H5610" t="s">
        <v>123</v>
      </c>
      <c r="I5610" t="s">
        <v>15</v>
      </c>
      <c r="J5610" s="10">
        <v>16.985386460000001</v>
      </c>
    </row>
    <row r="5611" spans="1:10" x14ac:dyDescent="0.35">
      <c r="A5611" t="s">
        <v>28</v>
      </c>
      <c r="B5611" t="s">
        <v>37</v>
      </c>
      <c r="C5611" t="s">
        <v>117</v>
      </c>
      <c r="D5611" t="s">
        <v>118</v>
      </c>
      <c r="E5611">
        <v>2015</v>
      </c>
      <c r="F5611">
        <v>2015</v>
      </c>
      <c r="G5611" t="s">
        <v>125</v>
      </c>
      <c r="H5611" t="s">
        <v>124</v>
      </c>
      <c r="I5611" t="s">
        <v>15</v>
      </c>
      <c r="J5611" s="10">
        <v>1.5783765270000001</v>
      </c>
    </row>
    <row r="5612" spans="1:10" x14ac:dyDescent="0.35">
      <c r="A5612" t="s">
        <v>28</v>
      </c>
      <c r="B5612" t="s">
        <v>37</v>
      </c>
      <c r="C5612" t="s">
        <v>117</v>
      </c>
      <c r="D5612" t="s">
        <v>118</v>
      </c>
      <c r="E5612">
        <v>2015</v>
      </c>
      <c r="F5612">
        <v>2015</v>
      </c>
      <c r="G5612" t="s">
        <v>126</v>
      </c>
      <c r="H5612" t="s">
        <v>119</v>
      </c>
      <c r="I5612" t="s">
        <v>15</v>
      </c>
      <c r="J5612" s="10">
        <v>16.246916259999999</v>
      </c>
    </row>
    <row r="5613" spans="1:10" x14ac:dyDescent="0.35">
      <c r="A5613" t="s">
        <v>28</v>
      </c>
      <c r="B5613" t="s">
        <v>37</v>
      </c>
      <c r="C5613" t="s">
        <v>117</v>
      </c>
      <c r="D5613" t="s">
        <v>118</v>
      </c>
      <c r="E5613">
        <v>2015</v>
      </c>
      <c r="F5613">
        <v>2015</v>
      </c>
      <c r="G5613" t="s">
        <v>126</v>
      </c>
      <c r="H5613" t="s">
        <v>120</v>
      </c>
      <c r="I5613" t="s">
        <v>15</v>
      </c>
      <c r="J5613" s="10">
        <v>9.2688481039999999</v>
      </c>
    </row>
    <row r="5614" spans="1:10" x14ac:dyDescent="0.35">
      <c r="A5614" t="s">
        <v>28</v>
      </c>
      <c r="B5614" t="s">
        <v>37</v>
      </c>
      <c r="C5614" t="s">
        <v>117</v>
      </c>
      <c r="D5614" t="s">
        <v>118</v>
      </c>
      <c r="E5614">
        <v>2015</v>
      </c>
      <c r="F5614">
        <v>2015</v>
      </c>
      <c r="G5614" t="s">
        <v>126</v>
      </c>
      <c r="H5614" t="s">
        <v>121</v>
      </c>
      <c r="I5614" t="s">
        <v>15</v>
      </c>
      <c r="J5614" s="10">
        <v>30.091902300000001</v>
      </c>
    </row>
    <row r="5615" spans="1:10" x14ac:dyDescent="0.35">
      <c r="A5615" t="s">
        <v>28</v>
      </c>
      <c r="B5615" t="s">
        <v>37</v>
      </c>
      <c r="C5615" t="s">
        <v>117</v>
      </c>
      <c r="D5615" t="s">
        <v>118</v>
      </c>
      <c r="E5615">
        <v>2015</v>
      </c>
      <c r="F5615">
        <v>2015</v>
      </c>
      <c r="G5615" t="s">
        <v>126</v>
      </c>
      <c r="H5615" t="s">
        <v>122</v>
      </c>
      <c r="I5615" t="s">
        <v>15</v>
      </c>
      <c r="J5615" s="10">
        <v>22.70718681</v>
      </c>
    </row>
    <row r="5616" spans="1:10" x14ac:dyDescent="0.35">
      <c r="A5616" t="s">
        <v>28</v>
      </c>
      <c r="B5616" t="s">
        <v>37</v>
      </c>
      <c r="C5616" t="s">
        <v>117</v>
      </c>
      <c r="D5616" t="s">
        <v>118</v>
      </c>
      <c r="E5616">
        <v>2015</v>
      </c>
      <c r="F5616">
        <v>2015</v>
      </c>
      <c r="G5616" t="s">
        <v>126</v>
      </c>
      <c r="H5616" t="s">
        <v>123</v>
      </c>
      <c r="I5616" t="s">
        <v>15</v>
      </c>
      <c r="J5616" s="10">
        <v>18.825060319999999</v>
      </c>
    </row>
    <row r="5617" spans="1:10" x14ac:dyDescent="0.35">
      <c r="A5617" t="s">
        <v>28</v>
      </c>
      <c r="B5617" t="s">
        <v>37</v>
      </c>
      <c r="C5617" t="s">
        <v>117</v>
      </c>
      <c r="D5617" t="s">
        <v>118</v>
      </c>
      <c r="E5617">
        <v>2015</v>
      </c>
      <c r="F5617">
        <v>2015</v>
      </c>
      <c r="G5617" t="s">
        <v>126</v>
      </c>
      <c r="H5617" t="s">
        <v>124</v>
      </c>
      <c r="I5617" t="s">
        <v>15</v>
      </c>
      <c r="J5617" s="10">
        <v>2.8600862089999999</v>
      </c>
    </row>
    <row r="5618" spans="1:10" x14ac:dyDescent="0.35">
      <c r="A5618" t="s">
        <v>28</v>
      </c>
      <c r="B5618" t="s">
        <v>37</v>
      </c>
      <c r="C5618" t="s">
        <v>117</v>
      </c>
      <c r="D5618" t="s">
        <v>118</v>
      </c>
      <c r="E5618">
        <v>2014</v>
      </c>
      <c r="F5618">
        <v>2014</v>
      </c>
      <c r="G5618" t="s">
        <v>14</v>
      </c>
      <c r="H5618" t="s">
        <v>119</v>
      </c>
      <c r="I5618" t="s">
        <v>15</v>
      </c>
      <c r="J5618" s="10">
        <v>17.08299199</v>
      </c>
    </row>
    <row r="5619" spans="1:10" x14ac:dyDescent="0.35">
      <c r="A5619" t="s">
        <v>28</v>
      </c>
      <c r="B5619" t="s">
        <v>37</v>
      </c>
      <c r="C5619" t="s">
        <v>117</v>
      </c>
      <c r="D5619" t="s">
        <v>118</v>
      </c>
      <c r="E5619">
        <v>2014</v>
      </c>
      <c r="F5619">
        <v>2014</v>
      </c>
      <c r="G5619" t="s">
        <v>14</v>
      </c>
      <c r="H5619" t="s">
        <v>120</v>
      </c>
      <c r="I5619" t="s">
        <v>15</v>
      </c>
      <c r="J5619" s="10">
        <v>9.7182687899999998</v>
      </c>
    </row>
    <row r="5620" spans="1:10" x14ac:dyDescent="0.35">
      <c r="A5620" t="s">
        <v>28</v>
      </c>
      <c r="B5620" t="s">
        <v>37</v>
      </c>
      <c r="C5620" t="s">
        <v>117</v>
      </c>
      <c r="D5620" t="s">
        <v>118</v>
      </c>
      <c r="E5620">
        <v>2014</v>
      </c>
      <c r="F5620">
        <v>2014</v>
      </c>
      <c r="G5620" t="s">
        <v>14</v>
      </c>
      <c r="H5620" t="s">
        <v>121</v>
      </c>
      <c r="I5620" t="s">
        <v>15</v>
      </c>
      <c r="J5620" s="10">
        <v>30.73911051</v>
      </c>
    </row>
    <row r="5621" spans="1:10" x14ac:dyDescent="0.35">
      <c r="A5621" t="s">
        <v>28</v>
      </c>
      <c r="B5621" t="s">
        <v>37</v>
      </c>
      <c r="C5621" t="s">
        <v>117</v>
      </c>
      <c r="D5621" t="s">
        <v>118</v>
      </c>
      <c r="E5621">
        <v>2014</v>
      </c>
      <c r="F5621">
        <v>2014</v>
      </c>
      <c r="G5621" t="s">
        <v>14</v>
      </c>
      <c r="H5621" t="s">
        <v>122</v>
      </c>
      <c r="I5621" t="s">
        <v>15</v>
      </c>
      <c r="J5621" s="10">
        <v>22.595426209999999</v>
      </c>
    </row>
    <row r="5622" spans="1:10" x14ac:dyDescent="0.35">
      <c r="A5622" t="s">
        <v>28</v>
      </c>
      <c r="B5622" t="s">
        <v>37</v>
      </c>
      <c r="C5622" t="s">
        <v>117</v>
      </c>
      <c r="D5622" t="s">
        <v>118</v>
      </c>
      <c r="E5622">
        <v>2014</v>
      </c>
      <c r="F5622">
        <v>2014</v>
      </c>
      <c r="G5622" t="s">
        <v>14</v>
      </c>
      <c r="H5622" t="s">
        <v>123</v>
      </c>
      <c r="I5622" t="s">
        <v>15</v>
      </c>
      <c r="J5622" s="10">
        <v>17.589802689999999</v>
      </c>
    </row>
    <row r="5623" spans="1:10" x14ac:dyDescent="0.35">
      <c r="A5623" t="s">
        <v>28</v>
      </c>
      <c r="B5623" t="s">
        <v>37</v>
      </c>
      <c r="C5623" t="s">
        <v>117</v>
      </c>
      <c r="D5623" t="s">
        <v>118</v>
      </c>
      <c r="E5623">
        <v>2014</v>
      </c>
      <c r="F5623">
        <v>2014</v>
      </c>
      <c r="G5623" t="s">
        <v>14</v>
      </c>
      <c r="H5623" t="s">
        <v>124</v>
      </c>
      <c r="I5623" t="s">
        <v>15</v>
      </c>
      <c r="J5623" s="10">
        <v>2.2743998109999999</v>
      </c>
    </row>
    <row r="5624" spans="1:10" x14ac:dyDescent="0.35">
      <c r="A5624" t="s">
        <v>28</v>
      </c>
      <c r="B5624" t="s">
        <v>37</v>
      </c>
      <c r="C5624" t="s">
        <v>117</v>
      </c>
      <c r="D5624" t="s">
        <v>118</v>
      </c>
      <c r="E5624">
        <v>2014</v>
      </c>
      <c r="F5624">
        <v>2014</v>
      </c>
      <c r="G5624" t="s">
        <v>125</v>
      </c>
      <c r="H5624" t="s">
        <v>119</v>
      </c>
      <c r="I5624" t="s">
        <v>15</v>
      </c>
      <c r="J5624" s="10">
        <v>18.008220590000001</v>
      </c>
    </row>
    <row r="5625" spans="1:10" x14ac:dyDescent="0.35">
      <c r="A5625" t="s">
        <v>28</v>
      </c>
      <c r="B5625" t="s">
        <v>37</v>
      </c>
      <c r="C5625" t="s">
        <v>117</v>
      </c>
      <c r="D5625" t="s">
        <v>118</v>
      </c>
      <c r="E5625">
        <v>2014</v>
      </c>
      <c r="F5625">
        <v>2014</v>
      </c>
      <c r="G5625" t="s">
        <v>125</v>
      </c>
      <c r="H5625" t="s">
        <v>120</v>
      </c>
      <c r="I5625" t="s">
        <v>15</v>
      </c>
      <c r="J5625" s="10">
        <v>10.309984589999999</v>
      </c>
    </row>
    <row r="5626" spans="1:10" x14ac:dyDescent="0.35">
      <c r="A5626" t="s">
        <v>28</v>
      </c>
      <c r="B5626" t="s">
        <v>37</v>
      </c>
      <c r="C5626" t="s">
        <v>117</v>
      </c>
      <c r="D5626" t="s">
        <v>118</v>
      </c>
      <c r="E5626">
        <v>2014</v>
      </c>
      <c r="F5626">
        <v>2014</v>
      </c>
      <c r="G5626" t="s">
        <v>125</v>
      </c>
      <c r="H5626" t="s">
        <v>121</v>
      </c>
      <c r="I5626" t="s">
        <v>15</v>
      </c>
      <c r="J5626" s="10">
        <v>30.83861392</v>
      </c>
    </row>
    <row r="5627" spans="1:10" x14ac:dyDescent="0.35">
      <c r="A5627" t="s">
        <v>28</v>
      </c>
      <c r="B5627" t="s">
        <v>37</v>
      </c>
      <c r="C5627" t="s">
        <v>117</v>
      </c>
      <c r="D5627" t="s">
        <v>118</v>
      </c>
      <c r="E5627">
        <v>2014</v>
      </c>
      <c r="F5627">
        <v>2014</v>
      </c>
      <c r="G5627" t="s">
        <v>125</v>
      </c>
      <c r="H5627" t="s">
        <v>122</v>
      </c>
      <c r="I5627" t="s">
        <v>15</v>
      </c>
      <c r="J5627" s="10">
        <v>22.623736940000001</v>
      </c>
    </row>
    <row r="5628" spans="1:10" x14ac:dyDescent="0.35">
      <c r="A5628" t="s">
        <v>28</v>
      </c>
      <c r="B5628" t="s">
        <v>37</v>
      </c>
      <c r="C5628" t="s">
        <v>117</v>
      </c>
      <c r="D5628" t="s">
        <v>118</v>
      </c>
      <c r="E5628">
        <v>2014</v>
      </c>
      <c r="F5628">
        <v>2014</v>
      </c>
      <c r="G5628" t="s">
        <v>125</v>
      </c>
      <c r="H5628" t="s">
        <v>123</v>
      </c>
      <c r="I5628" t="s">
        <v>15</v>
      </c>
      <c r="J5628" s="10">
        <v>16.7208997</v>
      </c>
    </row>
    <row r="5629" spans="1:10" x14ac:dyDescent="0.35">
      <c r="A5629" t="s">
        <v>28</v>
      </c>
      <c r="B5629" t="s">
        <v>37</v>
      </c>
      <c r="C5629" t="s">
        <v>117</v>
      </c>
      <c r="D5629" t="s">
        <v>118</v>
      </c>
      <c r="E5629">
        <v>2014</v>
      </c>
      <c r="F5629">
        <v>2014</v>
      </c>
      <c r="G5629" t="s">
        <v>125</v>
      </c>
      <c r="H5629" t="s">
        <v>124</v>
      </c>
      <c r="I5629" t="s">
        <v>15</v>
      </c>
      <c r="J5629" s="10">
        <v>1.4985442710000001</v>
      </c>
    </row>
    <row r="5630" spans="1:10" x14ac:dyDescent="0.35">
      <c r="A5630" t="s">
        <v>28</v>
      </c>
      <c r="B5630" t="s">
        <v>37</v>
      </c>
      <c r="C5630" t="s">
        <v>117</v>
      </c>
      <c r="D5630" t="s">
        <v>118</v>
      </c>
      <c r="E5630">
        <v>2014</v>
      </c>
      <c r="F5630">
        <v>2014</v>
      </c>
      <c r="G5630" t="s">
        <v>126</v>
      </c>
      <c r="H5630" t="s">
        <v>119</v>
      </c>
      <c r="I5630" t="s">
        <v>15</v>
      </c>
      <c r="J5630" s="10">
        <v>16.206570230000001</v>
      </c>
    </row>
    <row r="5631" spans="1:10" x14ac:dyDescent="0.35">
      <c r="A5631" t="s">
        <v>28</v>
      </c>
      <c r="B5631" t="s">
        <v>37</v>
      </c>
      <c r="C5631" t="s">
        <v>117</v>
      </c>
      <c r="D5631" t="s">
        <v>118</v>
      </c>
      <c r="E5631">
        <v>2014</v>
      </c>
      <c r="F5631">
        <v>2014</v>
      </c>
      <c r="G5631" t="s">
        <v>126</v>
      </c>
      <c r="H5631" t="s">
        <v>120</v>
      </c>
      <c r="I5631" t="s">
        <v>15</v>
      </c>
      <c r="J5631" s="10">
        <v>9.1577666620000002</v>
      </c>
    </row>
    <row r="5632" spans="1:10" x14ac:dyDescent="0.35">
      <c r="A5632" t="s">
        <v>28</v>
      </c>
      <c r="B5632" t="s">
        <v>37</v>
      </c>
      <c r="C5632" t="s">
        <v>117</v>
      </c>
      <c r="D5632" t="s">
        <v>118</v>
      </c>
      <c r="E5632">
        <v>2014</v>
      </c>
      <c r="F5632">
        <v>2014</v>
      </c>
      <c r="G5632" t="s">
        <v>126</v>
      </c>
      <c r="H5632" t="s">
        <v>121</v>
      </c>
      <c r="I5632" t="s">
        <v>15</v>
      </c>
      <c r="J5632" s="10">
        <v>30.644856019999999</v>
      </c>
    </row>
    <row r="5633" spans="1:10" x14ac:dyDescent="0.35">
      <c r="A5633" t="s">
        <v>28</v>
      </c>
      <c r="B5633" t="s">
        <v>37</v>
      </c>
      <c r="C5633" t="s">
        <v>117</v>
      </c>
      <c r="D5633" t="s">
        <v>118</v>
      </c>
      <c r="E5633">
        <v>2014</v>
      </c>
      <c r="F5633">
        <v>2014</v>
      </c>
      <c r="G5633" t="s">
        <v>126</v>
      </c>
      <c r="H5633" t="s">
        <v>122</v>
      </c>
      <c r="I5633" t="s">
        <v>15</v>
      </c>
      <c r="J5633" s="10">
        <v>22.568608900000001</v>
      </c>
    </row>
    <row r="5634" spans="1:10" x14ac:dyDescent="0.35">
      <c r="A5634" t="s">
        <v>28</v>
      </c>
      <c r="B5634" t="s">
        <v>37</v>
      </c>
      <c r="C5634" t="s">
        <v>117</v>
      </c>
      <c r="D5634" t="s">
        <v>118</v>
      </c>
      <c r="E5634">
        <v>2014</v>
      </c>
      <c r="F5634">
        <v>2014</v>
      </c>
      <c r="G5634" t="s">
        <v>126</v>
      </c>
      <c r="H5634" t="s">
        <v>123</v>
      </c>
      <c r="I5634" t="s">
        <v>15</v>
      </c>
      <c r="J5634" s="10">
        <v>18.412870080000001</v>
      </c>
    </row>
    <row r="5635" spans="1:10" x14ac:dyDescent="0.35">
      <c r="A5635" t="s">
        <v>28</v>
      </c>
      <c r="B5635" t="s">
        <v>37</v>
      </c>
      <c r="C5635" t="s">
        <v>117</v>
      </c>
      <c r="D5635" t="s">
        <v>118</v>
      </c>
      <c r="E5635">
        <v>2014</v>
      </c>
      <c r="F5635">
        <v>2014</v>
      </c>
      <c r="G5635" t="s">
        <v>126</v>
      </c>
      <c r="H5635" t="s">
        <v>124</v>
      </c>
      <c r="I5635" t="s">
        <v>15</v>
      </c>
      <c r="J5635" s="10">
        <v>3.0093281059999999</v>
      </c>
    </row>
    <row r="5636" spans="1:10" x14ac:dyDescent="0.35">
      <c r="A5636" t="s">
        <v>28</v>
      </c>
      <c r="B5636" t="s">
        <v>37</v>
      </c>
      <c r="C5636" t="s">
        <v>117</v>
      </c>
      <c r="D5636" t="s">
        <v>118</v>
      </c>
      <c r="E5636">
        <v>2013</v>
      </c>
      <c r="F5636">
        <v>2013</v>
      </c>
      <c r="G5636" t="s">
        <v>14</v>
      </c>
      <c r="H5636" t="s">
        <v>119</v>
      </c>
      <c r="I5636" t="s">
        <v>15</v>
      </c>
      <c r="J5636" s="10">
        <v>17.19304078</v>
      </c>
    </row>
    <row r="5637" spans="1:10" x14ac:dyDescent="0.35">
      <c r="A5637" t="s">
        <v>28</v>
      </c>
      <c r="B5637" t="s">
        <v>37</v>
      </c>
      <c r="C5637" t="s">
        <v>117</v>
      </c>
      <c r="D5637" t="s">
        <v>118</v>
      </c>
      <c r="E5637">
        <v>2013</v>
      </c>
      <c r="F5637">
        <v>2013</v>
      </c>
      <c r="G5637" t="s">
        <v>14</v>
      </c>
      <c r="H5637" t="s">
        <v>120</v>
      </c>
      <c r="I5637" t="s">
        <v>15</v>
      </c>
      <c r="J5637" s="10">
        <v>9.7905585110000004</v>
      </c>
    </row>
    <row r="5638" spans="1:10" x14ac:dyDescent="0.35">
      <c r="A5638" t="s">
        <v>28</v>
      </c>
      <c r="B5638" t="s">
        <v>37</v>
      </c>
      <c r="C5638" t="s">
        <v>117</v>
      </c>
      <c r="D5638" t="s">
        <v>118</v>
      </c>
      <c r="E5638">
        <v>2013</v>
      </c>
      <c r="F5638">
        <v>2013</v>
      </c>
      <c r="G5638" t="s">
        <v>14</v>
      </c>
      <c r="H5638" t="s">
        <v>121</v>
      </c>
      <c r="I5638" t="s">
        <v>15</v>
      </c>
      <c r="J5638" s="10">
        <v>31.45085328</v>
      </c>
    </row>
    <row r="5639" spans="1:10" x14ac:dyDescent="0.35">
      <c r="A5639" t="s">
        <v>28</v>
      </c>
      <c r="B5639" t="s">
        <v>37</v>
      </c>
      <c r="C5639" t="s">
        <v>117</v>
      </c>
      <c r="D5639" t="s">
        <v>118</v>
      </c>
      <c r="E5639">
        <v>2013</v>
      </c>
      <c r="F5639">
        <v>2013</v>
      </c>
      <c r="G5639" t="s">
        <v>14</v>
      </c>
      <c r="H5639" t="s">
        <v>122</v>
      </c>
      <c r="I5639" t="s">
        <v>15</v>
      </c>
      <c r="J5639" s="10">
        <v>22.278091759999999</v>
      </c>
    </row>
    <row r="5640" spans="1:10" x14ac:dyDescent="0.35">
      <c r="A5640" t="s">
        <v>28</v>
      </c>
      <c r="B5640" t="s">
        <v>37</v>
      </c>
      <c r="C5640" t="s">
        <v>117</v>
      </c>
      <c r="D5640" t="s">
        <v>118</v>
      </c>
      <c r="E5640">
        <v>2013</v>
      </c>
      <c r="F5640">
        <v>2013</v>
      </c>
      <c r="G5640" t="s">
        <v>14</v>
      </c>
      <c r="H5640" t="s">
        <v>123</v>
      </c>
      <c r="I5640" t="s">
        <v>15</v>
      </c>
      <c r="J5640" s="10">
        <v>17.087765959999999</v>
      </c>
    </row>
    <row r="5641" spans="1:10" x14ac:dyDescent="0.35">
      <c r="A5641" t="s">
        <v>28</v>
      </c>
      <c r="B5641" t="s">
        <v>37</v>
      </c>
      <c r="C5641" t="s">
        <v>117</v>
      </c>
      <c r="D5641" t="s">
        <v>118</v>
      </c>
      <c r="E5641">
        <v>2013</v>
      </c>
      <c r="F5641">
        <v>2013</v>
      </c>
      <c r="G5641" t="s">
        <v>14</v>
      </c>
      <c r="H5641" t="s">
        <v>124</v>
      </c>
      <c r="I5641" t="s">
        <v>15</v>
      </c>
      <c r="J5641" s="10">
        <v>2.199689716</v>
      </c>
    </row>
    <row r="5642" spans="1:10" x14ac:dyDescent="0.35">
      <c r="A5642" t="s">
        <v>28</v>
      </c>
      <c r="B5642" t="s">
        <v>37</v>
      </c>
      <c r="C5642" t="s">
        <v>117</v>
      </c>
      <c r="D5642" t="s">
        <v>118</v>
      </c>
      <c r="E5642">
        <v>2013</v>
      </c>
      <c r="F5642">
        <v>2013</v>
      </c>
      <c r="G5642" t="s">
        <v>125</v>
      </c>
      <c r="H5642" t="s">
        <v>119</v>
      </c>
      <c r="I5642" t="s">
        <v>15</v>
      </c>
      <c r="J5642" s="10">
        <v>18.100526840000001</v>
      </c>
    </row>
    <row r="5643" spans="1:10" x14ac:dyDescent="0.35">
      <c r="A5643" t="s">
        <v>28</v>
      </c>
      <c r="B5643" t="s">
        <v>37</v>
      </c>
      <c r="C5643" t="s">
        <v>117</v>
      </c>
      <c r="D5643" t="s">
        <v>118</v>
      </c>
      <c r="E5643">
        <v>2013</v>
      </c>
      <c r="F5643">
        <v>2013</v>
      </c>
      <c r="G5643" t="s">
        <v>125</v>
      </c>
      <c r="H5643" t="s">
        <v>120</v>
      </c>
      <c r="I5643" t="s">
        <v>15</v>
      </c>
      <c r="J5643" s="10">
        <v>10.40580948</v>
      </c>
    </row>
    <row r="5644" spans="1:10" x14ac:dyDescent="0.35">
      <c r="A5644" t="s">
        <v>28</v>
      </c>
      <c r="B5644" t="s">
        <v>37</v>
      </c>
      <c r="C5644" t="s">
        <v>117</v>
      </c>
      <c r="D5644" t="s">
        <v>118</v>
      </c>
      <c r="E5644">
        <v>2013</v>
      </c>
      <c r="F5644">
        <v>2013</v>
      </c>
      <c r="G5644" t="s">
        <v>125</v>
      </c>
      <c r="H5644" t="s">
        <v>121</v>
      </c>
      <c r="I5644" t="s">
        <v>15</v>
      </c>
      <c r="J5644" s="10">
        <v>31.413925670000001</v>
      </c>
    </row>
    <row r="5645" spans="1:10" x14ac:dyDescent="0.35">
      <c r="A5645" t="s">
        <v>28</v>
      </c>
      <c r="B5645" t="s">
        <v>37</v>
      </c>
      <c r="C5645" t="s">
        <v>117</v>
      </c>
      <c r="D5645" t="s">
        <v>118</v>
      </c>
      <c r="E5645">
        <v>2013</v>
      </c>
      <c r="F5645">
        <v>2013</v>
      </c>
      <c r="G5645" t="s">
        <v>125</v>
      </c>
      <c r="H5645" t="s">
        <v>122</v>
      </c>
      <c r="I5645" t="s">
        <v>15</v>
      </c>
      <c r="J5645" s="10">
        <v>22.457639189999998</v>
      </c>
    </row>
    <row r="5646" spans="1:10" x14ac:dyDescent="0.35">
      <c r="A5646" t="s">
        <v>28</v>
      </c>
      <c r="B5646" t="s">
        <v>37</v>
      </c>
      <c r="C5646" t="s">
        <v>117</v>
      </c>
      <c r="D5646" t="s">
        <v>118</v>
      </c>
      <c r="E5646">
        <v>2013</v>
      </c>
      <c r="F5646">
        <v>2013</v>
      </c>
      <c r="G5646" t="s">
        <v>125</v>
      </c>
      <c r="H5646" t="s">
        <v>123</v>
      </c>
      <c r="I5646" t="s">
        <v>15</v>
      </c>
      <c r="J5646" s="10">
        <v>16.175423609999999</v>
      </c>
    </row>
    <row r="5647" spans="1:10" x14ac:dyDescent="0.35">
      <c r="A5647" t="s">
        <v>28</v>
      </c>
      <c r="B5647" t="s">
        <v>37</v>
      </c>
      <c r="C5647" t="s">
        <v>117</v>
      </c>
      <c r="D5647" t="s">
        <v>118</v>
      </c>
      <c r="E5647">
        <v>2013</v>
      </c>
      <c r="F5647">
        <v>2013</v>
      </c>
      <c r="G5647" t="s">
        <v>125</v>
      </c>
      <c r="H5647" t="s">
        <v>124</v>
      </c>
      <c r="I5647" t="s">
        <v>15</v>
      </c>
      <c r="J5647" s="10">
        <v>1.44667521</v>
      </c>
    </row>
    <row r="5648" spans="1:10" x14ac:dyDescent="0.35">
      <c r="A5648" t="s">
        <v>28</v>
      </c>
      <c r="B5648" t="s">
        <v>37</v>
      </c>
      <c r="C5648" t="s">
        <v>117</v>
      </c>
      <c r="D5648" t="s">
        <v>118</v>
      </c>
      <c r="E5648">
        <v>2013</v>
      </c>
      <c r="F5648">
        <v>2013</v>
      </c>
      <c r="G5648" t="s">
        <v>126</v>
      </c>
      <c r="H5648" t="s">
        <v>119</v>
      </c>
      <c r="I5648" t="s">
        <v>15</v>
      </c>
      <c r="J5648" s="10">
        <v>16.333576069999999</v>
      </c>
    </row>
    <row r="5649" spans="1:10" x14ac:dyDescent="0.35">
      <c r="A5649" t="s">
        <v>28</v>
      </c>
      <c r="B5649" t="s">
        <v>37</v>
      </c>
      <c r="C5649" t="s">
        <v>117</v>
      </c>
      <c r="D5649" t="s">
        <v>118</v>
      </c>
      <c r="E5649">
        <v>2013</v>
      </c>
      <c r="F5649">
        <v>2013</v>
      </c>
      <c r="G5649" t="s">
        <v>126</v>
      </c>
      <c r="H5649" t="s">
        <v>120</v>
      </c>
      <c r="I5649" t="s">
        <v>15</v>
      </c>
      <c r="J5649" s="10">
        <v>9.2078647139999994</v>
      </c>
    </row>
    <row r="5650" spans="1:10" x14ac:dyDescent="0.35">
      <c r="A5650" t="s">
        <v>28</v>
      </c>
      <c r="B5650" t="s">
        <v>37</v>
      </c>
      <c r="C5650" t="s">
        <v>117</v>
      </c>
      <c r="D5650" t="s">
        <v>118</v>
      </c>
      <c r="E5650">
        <v>2013</v>
      </c>
      <c r="F5650">
        <v>2013</v>
      </c>
      <c r="G5650" t="s">
        <v>126</v>
      </c>
      <c r="H5650" t="s">
        <v>121</v>
      </c>
      <c r="I5650" t="s">
        <v>15</v>
      </c>
      <c r="J5650" s="10">
        <v>31.485826790000001</v>
      </c>
    </row>
    <row r="5651" spans="1:10" x14ac:dyDescent="0.35">
      <c r="A5651" t="s">
        <v>28</v>
      </c>
      <c r="B5651" t="s">
        <v>37</v>
      </c>
      <c r="C5651" t="s">
        <v>117</v>
      </c>
      <c r="D5651" t="s">
        <v>118</v>
      </c>
      <c r="E5651">
        <v>2013</v>
      </c>
      <c r="F5651">
        <v>2013</v>
      </c>
      <c r="G5651" t="s">
        <v>126</v>
      </c>
      <c r="H5651" t="s">
        <v>122</v>
      </c>
      <c r="I5651" t="s">
        <v>15</v>
      </c>
      <c r="J5651" s="10">
        <v>22.10804542</v>
      </c>
    </row>
    <row r="5652" spans="1:10" x14ac:dyDescent="0.35">
      <c r="A5652" t="s">
        <v>28</v>
      </c>
      <c r="B5652" t="s">
        <v>37</v>
      </c>
      <c r="C5652" t="s">
        <v>117</v>
      </c>
      <c r="D5652" t="s">
        <v>118</v>
      </c>
      <c r="E5652">
        <v>2013</v>
      </c>
      <c r="F5652">
        <v>2013</v>
      </c>
      <c r="G5652" t="s">
        <v>126</v>
      </c>
      <c r="H5652" t="s">
        <v>123</v>
      </c>
      <c r="I5652" t="s">
        <v>15</v>
      </c>
      <c r="J5652" s="10">
        <v>17.951829979999999</v>
      </c>
    </row>
    <row r="5653" spans="1:10" x14ac:dyDescent="0.35">
      <c r="A5653" t="s">
        <v>28</v>
      </c>
      <c r="B5653" t="s">
        <v>37</v>
      </c>
      <c r="C5653" t="s">
        <v>117</v>
      </c>
      <c r="D5653" t="s">
        <v>118</v>
      </c>
      <c r="E5653">
        <v>2013</v>
      </c>
      <c r="F5653">
        <v>2013</v>
      </c>
      <c r="G5653" t="s">
        <v>126</v>
      </c>
      <c r="H5653" t="s">
        <v>124</v>
      </c>
      <c r="I5653" t="s">
        <v>15</v>
      </c>
      <c r="J5653" s="10">
        <v>2.9128570269999998</v>
      </c>
    </row>
    <row r="5654" spans="1:10" x14ac:dyDescent="0.35">
      <c r="A5654" t="s">
        <v>28</v>
      </c>
      <c r="B5654" t="s">
        <v>37</v>
      </c>
      <c r="C5654" t="s">
        <v>117</v>
      </c>
      <c r="D5654" t="s">
        <v>118</v>
      </c>
      <c r="E5654">
        <v>2012</v>
      </c>
      <c r="F5654">
        <v>2012</v>
      </c>
      <c r="G5654" t="s">
        <v>14</v>
      </c>
      <c r="H5654" t="s">
        <v>119</v>
      </c>
      <c r="I5654" t="s">
        <v>15</v>
      </c>
      <c r="J5654" s="10">
        <v>17.435869100000001</v>
      </c>
    </row>
    <row r="5655" spans="1:10" x14ac:dyDescent="0.35">
      <c r="A5655" t="s">
        <v>28</v>
      </c>
      <c r="B5655" t="s">
        <v>37</v>
      </c>
      <c r="C5655" t="s">
        <v>117</v>
      </c>
      <c r="D5655" t="s">
        <v>118</v>
      </c>
      <c r="E5655">
        <v>2012</v>
      </c>
      <c r="F5655">
        <v>2012</v>
      </c>
      <c r="G5655" t="s">
        <v>14</v>
      </c>
      <c r="H5655" t="s">
        <v>120</v>
      </c>
      <c r="I5655" t="s">
        <v>15</v>
      </c>
      <c r="J5655" s="10">
        <v>9.6835241950000004</v>
      </c>
    </row>
    <row r="5656" spans="1:10" x14ac:dyDescent="0.35">
      <c r="A5656" t="s">
        <v>28</v>
      </c>
      <c r="B5656" t="s">
        <v>37</v>
      </c>
      <c r="C5656" t="s">
        <v>117</v>
      </c>
      <c r="D5656" t="s">
        <v>118</v>
      </c>
      <c r="E5656">
        <v>2012</v>
      </c>
      <c r="F5656">
        <v>2012</v>
      </c>
      <c r="G5656" t="s">
        <v>14</v>
      </c>
      <c r="H5656" t="s">
        <v>121</v>
      </c>
      <c r="I5656" t="s">
        <v>15</v>
      </c>
      <c r="J5656" s="10">
        <v>32.140735730000003</v>
      </c>
    </row>
    <row r="5657" spans="1:10" x14ac:dyDescent="0.35">
      <c r="A5657" t="s">
        <v>28</v>
      </c>
      <c r="B5657" t="s">
        <v>37</v>
      </c>
      <c r="C5657" t="s">
        <v>117</v>
      </c>
      <c r="D5657" t="s">
        <v>118</v>
      </c>
      <c r="E5657">
        <v>2012</v>
      </c>
      <c r="F5657">
        <v>2012</v>
      </c>
      <c r="G5657" t="s">
        <v>14</v>
      </c>
      <c r="H5657" t="s">
        <v>122</v>
      </c>
      <c r="I5657" t="s">
        <v>15</v>
      </c>
      <c r="J5657" s="10">
        <v>22.08147422</v>
      </c>
    </row>
    <row r="5658" spans="1:10" x14ac:dyDescent="0.35">
      <c r="A5658" t="s">
        <v>28</v>
      </c>
      <c r="B5658" t="s">
        <v>37</v>
      </c>
      <c r="C5658" t="s">
        <v>117</v>
      </c>
      <c r="D5658" t="s">
        <v>118</v>
      </c>
      <c r="E5658">
        <v>2012</v>
      </c>
      <c r="F5658">
        <v>2012</v>
      </c>
      <c r="G5658" t="s">
        <v>14</v>
      </c>
      <c r="H5658" t="s">
        <v>123</v>
      </c>
      <c r="I5658" t="s">
        <v>15</v>
      </c>
      <c r="J5658" s="10">
        <v>16.54625575</v>
      </c>
    </row>
    <row r="5659" spans="1:10" x14ac:dyDescent="0.35">
      <c r="A5659" t="s">
        <v>28</v>
      </c>
      <c r="B5659" t="s">
        <v>37</v>
      </c>
      <c r="C5659" t="s">
        <v>117</v>
      </c>
      <c r="D5659" t="s">
        <v>118</v>
      </c>
      <c r="E5659">
        <v>2012</v>
      </c>
      <c r="F5659">
        <v>2012</v>
      </c>
      <c r="G5659" t="s">
        <v>14</v>
      </c>
      <c r="H5659" t="s">
        <v>124</v>
      </c>
      <c r="I5659" t="s">
        <v>15</v>
      </c>
      <c r="J5659" s="10">
        <v>2.1121410119999999</v>
      </c>
    </row>
    <row r="5660" spans="1:10" x14ac:dyDescent="0.35">
      <c r="A5660" t="s">
        <v>28</v>
      </c>
      <c r="B5660" t="s">
        <v>37</v>
      </c>
      <c r="C5660" t="s">
        <v>117</v>
      </c>
      <c r="D5660" t="s">
        <v>118</v>
      </c>
      <c r="E5660">
        <v>2012</v>
      </c>
      <c r="F5660">
        <v>2012</v>
      </c>
      <c r="G5660" t="s">
        <v>125</v>
      </c>
      <c r="H5660" t="s">
        <v>119</v>
      </c>
      <c r="I5660" t="s">
        <v>15</v>
      </c>
      <c r="J5660" s="10">
        <v>18.335844439999999</v>
      </c>
    </row>
    <row r="5661" spans="1:10" x14ac:dyDescent="0.35">
      <c r="A5661" t="s">
        <v>28</v>
      </c>
      <c r="B5661" t="s">
        <v>37</v>
      </c>
      <c r="C5661" t="s">
        <v>117</v>
      </c>
      <c r="D5661" t="s">
        <v>118</v>
      </c>
      <c r="E5661">
        <v>2012</v>
      </c>
      <c r="F5661">
        <v>2012</v>
      </c>
      <c r="G5661" t="s">
        <v>125</v>
      </c>
      <c r="H5661" t="s">
        <v>120</v>
      </c>
      <c r="I5661" t="s">
        <v>15</v>
      </c>
      <c r="J5661" s="10">
        <v>10.28228672</v>
      </c>
    </row>
    <row r="5662" spans="1:10" x14ac:dyDescent="0.35">
      <c r="A5662" t="s">
        <v>28</v>
      </c>
      <c r="B5662" t="s">
        <v>37</v>
      </c>
      <c r="C5662" t="s">
        <v>117</v>
      </c>
      <c r="D5662" t="s">
        <v>118</v>
      </c>
      <c r="E5662">
        <v>2012</v>
      </c>
      <c r="F5662">
        <v>2012</v>
      </c>
      <c r="G5662" t="s">
        <v>125</v>
      </c>
      <c r="H5662" t="s">
        <v>121</v>
      </c>
      <c r="I5662" t="s">
        <v>15</v>
      </c>
      <c r="J5662" s="10">
        <v>32.140318960000002</v>
      </c>
    </row>
    <row r="5663" spans="1:10" x14ac:dyDescent="0.35">
      <c r="A5663" t="s">
        <v>28</v>
      </c>
      <c r="B5663" t="s">
        <v>37</v>
      </c>
      <c r="C5663" t="s">
        <v>117</v>
      </c>
      <c r="D5663" t="s">
        <v>118</v>
      </c>
      <c r="E5663">
        <v>2012</v>
      </c>
      <c r="F5663">
        <v>2012</v>
      </c>
      <c r="G5663" t="s">
        <v>125</v>
      </c>
      <c r="H5663" t="s">
        <v>122</v>
      </c>
      <c r="I5663" t="s">
        <v>15</v>
      </c>
      <c r="J5663" s="10">
        <v>22.270233390000001</v>
      </c>
    </row>
    <row r="5664" spans="1:10" x14ac:dyDescent="0.35">
      <c r="A5664" t="s">
        <v>28</v>
      </c>
      <c r="B5664" t="s">
        <v>37</v>
      </c>
      <c r="C5664" t="s">
        <v>117</v>
      </c>
      <c r="D5664" t="s">
        <v>118</v>
      </c>
      <c r="E5664">
        <v>2012</v>
      </c>
      <c r="F5664">
        <v>2012</v>
      </c>
      <c r="G5664" t="s">
        <v>125</v>
      </c>
      <c r="H5664" t="s">
        <v>123</v>
      </c>
      <c r="I5664" t="s">
        <v>15</v>
      </c>
      <c r="J5664" s="10">
        <v>15.51866276</v>
      </c>
    </row>
    <row r="5665" spans="1:10" x14ac:dyDescent="0.35">
      <c r="A5665" t="s">
        <v>28</v>
      </c>
      <c r="B5665" t="s">
        <v>37</v>
      </c>
      <c r="C5665" t="s">
        <v>117</v>
      </c>
      <c r="D5665" t="s">
        <v>118</v>
      </c>
      <c r="E5665">
        <v>2012</v>
      </c>
      <c r="F5665">
        <v>2012</v>
      </c>
      <c r="G5665" t="s">
        <v>125</v>
      </c>
      <c r="H5665" t="s">
        <v>124</v>
      </c>
      <c r="I5665" t="s">
        <v>15</v>
      </c>
      <c r="J5665" s="10">
        <v>1.4526537230000001</v>
      </c>
    </row>
    <row r="5666" spans="1:10" x14ac:dyDescent="0.35">
      <c r="A5666" t="s">
        <v>28</v>
      </c>
      <c r="B5666" t="s">
        <v>37</v>
      </c>
      <c r="C5666" t="s">
        <v>117</v>
      </c>
      <c r="D5666" t="s">
        <v>118</v>
      </c>
      <c r="E5666">
        <v>2012</v>
      </c>
      <c r="F5666">
        <v>2012</v>
      </c>
      <c r="G5666" t="s">
        <v>126</v>
      </c>
      <c r="H5666" t="s">
        <v>119</v>
      </c>
      <c r="I5666" t="s">
        <v>15</v>
      </c>
      <c r="J5666" s="10">
        <v>16.585156120000001</v>
      </c>
    </row>
    <row r="5667" spans="1:10" x14ac:dyDescent="0.35">
      <c r="A5667" t="s">
        <v>28</v>
      </c>
      <c r="B5667" t="s">
        <v>37</v>
      </c>
      <c r="C5667" t="s">
        <v>117</v>
      </c>
      <c r="D5667" t="s">
        <v>118</v>
      </c>
      <c r="E5667">
        <v>2012</v>
      </c>
      <c r="F5667">
        <v>2012</v>
      </c>
      <c r="G5667" t="s">
        <v>126</v>
      </c>
      <c r="H5667" t="s">
        <v>120</v>
      </c>
      <c r="I5667" t="s">
        <v>15</v>
      </c>
      <c r="J5667" s="10">
        <v>9.1175364109999997</v>
      </c>
    </row>
    <row r="5668" spans="1:10" x14ac:dyDescent="0.35">
      <c r="A5668" t="s">
        <v>28</v>
      </c>
      <c r="B5668" t="s">
        <v>37</v>
      </c>
      <c r="C5668" t="s">
        <v>117</v>
      </c>
      <c r="D5668" t="s">
        <v>118</v>
      </c>
      <c r="E5668">
        <v>2012</v>
      </c>
      <c r="F5668">
        <v>2012</v>
      </c>
      <c r="G5668" t="s">
        <v>126</v>
      </c>
      <c r="H5668" t="s">
        <v>121</v>
      </c>
      <c r="I5668" t="s">
        <v>15</v>
      </c>
      <c r="J5668" s="10">
        <v>32.141129679999999</v>
      </c>
    </row>
    <row r="5669" spans="1:10" x14ac:dyDescent="0.35">
      <c r="A5669" t="s">
        <v>28</v>
      </c>
      <c r="B5669" t="s">
        <v>37</v>
      </c>
      <c r="C5669" t="s">
        <v>117</v>
      </c>
      <c r="D5669" t="s">
        <v>118</v>
      </c>
      <c r="E5669">
        <v>2012</v>
      </c>
      <c r="F5669">
        <v>2012</v>
      </c>
      <c r="G5669" t="s">
        <v>126</v>
      </c>
      <c r="H5669" t="s">
        <v>122</v>
      </c>
      <c r="I5669" t="s">
        <v>15</v>
      </c>
      <c r="J5669" s="10">
        <v>21.903047239999999</v>
      </c>
    </row>
    <row r="5670" spans="1:10" x14ac:dyDescent="0.35">
      <c r="A5670" t="s">
        <v>28</v>
      </c>
      <c r="B5670" t="s">
        <v>37</v>
      </c>
      <c r="C5670" t="s">
        <v>117</v>
      </c>
      <c r="D5670" t="s">
        <v>118</v>
      </c>
      <c r="E5670">
        <v>2012</v>
      </c>
      <c r="F5670">
        <v>2012</v>
      </c>
      <c r="G5670" t="s">
        <v>126</v>
      </c>
      <c r="H5670" t="s">
        <v>123</v>
      </c>
      <c r="I5670" t="s">
        <v>15</v>
      </c>
      <c r="J5670" s="10">
        <v>17.517600900000001</v>
      </c>
    </row>
    <row r="5671" spans="1:10" x14ac:dyDescent="0.35">
      <c r="A5671" t="s">
        <v>28</v>
      </c>
      <c r="B5671" t="s">
        <v>37</v>
      </c>
      <c r="C5671" t="s">
        <v>117</v>
      </c>
      <c r="D5671" t="s">
        <v>118</v>
      </c>
      <c r="E5671">
        <v>2012</v>
      </c>
      <c r="F5671">
        <v>2012</v>
      </c>
      <c r="G5671" t="s">
        <v>126</v>
      </c>
      <c r="H5671" t="s">
        <v>124</v>
      </c>
      <c r="I5671" t="s">
        <v>15</v>
      </c>
      <c r="J5671" s="10">
        <v>2.7355296390000001</v>
      </c>
    </row>
    <row r="5672" spans="1:10" x14ac:dyDescent="0.35">
      <c r="A5672" t="s">
        <v>28</v>
      </c>
      <c r="B5672" t="s">
        <v>37</v>
      </c>
      <c r="C5672" t="s">
        <v>117</v>
      </c>
      <c r="D5672" t="s">
        <v>118</v>
      </c>
      <c r="E5672">
        <v>2011</v>
      </c>
      <c r="F5672">
        <v>2011</v>
      </c>
      <c r="G5672" t="s">
        <v>14</v>
      </c>
      <c r="H5672" t="s">
        <v>119</v>
      </c>
      <c r="I5672" t="s">
        <v>15</v>
      </c>
      <c r="J5672" s="10">
        <v>17.681398869999999</v>
      </c>
    </row>
    <row r="5673" spans="1:10" x14ac:dyDescent="0.35">
      <c r="A5673" t="s">
        <v>28</v>
      </c>
      <c r="B5673" t="s">
        <v>37</v>
      </c>
      <c r="C5673" t="s">
        <v>117</v>
      </c>
      <c r="D5673" t="s">
        <v>118</v>
      </c>
      <c r="E5673">
        <v>2011</v>
      </c>
      <c r="F5673">
        <v>2011</v>
      </c>
      <c r="G5673" t="s">
        <v>14</v>
      </c>
      <c r="H5673" t="s">
        <v>120</v>
      </c>
      <c r="I5673" t="s">
        <v>15</v>
      </c>
      <c r="J5673" s="10">
        <v>9.7618064160000007</v>
      </c>
    </row>
    <row r="5674" spans="1:10" x14ac:dyDescent="0.35">
      <c r="A5674" t="s">
        <v>28</v>
      </c>
      <c r="B5674" t="s">
        <v>37</v>
      </c>
      <c r="C5674" t="s">
        <v>117</v>
      </c>
      <c r="D5674" t="s">
        <v>118</v>
      </c>
      <c r="E5674">
        <v>2011</v>
      </c>
      <c r="F5674">
        <v>2011</v>
      </c>
      <c r="G5674" t="s">
        <v>14</v>
      </c>
      <c r="H5674" t="s">
        <v>121</v>
      </c>
      <c r="I5674" t="s">
        <v>15</v>
      </c>
      <c r="J5674" s="10">
        <v>32.701363069999999</v>
      </c>
    </row>
    <row r="5675" spans="1:10" x14ac:dyDescent="0.35">
      <c r="A5675" t="s">
        <v>28</v>
      </c>
      <c r="B5675" t="s">
        <v>37</v>
      </c>
      <c r="C5675" t="s">
        <v>117</v>
      </c>
      <c r="D5675" t="s">
        <v>118</v>
      </c>
      <c r="E5675">
        <v>2011</v>
      </c>
      <c r="F5675">
        <v>2011</v>
      </c>
      <c r="G5675" t="s">
        <v>14</v>
      </c>
      <c r="H5675" t="s">
        <v>122</v>
      </c>
      <c r="I5675" t="s">
        <v>15</v>
      </c>
      <c r="J5675" s="10">
        <v>22.055624399999999</v>
      </c>
    </row>
    <row r="5676" spans="1:10" x14ac:dyDescent="0.35">
      <c r="A5676" t="s">
        <v>28</v>
      </c>
      <c r="B5676" t="s">
        <v>37</v>
      </c>
      <c r="C5676" t="s">
        <v>117</v>
      </c>
      <c r="D5676" t="s">
        <v>118</v>
      </c>
      <c r="E5676">
        <v>2011</v>
      </c>
      <c r="F5676">
        <v>2011</v>
      </c>
      <c r="G5676" t="s">
        <v>14</v>
      </c>
      <c r="H5676" t="s">
        <v>123</v>
      </c>
      <c r="I5676" t="s">
        <v>15</v>
      </c>
      <c r="J5676" s="10">
        <v>15.77171968</v>
      </c>
    </row>
    <row r="5677" spans="1:10" x14ac:dyDescent="0.35">
      <c r="A5677" t="s">
        <v>28</v>
      </c>
      <c r="B5677" t="s">
        <v>37</v>
      </c>
      <c r="C5677" t="s">
        <v>117</v>
      </c>
      <c r="D5677" t="s">
        <v>118</v>
      </c>
      <c r="E5677">
        <v>2011</v>
      </c>
      <c r="F5677">
        <v>2011</v>
      </c>
      <c r="G5677" t="s">
        <v>14</v>
      </c>
      <c r="H5677" t="s">
        <v>124</v>
      </c>
      <c r="I5677" t="s">
        <v>15</v>
      </c>
      <c r="J5677" s="10">
        <v>2.028087567</v>
      </c>
    </row>
    <row r="5678" spans="1:10" x14ac:dyDescent="0.35">
      <c r="A5678" t="s">
        <v>28</v>
      </c>
      <c r="B5678" t="s">
        <v>37</v>
      </c>
      <c r="C5678" t="s">
        <v>117</v>
      </c>
      <c r="D5678" t="s">
        <v>118</v>
      </c>
      <c r="E5678">
        <v>2011</v>
      </c>
      <c r="F5678">
        <v>2011</v>
      </c>
      <c r="G5678" t="s">
        <v>125</v>
      </c>
      <c r="H5678" t="s">
        <v>119</v>
      </c>
      <c r="I5678" t="s">
        <v>15</v>
      </c>
      <c r="J5678" s="10">
        <v>18.55883437</v>
      </c>
    </row>
    <row r="5679" spans="1:10" x14ac:dyDescent="0.35">
      <c r="A5679" t="s">
        <v>28</v>
      </c>
      <c r="B5679" t="s">
        <v>37</v>
      </c>
      <c r="C5679" t="s">
        <v>117</v>
      </c>
      <c r="D5679" t="s">
        <v>118</v>
      </c>
      <c r="E5679">
        <v>2011</v>
      </c>
      <c r="F5679">
        <v>2011</v>
      </c>
      <c r="G5679" t="s">
        <v>125</v>
      </c>
      <c r="H5679" t="s">
        <v>120</v>
      </c>
      <c r="I5679" t="s">
        <v>15</v>
      </c>
      <c r="J5679" s="10">
        <v>10.30416419</v>
      </c>
    </row>
    <row r="5680" spans="1:10" x14ac:dyDescent="0.35">
      <c r="A5680" t="s">
        <v>28</v>
      </c>
      <c r="B5680" t="s">
        <v>37</v>
      </c>
      <c r="C5680" t="s">
        <v>117</v>
      </c>
      <c r="D5680" t="s">
        <v>118</v>
      </c>
      <c r="E5680">
        <v>2011</v>
      </c>
      <c r="F5680">
        <v>2011</v>
      </c>
      <c r="G5680" t="s">
        <v>125</v>
      </c>
      <c r="H5680" t="s">
        <v>121</v>
      </c>
      <c r="I5680" t="s">
        <v>15</v>
      </c>
      <c r="J5680" s="10">
        <v>32.777730529999999</v>
      </c>
    </row>
    <row r="5681" spans="1:10" x14ac:dyDescent="0.35">
      <c r="A5681" t="s">
        <v>28</v>
      </c>
      <c r="B5681" t="s">
        <v>37</v>
      </c>
      <c r="C5681" t="s">
        <v>117</v>
      </c>
      <c r="D5681" t="s">
        <v>118</v>
      </c>
      <c r="E5681">
        <v>2011</v>
      </c>
      <c r="F5681">
        <v>2011</v>
      </c>
      <c r="G5681" t="s">
        <v>125</v>
      </c>
      <c r="H5681" t="s">
        <v>122</v>
      </c>
      <c r="I5681" t="s">
        <v>15</v>
      </c>
      <c r="J5681" s="10">
        <v>22.317657400000002</v>
      </c>
    </row>
    <row r="5682" spans="1:10" x14ac:dyDescent="0.35">
      <c r="A5682" t="s">
        <v>28</v>
      </c>
      <c r="B5682" t="s">
        <v>37</v>
      </c>
      <c r="C5682" t="s">
        <v>117</v>
      </c>
      <c r="D5682" t="s">
        <v>118</v>
      </c>
      <c r="E5682">
        <v>2011</v>
      </c>
      <c r="F5682">
        <v>2011</v>
      </c>
      <c r="G5682" t="s">
        <v>125</v>
      </c>
      <c r="H5682" t="s">
        <v>123</v>
      </c>
      <c r="I5682" t="s">
        <v>15</v>
      </c>
      <c r="J5682" s="10">
        <v>14.746151879999999</v>
      </c>
    </row>
    <row r="5683" spans="1:10" x14ac:dyDescent="0.35">
      <c r="A5683" t="s">
        <v>28</v>
      </c>
      <c r="B5683" t="s">
        <v>37</v>
      </c>
      <c r="C5683" t="s">
        <v>117</v>
      </c>
      <c r="D5683" t="s">
        <v>118</v>
      </c>
      <c r="E5683">
        <v>2011</v>
      </c>
      <c r="F5683">
        <v>2011</v>
      </c>
      <c r="G5683" t="s">
        <v>125</v>
      </c>
      <c r="H5683" t="s">
        <v>124</v>
      </c>
      <c r="I5683" t="s">
        <v>15</v>
      </c>
      <c r="J5683" s="10">
        <v>1.2954616320000001</v>
      </c>
    </row>
    <row r="5684" spans="1:10" x14ac:dyDescent="0.35">
      <c r="A5684" t="s">
        <v>28</v>
      </c>
      <c r="B5684" t="s">
        <v>37</v>
      </c>
      <c r="C5684" t="s">
        <v>117</v>
      </c>
      <c r="D5684" t="s">
        <v>118</v>
      </c>
      <c r="E5684">
        <v>2011</v>
      </c>
      <c r="F5684">
        <v>2011</v>
      </c>
      <c r="G5684" t="s">
        <v>126</v>
      </c>
      <c r="H5684" t="s">
        <v>119</v>
      </c>
      <c r="I5684" t="s">
        <v>15</v>
      </c>
      <c r="J5684" s="10">
        <v>16.852729369999999</v>
      </c>
    </row>
    <row r="5685" spans="1:10" x14ac:dyDescent="0.35">
      <c r="A5685" t="s">
        <v>28</v>
      </c>
      <c r="B5685" t="s">
        <v>37</v>
      </c>
      <c r="C5685" t="s">
        <v>117</v>
      </c>
      <c r="D5685" t="s">
        <v>118</v>
      </c>
      <c r="E5685">
        <v>2011</v>
      </c>
      <c r="F5685">
        <v>2011</v>
      </c>
      <c r="G5685" t="s">
        <v>126</v>
      </c>
      <c r="H5685" t="s">
        <v>120</v>
      </c>
      <c r="I5685" t="s">
        <v>15</v>
      </c>
      <c r="J5685" s="10">
        <v>9.2495917330000008</v>
      </c>
    </row>
    <row r="5686" spans="1:10" x14ac:dyDescent="0.35">
      <c r="A5686" t="s">
        <v>28</v>
      </c>
      <c r="B5686" t="s">
        <v>37</v>
      </c>
      <c r="C5686" t="s">
        <v>117</v>
      </c>
      <c r="D5686" t="s">
        <v>118</v>
      </c>
      <c r="E5686">
        <v>2011</v>
      </c>
      <c r="F5686">
        <v>2011</v>
      </c>
      <c r="G5686" t="s">
        <v>126</v>
      </c>
      <c r="H5686" t="s">
        <v>121</v>
      </c>
      <c r="I5686" t="s">
        <v>15</v>
      </c>
      <c r="J5686" s="10">
        <v>32.629239949999999</v>
      </c>
    </row>
    <row r="5687" spans="1:10" x14ac:dyDescent="0.35">
      <c r="A5687" t="s">
        <v>28</v>
      </c>
      <c r="B5687" t="s">
        <v>37</v>
      </c>
      <c r="C5687" t="s">
        <v>117</v>
      </c>
      <c r="D5687" t="s">
        <v>118</v>
      </c>
      <c r="E5687">
        <v>2011</v>
      </c>
      <c r="F5687">
        <v>2011</v>
      </c>
      <c r="G5687" t="s">
        <v>126</v>
      </c>
      <c r="H5687" t="s">
        <v>122</v>
      </c>
      <c r="I5687" t="s">
        <v>15</v>
      </c>
      <c r="J5687" s="10">
        <v>21.808154630000001</v>
      </c>
    </row>
    <row r="5688" spans="1:10" x14ac:dyDescent="0.35">
      <c r="A5688" t="s">
        <v>28</v>
      </c>
      <c r="B5688" t="s">
        <v>37</v>
      </c>
      <c r="C5688" t="s">
        <v>117</v>
      </c>
      <c r="D5688" t="s">
        <v>118</v>
      </c>
      <c r="E5688">
        <v>2011</v>
      </c>
      <c r="F5688">
        <v>2011</v>
      </c>
      <c r="G5688" t="s">
        <v>126</v>
      </c>
      <c r="H5688" t="s">
        <v>123</v>
      </c>
      <c r="I5688" t="s">
        <v>15</v>
      </c>
      <c r="J5688" s="10">
        <v>16.7402886</v>
      </c>
    </row>
    <row r="5689" spans="1:10" x14ac:dyDescent="0.35">
      <c r="A5689" t="s">
        <v>28</v>
      </c>
      <c r="B5689" t="s">
        <v>37</v>
      </c>
      <c r="C5689" t="s">
        <v>117</v>
      </c>
      <c r="D5689" t="s">
        <v>118</v>
      </c>
      <c r="E5689">
        <v>2011</v>
      </c>
      <c r="F5689">
        <v>2011</v>
      </c>
      <c r="G5689" t="s">
        <v>126</v>
      </c>
      <c r="H5689" t="s">
        <v>124</v>
      </c>
      <c r="I5689" t="s">
        <v>15</v>
      </c>
      <c r="J5689" s="10">
        <v>2.7199957170000002</v>
      </c>
    </row>
    <row r="5690" spans="1:10" x14ac:dyDescent="0.35">
      <c r="A5690" t="s">
        <v>20</v>
      </c>
      <c r="B5690" t="s">
        <v>38</v>
      </c>
      <c r="C5690" t="s">
        <v>117</v>
      </c>
      <c r="D5690" t="s">
        <v>118</v>
      </c>
      <c r="E5690">
        <v>2020</v>
      </c>
      <c r="F5690">
        <v>2020</v>
      </c>
      <c r="G5690" t="s">
        <v>14</v>
      </c>
      <c r="H5690" t="s">
        <v>119</v>
      </c>
      <c r="I5690" t="s">
        <v>15</v>
      </c>
      <c r="J5690" s="10">
        <v>18.831761069999999</v>
      </c>
    </row>
    <row r="5691" spans="1:10" x14ac:dyDescent="0.35">
      <c r="A5691" t="s">
        <v>20</v>
      </c>
      <c r="B5691" t="s">
        <v>38</v>
      </c>
      <c r="C5691" t="s">
        <v>117</v>
      </c>
      <c r="D5691" t="s">
        <v>118</v>
      </c>
      <c r="E5691">
        <v>2020</v>
      </c>
      <c r="F5691">
        <v>2020</v>
      </c>
      <c r="G5691" t="s">
        <v>14</v>
      </c>
      <c r="H5691" t="s">
        <v>120</v>
      </c>
      <c r="I5691" t="s">
        <v>15</v>
      </c>
      <c r="J5691" s="10">
        <v>10.311593909999999</v>
      </c>
    </row>
    <row r="5692" spans="1:10" x14ac:dyDescent="0.35">
      <c r="A5692" t="s">
        <v>20</v>
      </c>
      <c r="B5692" t="s">
        <v>38</v>
      </c>
      <c r="C5692" t="s">
        <v>117</v>
      </c>
      <c r="D5692" t="s">
        <v>118</v>
      </c>
      <c r="E5692">
        <v>2020</v>
      </c>
      <c r="F5692">
        <v>2020</v>
      </c>
      <c r="G5692" t="s">
        <v>14</v>
      </c>
      <c r="H5692" t="s">
        <v>121</v>
      </c>
      <c r="I5692" t="s">
        <v>15</v>
      </c>
      <c r="J5692" s="10">
        <v>32.937204780000002</v>
      </c>
    </row>
    <row r="5693" spans="1:10" x14ac:dyDescent="0.35">
      <c r="A5693" t="s">
        <v>20</v>
      </c>
      <c r="B5693" t="s">
        <v>38</v>
      </c>
      <c r="C5693" t="s">
        <v>117</v>
      </c>
      <c r="D5693" t="s">
        <v>118</v>
      </c>
      <c r="E5693">
        <v>2020</v>
      </c>
      <c r="F5693">
        <v>2020</v>
      </c>
      <c r="G5693" t="s">
        <v>14</v>
      </c>
      <c r="H5693" t="s">
        <v>122</v>
      </c>
      <c r="I5693" t="s">
        <v>15</v>
      </c>
      <c r="J5693" s="10">
        <v>21.205809890000001</v>
      </c>
    </row>
    <row r="5694" spans="1:10" x14ac:dyDescent="0.35">
      <c r="A5694" t="s">
        <v>20</v>
      </c>
      <c r="B5694" t="s">
        <v>38</v>
      </c>
      <c r="C5694" t="s">
        <v>117</v>
      </c>
      <c r="D5694" t="s">
        <v>118</v>
      </c>
      <c r="E5694">
        <v>2020</v>
      </c>
      <c r="F5694">
        <v>2020</v>
      </c>
      <c r="G5694" t="s">
        <v>14</v>
      </c>
      <c r="H5694" t="s">
        <v>123</v>
      </c>
      <c r="I5694" t="s">
        <v>15</v>
      </c>
      <c r="J5694" s="10">
        <v>14.81874736</v>
      </c>
    </row>
    <row r="5695" spans="1:10" x14ac:dyDescent="0.35">
      <c r="A5695" t="s">
        <v>20</v>
      </c>
      <c r="B5695" t="s">
        <v>38</v>
      </c>
      <c r="C5695" t="s">
        <v>117</v>
      </c>
      <c r="D5695" t="s">
        <v>118</v>
      </c>
      <c r="E5695">
        <v>2020</v>
      </c>
      <c r="F5695">
        <v>2020</v>
      </c>
      <c r="G5695" t="s">
        <v>14</v>
      </c>
      <c r="H5695" t="s">
        <v>124</v>
      </c>
      <c r="I5695" t="s">
        <v>15</v>
      </c>
      <c r="J5695" s="10">
        <v>1.894882999</v>
      </c>
    </row>
    <row r="5696" spans="1:10" x14ac:dyDescent="0.35">
      <c r="A5696" t="s">
        <v>20</v>
      </c>
      <c r="B5696" t="s">
        <v>38</v>
      </c>
      <c r="C5696" t="s">
        <v>117</v>
      </c>
      <c r="D5696" t="s">
        <v>118</v>
      </c>
      <c r="E5696">
        <v>2020</v>
      </c>
      <c r="F5696">
        <v>2020</v>
      </c>
      <c r="G5696" t="s">
        <v>125</v>
      </c>
      <c r="H5696" t="s">
        <v>119</v>
      </c>
      <c r="I5696" t="s">
        <v>15</v>
      </c>
      <c r="J5696" s="10">
        <v>19.947417519999998</v>
      </c>
    </row>
    <row r="5697" spans="1:10" x14ac:dyDescent="0.35">
      <c r="A5697" t="s">
        <v>20</v>
      </c>
      <c r="B5697" t="s">
        <v>38</v>
      </c>
      <c r="C5697" t="s">
        <v>117</v>
      </c>
      <c r="D5697" t="s">
        <v>118</v>
      </c>
      <c r="E5697">
        <v>2020</v>
      </c>
      <c r="F5697">
        <v>2020</v>
      </c>
      <c r="G5697" t="s">
        <v>125</v>
      </c>
      <c r="H5697" t="s">
        <v>120</v>
      </c>
      <c r="I5697" t="s">
        <v>15</v>
      </c>
      <c r="J5697" s="10">
        <v>10.751137870000001</v>
      </c>
    </row>
    <row r="5698" spans="1:10" x14ac:dyDescent="0.35">
      <c r="A5698" t="s">
        <v>20</v>
      </c>
      <c r="B5698" t="s">
        <v>38</v>
      </c>
      <c r="C5698" t="s">
        <v>117</v>
      </c>
      <c r="D5698" t="s">
        <v>118</v>
      </c>
      <c r="E5698">
        <v>2020</v>
      </c>
      <c r="F5698">
        <v>2020</v>
      </c>
      <c r="G5698" t="s">
        <v>125</v>
      </c>
      <c r="H5698" t="s">
        <v>121</v>
      </c>
      <c r="I5698" t="s">
        <v>15</v>
      </c>
      <c r="J5698" s="10">
        <v>32.818816609999999</v>
      </c>
    </row>
    <row r="5699" spans="1:10" x14ac:dyDescent="0.35">
      <c r="A5699" t="s">
        <v>20</v>
      </c>
      <c r="B5699" t="s">
        <v>38</v>
      </c>
      <c r="C5699" t="s">
        <v>117</v>
      </c>
      <c r="D5699" t="s">
        <v>118</v>
      </c>
      <c r="E5699">
        <v>2020</v>
      </c>
      <c r="F5699">
        <v>2020</v>
      </c>
      <c r="G5699" t="s">
        <v>125</v>
      </c>
      <c r="H5699" t="s">
        <v>122</v>
      </c>
      <c r="I5699" t="s">
        <v>15</v>
      </c>
      <c r="J5699" s="10">
        <v>21.202612160000001</v>
      </c>
    </row>
    <row r="5700" spans="1:10" x14ac:dyDescent="0.35">
      <c r="A5700" t="s">
        <v>20</v>
      </c>
      <c r="B5700" t="s">
        <v>38</v>
      </c>
      <c r="C5700" t="s">
        <v>117</v>
      </c>
      <c r="D5700" t="s">
        <v>118</v>
      </c>
      <c r="E5700">
        <v>2020</v>
      </c>
      <c r="F5700">
        <v>2020</v>
      </c>
      <c r="G5700" t="s">
        <v>125</v>
      </c>
      <c r="H5700" t="s">
        <v>123</v>
      </c>
      <c r="I5700" t="s">
        <v>15</v>
      </c>
      <c r="J5700" s="10">
        <v>14.027648210000001</v>
      </c>
    </row>
    <row r="5701" spans="1:10" x14ac:dyDescent="0.35">
      <c r="A5701" t="s">
        <v>20</v>
      </c>
      <c r="B5701" t="s">
        <v>38</v>
      </c>
      <c r="C5701" t="s">
        <v>117</v>
      </c>
      <c r="D5701" t="s">
        <v>118</v>
      </c>
      <c r="E5701">
        <v>2020</v>
      </c>
      <c r="F5701">
        <v>2020</v>
      </c>
      <c r="G5701" t="s">
        <v>125</v>
      </c>
      <c r="H5701" t="s">
        <v>124</v>
      </c>
      <c r="I5701" t="s">
        <v>15</v>
      </c>
      <c r="J5701" s="10">
        <v>1.252367625</v>
      </c>
    </row>
    <row r="5702" spans="1:10" x14ac:dyDescent="0.35">
      <c r="A5702" t="s">
        <v>20</v>
      </c>
      <c r="B5702" t="s">
        <v>38</v>
      </c>
      <c r="C5702" t="s">
        <v>117</v>
      </c>
      <c r="D5702" t="s">
        <v>118</v>
      </c>
      <c r="E5702">
        <v>2020</v>
      </c>
      <c r="F5702">
        <v>2020</v>
      </c>
      <c r="G5702" t="s">
        <v>126</v>
      </c>
      <c r="H5702" t="s">
        <v>119</v>
      </c>
      <c r="I5702" t="s">
        <v>15</v>
      </c>
      <c r="J5702" s="10">
        <v>17.79563117</v>
      </c>
    </row>
    <row r="5703" spans="1:10" x14ac:dyDescent="0.35">
      <c r="A5703" t="s">
        <v>20</v>
      </c>
      <c r="B5703" t="s">
        <v>38</v>
      </c>
      <c r="C5703" t="s">
        <v>117</v>
      </c>
      <c r="D5703" t="s">
        <v>118</v>
      </c>
      <c r="E5703">
        <v>2020</v>
      </c>
      <c r="F5703">
        <v>2020</v>
      </c>
      <c r="G5703" t="s">
        <v>126</v>
      </c>
      <c r="H5703" t="s">
        <v>120</v>
      </c>
      <c r="I5703" t="s">
        <v>15</v>
      </c>
      <c r="J5703" s="10">
        <v>9.9033816429999995</v>
      </c>
    </row>
    <row r="5704" spans="1:10" x14ac:dyDescent="0.35">
      <c r="A5704" t="s">
        <v>20</v>
      </c>
      <c r="B5704" t="s">
        <v>38</v>
      </c>
      <c r="C5704" t="s">
        <v>117</v>
      </c>
      <c r="D5704" t="s">
        <v>118</v>
      </c>
      <c r="E5704">
        <v>2020</v>
      </c>
      <c r="F5704">
        <v>2020</v>
      </c>
      <c r="G5704" t="s">
        <v>126</v>
      </c>
      <c r="H5704" t="s">
        <v>121</v>
      </c>
      <c r="I5704" t="s">
        <v>15</v>
      </c>
      <c r="J5704" s="10">
        <v>33.047153960000003</v>
      </c>
    </row>
    <row r="5705" spans="1:10" x14ac:dyDescent="0.35">
      <c r="A5705" t="s">
        <v>20</v>
      </c>
      <c r="B5705" t="s">
        <v>38</v>
      </c>
      <c r="C5705" t="s">
        <v>117</v>
      </c>
      <c r="D5705" t="s">
        <v>118</v>
      </c>
      <c r="E5705">
        <v>2020</v>
      </c>
      <c r="F5705">
        <v>2020</v>
      </c>
      <c r="G5705" t="s">
        <v>126</v>
      </c>
      <c r="H5705" t="s">
        <v>122</v>
      </c>
      <c r="I5705" t="s">
        <v>15</v>
      </c>
      <c r="J5705" s="10">
        <v>21.208779669999998</v>
      </c>
    </row>
    <row r="5706" spans="1:10" x14ac:dyDescent="0.35">
      <c r="A5706" t="s">
        <v>20</v>
      </c>
      <c r="B5706" t="s">
        <v>38</v>
      </c>
      <c r="C5706" t="s">
        <v>117</v>
      </c>
      <c r="D5706" t="s">
        <v>118</v>
      </c>
      <c r="E5706">
        <v>2020</v>
      </c>
      <c r="F5706">
        <v>2020</v>
      </c>
      <c r="G5706" t="s">
        <v>126</v>
      </c>
      <c r="H5706" t="s">
        <v>123</v>
      </c>
      <c r="I5706" t="s">
        <v>15</v>
      </c>
      <c r="J5706" s="10">
        <v>15.55345516</v>
      </c>
    </row>
    <row r="5707" spans="1:10" x14ac:dyDescent="0.35">
      <c r="A5707" t="s">
        <v>20</v>
      </c>
      <c r="B5707" t="s">
        <v>38</v>
      </c>
      <c r="C5707" t="s">
        <v>117</v>
      </c>
      <c r="D5707" t="s">
        <v>118</v>
      </c>
      <c r="E5707">
        <v>2020</v>
      </c>
      <c r="F5707">
        <v>2020</v>
      </c>
      <c r="G5707" t="s">
        <v>126</v>
      </c>
      <c r="H5707" t="s">
        <v>124</v>
      </c>
      <c r="I5707" t="s">
        <v>15</v>
      </c>
      <c r="J5707" s="10">
        <v>2.4915984039999999</v>
      </c>
    </row>
    <row r="5708" spans="1:10" x14ac:dyDescent="0.35">
      <c r="A5708" t="s">
        <v>20</v>
      </c>
      <c r="B5708" t="s">
        <v>38</v>
      </c>
      <c r="C5708" t="s">
        <v>117</v>
      </c>
      <c r="D5708" t="s">
        <v>118</v>
      </c>
      <c r="E5708">
        <v>2019</v>
      </c>
      <c r="F5708">
        <v>2019</v>
      </c>
      <c r="G5708" t="s">
        <v>14</v>
      </c>
      <c r="H5708" t="s">
        <v>119</v>
      </c>
      <c r="I5708" t="s">
        <v>15</v>
      </c>
      <c r="J5708" s="10">
        <v>19.078632970000001</v>
      </c>
    </row>
    <row r="5709" spans="1:10" x14ac:dyDescent="0.35">
      <c r="A5709" t="s">
        <v>20</v>
      </c>
      <c r="B5709" t="s">
        <v>38</v>
      </c>
      <c r="C5709" t="s">
        <v>117</v>
      </c>
      <c r="D5709" t="s">
        <v>118</v>
      </c>
      <c r="E5709">
        <v>2019</v>
      </c>
      <c r="F5709">
        <v>2019</v>
      </c>
      <c r="G5709" t="s">
        <v>14</v>
      </c>
      <c r="H5709" t="s">
        <v>120</v>
      </c>
      <c r="I5709" t="s">
        <v>15</v>
      </c>
      <c r="J5709" s="10">
        <v>10.305984520000001</v>
      </c>
    </row>
    <row r="5710" spans="1:10" x14ac:dyDescent="0.35">
      <c r="A5710" t="s">
        <v>20</v>
      </c>
      <c r="B5710" t="s">
        <v>38</v>
      </c>
      <c r="C5710" t="s">
        <v>117</v>
      </c>
      <c r="D5710" t="s">
        <v>118</v>
      </c>
      <c r="E5710">
        <v>2019</v>
      </c>
      <c r="F5710">
        <v>2019</v>
      </c>
      <c r="G5710" t="s">
        <v>14</v>
      </c>
      <c r="H5710" t="s">
        <v>121</v>
      </c>
      <c r="I5710" t="s">
        <v>15</v>
      </c>
      <c r="J5710" s="10">
        <v>33.071177919999997</v>
      </c>
    </row>
    <row r="5711" spans="1:10" x14ac:dyDescent="0.35">
      <c r="A5711" t="s">
        <v>20</v>
      </c>
      <c r="B5711" t="s">
        <v>38</v>
      </c>
      <c r="C5711" t="s">
        <v>117</v>
      </c>
      <c r="D5711" t="s">
        <v>118</v>
      </c>
      <c r="E5711">
        <v>2019</v>
      </c>
      <c r="F5711">
        <v>2019</v>
      </c>
      <c r="G5711" t="s">
        <v>14</v>
      </c>
      <c r="H5711" t="s">
        <v>122</v>
      </c>
      <c r="I5711" t="s">
        <v>15</v>
      </c>
      <c r="J5711" s="10">
        <v>21.031144609999998</v>
      </c>
    </row>
    <row r="5712" spans="1:10" x14ac:dyDescent="0.35">
      <c r="A5712" t="s">
        <v>20</v>
      </c>
      <c r="B5712" t="s">
        <v>38</v>
      </c>
      <c r="C5712" t="s">
        <v>117</v>
      </c>
      <c r="D5712" t="s">
        <v>118</v>
      </c>
      <c r="E5712">
        <v>2019</v>
      </c>
      <c r="F5712">
        <v>2019</v>
      </c>
      <c r="G5712" t="s">
        <v>14</v>
      </c>
      <c r="H5712" t="s">
        <v>123</v>
      </c>
      <c r="I5712" t="s">
        <v>15</v>
      </c>
      <c r="J5712" s="10">
        <v>14.683433689999999</v>
      </c>
    </row>
    <row r="5713" spans="1:10" x14ac:dyDescent="0.35">
      <c r="A5713" t="s">
        <v>20</v>
      </c>
      <c r="B5713" t="s">
        <v>38</v>
      </c>
      <c r="C5713" t="s">
        <v>117</v>
      </c>
      <c r="D5713" t="s">
        <v>118</v>
      </c>
      <c r="E5713">
        <v>2019</v>
      </c>
      <c r="F5713">
        <v>2019</v>
      </c>
      <c r="G5713" t="s">
        <v>14</v>
      </c>
      <c r="H5713" t="s">
        <v>124</v>
      </c>
      <c r="I5713" t="s">
        <v>15</v>
      </c>
      <c r="J5713" s="10">
        <v>1.8296262919999999</v>
      </c>
    </row>
    <row r="5714" spans="1:10" x14ac:dyDescent="0.35">
      <c r="A5714" t="s">
        <v>20</v>
      </c>
      <c r="B5714" t="s">
        <v>38</v>
      </c>
      <c r="C5714" t="s">
        <v>117</v>
      </c>
      <c r="D5714" t="s">
        <v>118</v>
      </c>
      <c r="E5714">
        <v>2019</v>
      </c>
      <c r="F5714">
        <v>2019</v>
      </c>
      <c r="G5714" t="s">
        <v>125</v>
      </c>
      <c r="H5714" t="s">
        <v>119</v>
      </c>
      <c r="I5714" t="s">
        <v>15</v>
      </c>
      <c r="J5714" s="10">
        <v>20.30997648</v>
      </c>
    </row>
    <row r="5715" spans="1:10" x14ac:dyDescent="0.35">
      <c r="A5715" t="s">
        <v>20</v>
      </c>
      <c r="B5715" t="s">
        <v>38</v>
      </c>
      <c r="C5715" t="s">
        <v>117</v>
      </c>
      <c r="D5715" t="s">
        <v>118</v>
      </c>
      <c r="E5715">
        <v>2019</v>
      </c>
      <c r="F5715">
        <v>2019</v>
      </c>
      <c r="G5715" t="s">
        <v>125</v>
      </c>
      <c r="H5715" t="s">
        <v>120</v>
      </c>
      <c r="I5715" t="s">
        <v>15</v>
      </c>
      <c r="J5715" s="10">
        <v>10.73017312</v>
      </c>
    </row>
    <row r="5716" spans="1:10" x14ac:dyDescent="0.35">
      <c r="A5716" t="s">
        <v>20</v>
      </c>
      <c r="B5716" t="s">
        <v>38</v>
      </c>
      <c r="C5716" t="s">
        <v>117</v>
      </c>
      <c r="D5716" t="s">
        <v>118</v>
      </c>
      <c r="E5716">
        <v>2019</v>
      </c>
      <c r="F5716">
        <v>2019</v>
      </c>
      <c r="G5716" t="s">
        <v>125</v>
      </c>
      <c r="H5716" t="s">
        <v>121</v>
      </c>
      <c r="I5716" t="s">
        <v>15</v>
      </c>
      <c r="J5716" s="10">
        <v>32.86770748</v>
      </c>
    </row>
    <row r="5717" spans="1:10" x14ac:dyDescent="0.35">
      <c r="A5717" t="s">
        <v>20</v>
      </c>
      <c r="B5717" t="s">
        <v>38</v>
      </c>
      <c r="C5717" t="s">
        <v>117</v>
      </c>
      <c r="D5717" t="s">
        <v>118</v>
      </c>
      <c r="E5717">
        <v>2019</v>
      </c>
      <c r="F5717">
        <v>2019</v>
      </c>
      <c r="G5717" t="s">
        <v>125</v>
      </c>
      <c r="H5717" t="s">
        <v>122</v>
      </c>
      <c r="I5717" t="s">
        <v>15</v>
      </c>
      <c r="J5717" s="10">
        <v>21.029665940000001</v>
      </c>
    </row>
    <row r="5718" spans="1:10" x14ac:dyDescent="0.35">
      <c r="A5718" t="s">
        <v>20</v>
      </c>
      <c r="B5718" t="s">
        <v>38</v>
      </c>
      <c r="C5718" t="s">
        <v>117</v>
      </c>
      <c r="D5718" t="s">
        <v>118</v>
      </c>
      <c r="E5718">
        <v>2019</v>
      </c>
      <c r="F5718">
        <v>2019</v>
      </c>
      <c r="G5718" t="s">
        <v>125</v>
      </c>
      <c r="H5718" t="s">
        <v>123</v>
      </c>
      <c r="I5718" t="s">
        <v>15</v>
      </c>
      <c r="J5718" s="10">
        <v>13.90077352</v>
      </c>
    </row>
    <row r="5719" spans="1:10" x14ac:dyDescent="0.35">
      <c r="A5719" t="s">
        <v>20</v>
      </c>
      <c r="B5719" t="s">
        <v>38</v>
      </c>
      <c r="C5719" t="s">
        <v>117</v>
      </c>
      <c r="D5719" t="s">
        <v>118</v>
      </c>
      <c r="E5719">
        <v>2019</v>
      </c>
      <c r="F5719">
        <v>2019</v>
      </c>
      <c r="G5719" t="s">
        <v>125</v>
      </c>
      <c r="H5719" t="s">
        <v>124</v>
      </c>
      <c r="I5719" t="s">
        <v>15</v>
      </c>
      <c r="J5719" s="10">
        <v>1.161703454</v>
      </c>
    </row>
    <row r="5720" spans="1:10" x14ac:dyDescent="0.35">
      <c r="A5720" t="s">
        <v>20</v>
      </c>
      <c r="B5720" t="s">
        <v>38</v>
      </c>
      <c r="C5720" t="s">
        <v>117</v>
      </c>
      <c r="D5720" t="s">
        <v>118</v>
      </c>
      <c r="E5720">
        <v>2019</v>
      </c>
      <c r="F5720">
        <v>2019</v>
      </c>
      <c r="G5720" t="s">
        <v>126</v>
      </c>
      <c r="H5720" t="s">
        <v>119</v>
      </c>
      <c r="I5720" t="s">
        <v>15</v>
      </c>
      <c r="J5720" s="10">
        <v>17.933379009999999</v>
      </c>
    </row>
    <row r="5721" spans="1:10" x14ac:dyDescent="0.35">
      <c r="A5721" t="s">
        <v>20</v>
      </c>
      <c r="B5721" t="s">
        <v>38</v>
      </c>
      <c r="C5721" t="s">
        <v>117</v>
      </c>
      <c r="D5721" t="s">
        <v>118</v>
      </c>
      <c r="E5721">
        <v>2019</v>
      </c>
      <c r="F5721">
        <v>2019</v>
      </c>
      <c r="G5721" t="s">
        <v>126</v>
      </c>
      <c r="H5721" t="s">
        <v>120</v>
      </c>
      <c r="I5721" t="s">
        <v>15</v>
      </c>
      <c r="J5721" s="10">
        <v>9.9114531180000007</v>
      </c>
    </row>
    <row r="5722" spans="1:10" x14ac:dyDescent="0.35">
      <c r="A5722" t="s">
        <v>20</v>
      </c>
      <c r="B5722" t="s">
        <v>38</v>
      </c>
      <c r="C5722" t="s">
        <v>117</v>
      </c>
      <c r="D5722" t="s">
        <v>118</v>
      </c>
      <c r="E5722">
        <v>2019</v>
      </c>
      <c r="F5722">
        <v>2019</v>
      </c>
      <c r="G5722" t="s">
        <v>126</v>
      </c>
      <c r="H5722" t="s">
        <v>121</v>
      </c>
      <c r="I5722" t="s">
        <v>15</v>
      </c>
      <c r="J5722" s="10">
        <v>33.26042271</v>
      </c>
    </row>
    <row r="5723" spans="1:10" x14ac:dyDescent="0.35">
      <c r="A5723" t="s">
        <v>20</v>
      </c>
      <c r="B5723" t="s">
        <v>38</v>
      </c>
      <c r="C5723" t="s">
        <v>117</v>
      </c>
      <c r="D5723" t="s">
        <v>118</v>
      </c>
      <c r="E5723">
        <v>2019</v>
      </c>
      <c r="F5723">
        <v>2019</v>
      </c>
      <c r="G5723" t="s">
        <v>126</v>
      </c>
      <c r="H5723" t="s">
        <v>122</v>
      </c>
      <c r="I5723" t="s">
        <v>15</v>
      </c>
      <c r="J5723" s="10">
        <v>21.0325199</v>
      </c>
    </row>
    <row r="5724" spans="1:10" x14ac:dyDescent="0.35">
      <c r="A5724" t="s">
        <v>20</v>
      </c>
      <c r="B5724" t="s">
        <v>38</v>
      </c>
      <c r="C5724" t="s">
        <v>117</v>
      </c>
      <c r="D5724" t="s">
        <v>118</v>
      </c>
      <c r="E5724">
        <v>2019</v>
      </c>
      <c r="F5724">
        <v>2019</v>
      </c>
      <c r="G5724" t="s">
        <v>126</v>
      </c>
      <c r="H5724" t="s">
        <v>123</v>
      </c>
      <c r="I5724" t="s">
        <v>15</v>
      </c>
      <c r="J5724" s="10">
        <v>15.41137406</v>
      </c>
    </row>
    <row r="5725" spans="1:10" x14ac:dyDescent="0.35">
      <c r="A5725" t="s">
        <v>20</v>
      </c>
      <c r="B5725" t="s">
        <v>38</v>
      </c>
      <c r="C5725" t="s">
        <v>117</v>
      </c>
      <c r="D5725" t="s">
        <v>118</v>
      </c>
      <c r="E5725">
        <v>2019</v>
      </c>
      <c r="F5725">
        <v>2019</v>
      </c>
      <c r="G5725" t="s">
        <v>126</v>
      </c>
      <c r="H5725" t="s">
        <v>124</v>
      </c>
      <c r="I5725" t="s">
        <v>15</v>
      </c>
      <c r="J5725" s="10">
        <v>2.4508512100000002</v>
      </c>
    </row>
    <row r="5726" spans="1:10" x14ac:dyDescent="0.35">
      <c r="A5726" t="s">
        <v>20</v>
      </c>
      <c r="B5726" t="s">
        <v>38</v>
      </c>
      <c r="C5726" t="s">
        <v>117</v>
      </c>
      <c r="D5726" t="s">
        <v>118</v>
      </c>
      <c r="E5726">
        <v>2018</v>
      </c>
      <c r="F5726">
        <v>2018</v>
      </c>
      <c r="G5726" t="s">
        <v>14</v>
      </c>
      <c r="H5726" t="s">
        <v>119</v>
      </c>
      <c r="I5726" t="s">
        <v>15</v>
      </c>
      <c r="J5726" s="10">
        <v>19.034949139999998</v>
      </c>
    </row>
    <row r="5727" spans="1:10" x14ac:dyDescent="0.35">
      <c r="A5727" t="s">
        <v>20</v>
      </c>
      <c r="B5727" t="s">
        <v>38</v>
      </c>
      <c r="C5727" t="s">
        <v>117</v>
      </c>
      <c r="D5727" t="s">
        <v>118</v>
      </c>
      <c r="E5727">
        <v>2018</v>
      </c>
      <c r="F5727">
        <v>2018</v>
      </c>
      <c r="G5727" t="s">
        <v>14</v>
      </c>
      <c r="H5727" t="s">
        <v>120</v>
      </c>
      <c r="I5727" t="s">
        <v>15</v>
      </c>
      <c r="J5727" s="10">
        <v>10.44871262</v>
      </c>
    </row>
    <row r="5728" spans="1:10" x14ac:dyDescent="0.35">
      <c r="A5728" t="s">
        <v>20</v>
      </c>
      <c r="B5728" t="s">
        <v>38</v>
      </c>
      <c r="C5728" t="s">
        <v>117</v>
      </c>
      <c r="D5728" t="s">
        <v>118</v>
      </c>
      <c r="E5728">
        <v>2018</v>
      </c>
      <c r="F5728">
        <v>2018</v>
      </c>
      <c r="G5728" t="s">
        <v>14</v>
      </c>
      <c r="H5728" t="s">
        <v>121</v>
      </c>
      <c r="I5728" t="s">
        <v>15</v>
      </c>
      <c r="J5728" s="10">
        <v>33.24602977</v>
      </c>
    </row>
    <row r="5729" spans="1:10" x14ac:dyDescent="0.35">
      <c r="A5729" t="s">
        <v>20</v>
      </c>
      <c r="B5729" t="s">
        <v>38</v>
      </c>
      <c r="C5729" t="s">
        <v>117</v>
      </c>
      <c r="D5729" t="s">
        <v>118</v>
      </c>
      <c r="E5729">
        <v>2018</v>
      </c>
      <c r="F5729">
        <v>2018</v>
      </c>
      <c r="G5729" t="s">
        <v>14</v>
      </c>
      <c r="H5729" t="s">
        <v>122</v>
      </c>
      <c r="I5729" t="s">
        <v>15</v>
      </c>
      <c r="J5729" s="10">
        <v>20.91544026</v>
      </c>
    </row>
    <row r="5730" spans="1:10" x14ac:dyDescent="0.35">
      <c r="A5730" t="s">
        <v>20</v>
      </c>
      <c r="B5730" t="s">
        <v>38</v>
      </c>
      <c r="C5730" t="s">
        <v>117</v>
      </c>
      <c r="D5730" t="s">
        <v>118</v>
      </c>
      <c r="E5730">
        <v>2018</v>
      </c>
      <c r="F5730">
        <v>2018</v>
      </c>
      <c r="G5730" t="s">
        <v>14</v>
      </c>
      <c r="H5730" t="s">
        <v>123</v>
      </c>
      <c r="I5730" t="s">
        <v>15</v>
      </c>
      <c r="J5730" s="10">
        <v>14.62819767</v>
      </c>
    </row>
    <row r="5731" spans="1:10" x14ac:dyDescent="0.35">
      <c r="A5731" t="s">
        <v>20</v>
      </c>
      <c r="B5731" t="s">
        <v>38</v>
      </c>
      <c r="C5731" t="s">
        <v>117</v>
      </c>
      <c r="D5731" t="s">
        <v>118</v>
      </c>
      <c r="E5731">
        <v>2018</v>
      </c>
      <c r="F5731">
        <v>2018</v>
      </c>
      <c r="G5731" t="s">
        <v>14</v>
      </c>
      <c r="H5731" t="s">
        <v>124</v>
      </c>
      <c r="I5731" t="s">
        <v>15</v>
      </c>
      <c r="J5731" s="10">
        <v>1.7266705469999999</v>
      </c>
    </row>
    <row r="5732" spans="1:10" x14ac:dyDescent="0.35">
      <c r="A5732" t="s">
        <v>20</v>
      </c>
      <c r="B5732" t="s">
        <v>38</v>
      </c>
      <c r="C5732" t="s">
        <v>117</v>
      </c>
      <c r="D5732" t="s">
        <v>118</v>
      </c>
      <c r="E5732">
        <v>2018</v>
      </c>
      <c r="F5732">
        <v>2018</v>
      </c>
      <c r="G5732" t="s">
        <v>125</v>
      </c>
      <c r="H5732" t="s">
        <v>119</v>
      </c>
      <c r="I5732" t="s">
        <v>15</v>
      </c>
      <c r="J5732" s="10">
        <v>20.23682925</v>
      </c>
    </row>
    <row r="5733" spans="1:10" x14ac:dyDescent="0.35">
      <c r="A5733" t="s">
        <v>20</v>
      </c>
      <c r="B5733" t="s">
        <v>38</v>
      </c>
      <c r="C5733" t="s">
        <v>117</v>
      </c>
      <c r="D5733" t="s">
        <v>118</v>
      </c>
      <c r="E5733">
        <v>2018</v>
      </c>
      <c r="F5733">
        <v>2018</v>
      </c>
      <c r="G5733" t="s">
        <v>125</v>
      </c>
      <c r="H5733" t="s">
        <v>120</v>
      </c>
      <c r="I5733" t="s">
        <v>15</v>
      </c>
      <c r="J5733" s="10">
        <v>11.028080360000001</v>
      </c>
    </row>
    <row r="5734" spans="1:10" x14ac:dyDescent="0.35">
      <c r="A5734" t="s">
        <v>20</v>
      </c>
      <c r="B5734" t="s">
        <v>38</v>
      </c>
      <c r="C5734" t="s">
        <v>117</v>
      </c>
      <c r="D5734" t="s">
        <v>118</v>
      </c>
      <c r="E5734">
        <v>2018</v>
      </c>
      <c r="F5734">
        <v>2018</v>
      </c>
      <c r="G5734" t="s">
        <v>125</v>
      </c>
      <c r="H5734" t="s">
        <v>121</v>
      </c>
      <c r="I5734" t="s">
        <v>15</v>
      </c>
      <c r="J5734" s="10">
        <v>32.937659869999997</v>
      </c>
    </row>
    <row r="5735" spans="1:10" x14ac:dyDescent="0.35">
      <c r="A5735" t="s">
        <v>20</v>
      </c>
      <c r="B5735" t="s">
        <v>38</v>
      </c>
      <c r="C5735" t="s">
        <v>117</v>
      </c>
      <c r="D5735" t="s">
        <v>118</v>
      </c>
      <c r="E5735">
        <v>2018</v>
      </c>
      <c r="F5735">
        <v>2018</v>
      </c>
      <c r="G5735" t="s">
        <v>125</v>
      </c>
      <c r="H5735" t="s">
        <v>122</v>
      </c>
      <c r="I5735" t="s">
        <v>15</v>
      </c>
      <c r="J5735" s="10">
        <v>20.886385189999999</v>
      </c>
    </row>
    <row r="5736" spans="1:10" x14ac:dyDescent="0.35">
      <c r="A5736" t="s">
        <v>20</v>
      </c>
      <c r="B5736" t="s">
        <v>38</v>
      </c>
      <c r="C5736" t="s">
        <v>117</v>
      </c>
      <c r="D5736" t="s">
        <v>118</v>
      </c>
      <c r="E5736">
        <v>2018</v>
      </c>
      <c r="F5736">
        <v>2018</v>
      </c>
      <c r="G5736" t="s">
        <v>125</v>
      </c>
      <c r="H5736" t="s">
        <v>123</v>
      </c>
      <c r="I5736" t="s">
        <v>15</v>
      </c>
      <c r="J5736" s="10">
        <v>13.81024919</v>
      </c>
    </row>
    <row r="5737" spans="1:10" x14ac:dyDescent="0.35">
      <c r="A5737" t="s">
        <v>20</v>
      </c>
      <c r="B5737" t="s">
        <v>38</v>
      </c>
      <c r="C5737" t="s">
        <v>117</v>
      </c>
      <c r="D5737" t="s">
        <v>118</v>
      </c>
      <c r="E5737">
        <v>2018</v>
      </c>
      <c r="F5737">
        <v>2018</v>
      </c>
      <c r="G5737" t="s">
        <v>125</v>
      </c>
      <c r="H5737" t="s">
        <v>124</v>
      </c>
      <c r="I5737" t="s">
        <v>15</v>
      </c>
      <c r="J5737" s="10">
        <v>1.1007961369999999</v>
      </c>
    </row>
    <row r="5738" spans="1:10" x14ac:dyDescent="0.35">
      <c r="A5738" t="s">
        <v>20</v>
      </c>
      <c r="B5738" t="s">
        <v>38</v>
      </c>
      <c r="C5738" t="s">
        <v>117</v>
      </c>
      <c r="D5738" t="s">
        <v>118</v>
      </c>
      <c r="E5738">
        <v>2018</v>
      </c>
      <c r="F5738">
        <v>2018</v>
      </c>
      <c r="G5738" t="s">
        <v>126</v>
      </c>
      <c r="H5738" t="s">
        <v>119</v>
      </c>
      <c r="I5738" t="s">
        <v>15</v>
      </c>
      <c r="J5738" s="10">
        <v>17.91591961</v>
      </c>
    </row>
    <row r="5739" spans="1:10" x14ac:dyDescent="0.35">
      <c r="A5739" t="s">
        <v>20</v>
      </c>
      <c r="B5739" t="s">
        <v>38</v>
      </c>
      <c r="C5739" t="s">
        <v>117</v>
      </c>
      <c r="D5739" t="s">
        <v>118</v>
      </c>
      <c r="E5739">
        <v>2018</v>
      </c>
      <c r="F5739">
        <v>2018</v>
      </c>
      <c r="G5739" t="s">
        <v>126</v>
      </c>
      <c r="H5739" t="s">
        <v>120</v>
      </c>
      <c r="I5739" t="s">
        <v>15</v>
      </c>
      <c r="J5739" s="10">
        <v>9.9092830959999993</v>
      </c>
    </row>
    <row r="5740" spans="1:10" x14ac:dyDescent="0.35">
      <c r="A5740" t="s">
        <v>20</v>
      </c>
      <c r="B5740" t="s">
        <v>38</v>
      </c>
      <c r="C5740" t="s">
        <v>117</v>
      </c>
      <c r="D5740" t="s">
        <v>118</v>
      </c>
      <c r="E5740">
        <v>2018</v>
      </c>
      <c r="F5740">
        <v>2018</v>
      </c>
      <c r="G5740" t="s">
        <v>126</v>
      </c>
      <c r="H5740" t="s">
        <v>121</v>
      </c>
      <c r="I5740" t="s">
        <v>15</v>
      </c>
      <c r="J5740" s="10">
        <v>33.533142439999999</v>
      </c>
    </row>
    <row r="5741" spans="1:10" x14ac:dyDescent="0.35">
      <c r="A5741" t="s">
        <v>20</v>
      </c>
      <c r="B5741" t="s">
        <v>38</v>
      </c>
      <c r="C5741" t="s">
        <v>117</v>
      </c>
      <c r="D5741" t="s">
        <v>118</v>
      </c>
      <c r="E5741">
        <v>2018</v>
      </c>
      <c r="F5741">
        <v>2018</v>
      </c>
      <c r="G5741" t="s">
        <v>126</v>
      </c>
      <c r="H5741" t="s">
        <v>122</v>
      </c>
      <c r="I5741" t="s">
        <v>15</v>
      </c>
      <c r="J5741" s="10">
        <v>20.942492439999999</v>
      </c>
    </row>
    <row r="5742" spans="1:10" x14ac:dyDescent="0.35">
      <c r="A5742" t="s">
        <v>20</v>
      </c>
      <c r="B5742" t="s">
        <v>38</v>
      </c>
      <c r="C5742" t="s">
        <v>117</v>
      </c>
      <c r="D5742" t="s">
        <v>118</v>
      </c>
      <c r="E5742">
        <v>2018</v>
      </c>
      <c r="F5742">
        <v>2018</v>
      </c>
      <c r="G5742" t="s">
        <v>126</v>
      </c>
      <c r="H5742" t="s">
        <v>123</v>
      </c>
      <c r="I5742" t="s">
        <v>15</v>
      </c>
      <c r="J5742" s="10">
        <v>15.389761569999999</v>
      </c>
    </row>
    <row r="5743" spans="1:10" x14ac:dyDescent="0.35">
      <c r="A5743" t="s">
        <v>20</v>
      </c>
      <c r="B5743" t="s">
        <v>38</v>
      </c>
      <c r="C5743" t="s">
        <v>117</v>
      </c>
      <c r="D5743" t="s">
        <v>118</v>
      </c>
      <c r="E5743">
        <v>2018</v>
      </c>
      <c r="F5743">
        <v>2018</v>
      </c>
      <c r="G5743" t="s">
        <v>126</v>
      </c>
      <c r="H5743" t="s">
        <v>124</v>
      </c>
      <c r="I5743" t="s">
        <v>15</v>
      </c>
      <c r="J5743" s="10">
        <v>2.3094008399999999</v>
      </c>
    </row>
    <row r="5744" spans="1:10" x14ac:dyDescent="0.35">
      <c r="A5744" t="s">
        <v>20</v>
      </c>
      <c r="B5744" t="s">
        <v>38</v>
      </c>
      <c r="C5744" t="s">
        <v>117</v>
      </c>
      <c r="D5744" t="s">
        <v>118</v>
      </c>
      <c r="E5744">
        <v>2017</v>
      </c>
      <c r="F5744">
        <v>2017</v>
      </c>
      <c r="G5744" t="s">
        <v>14</v>
      </c>
      <c r="H5744" t="s">
        <v>119</v>
      </c>
      <c r="I5744" t="s">
        <v>15</v>
      </c>
      <c r="J5744" s="10">
        <v>19.033110740000001</v>
      </c>
    </row>
    <row r="5745" spans="1:10" x14ac:dyDescent="0.35">
      <c r="A5745" t="s">
        <v>20</v>
      </c>
      <c r="B5745" t="s">
        <v>38</v>
      </c>
      <c r="C5745" t="s">
        <v>117</v>
      </c>
      <c r="D5745" t="s">
        <v>118</v>
      </c>
      <c r="E5745">
        <v>2017</v>
      </c>
      <c r="F5745">
        <v>2017</v>
      </c>
      <c r="G5745" t="s">
        <v>14</v>
      </c>
      <c r="H5745" t="s">
        <v>120</v>
      </c>
      <c r="I5745" t="s">
        <v>15</v>
      </c>
      <c r="J5745" s="10">
        <v>10.57317752</v>
      </c>
    </row>
    <row r="5746" spans="1:10" x14ac:dyDescent="0.35">
      <c r="A5746" t="s">
        <v>20</v>
      </c>
      <c r="B5746" t="s">
        <v>38</v>
      </c>
      <c r="C5746" t="s">
        <v>117</v>
      </c>
      <c r="D5746" t="s">
        <v>118</v>
      </c>
      <c r="E5746">
        <v>2017</v>
      </c>
      <c r="F5746">
        <v>2017</v>
      </c>
      <c r="G5746" t="s">
        <v>14</v>
      </c>
      <c r="H5746" t="s">
        <v>121</v>
      </c>
      <c r="I5746" t="s">
        <v>15</v>
      </c>
      <c r="J5746" s="10">
        <v>33.631051749999997</v>
      </c>
    </row>
    <row r="5747" spans="1:10" x14ac:dyDescent="0.35">
      <c r="A5747" t="s">
        <v>20</v>
      </c>
      <c r="B5747" t="s">
        <v>38</v>
      </c>
      <c r="C5747" t="s">
        <v>117</v>
      </c>
      <c r="D5747" t="s">
        <v>118</v>
      </c>
      <c r="E5747">
        <v>2017</v>
      </c>
      <c r="F5747">
        <v>2017</v>
      </c>
      <c r="G5747" t="s">
        <v>14</v>
      </c>
      <c r="H5747" t="s">
        <v>122</v>
      </c>
      <c r="I5747" t="s">
        <v>15</v>
      </c>
      <c r="J5747" s="10">
        <v>20.62047858</v>
      </c>
    </row>
    <row r="5748" spans="1:10" x14ac:dyDescent="0.35">
      <c r="A5748" t="s">
        <v>20</v>
      </c>
      <c r="B5748" t="s">
        <v>38</v>
      </c>
      <c r="C5748" t="s">
        <v>117</v>
      </c>
      <c r="D5748" t="s">
        <v>118</v>
      </c>
      <c r="E5748">
        <v>2017</v>
      </c>
      <c r="F5748">
        <v>2017</v>
      </c>
      <c r="G5748" t="s">
        <v>14</v>
      </c>
      <c r="H5748" t="s">
        <v>123</v>
      </c>
      <c r="I5748" t="s">
        <v>15</v>
      </c>
      <c r="J5748" s="10">
        <v>14.40456316</v>
      </c>
    </row>
    <row r="5749" spans="1:10" x14ac:dyDescent="0.35">
      <c r="A5749" t="s">
        <v>20</v>
      </c>
      <c r="B5749" t="s">
        <v>38</v>
      </c>
      <c r="C5749" t="s">
        <v>117</v>
      </c>
      <c r="D5749" t="s">
        <v>118</v>
      </c>
      <c r="E5749">
        <v>2017</v>
      </c>
      <c r="F5749">
        <v>2017</v>
      </c>
      <c r="G5749" t="s">
        <v>14</v>
      </c>
      <c r="H5749" t="s">
        <v>124</v>
      </c>
      <c r="I5749" t="s">
        <v>15</v>
      </c>
      <c r="J5749" s="10">
        <v>1.7376182529999999</v>
      </c>
    </row>
    <row r="5750" spans="1:10" x14ac:dyDescent="0.35">
      <c r="A5750" t="s">
        <v>20</v>
      </c>
      <c r="B5750" t="s">
        <v>38</v>
      </c>
      <c r="C5750" t="s">
        <v>117</v>
      </c>
      <c r="D5750" t="s">
        <v>118</v>
      </c>
      <c r="E5750">
        <v>2017</v>
      </c>
      <c r="F5750">
        <v>2017</v>
      </c>
      <c r="G5750" t="s">
        <v>125</v>
      </c>
      <c r="H5750" t="s">
        <v>119</v>
      </c>
      <c r="I5750" t="s">
        <v>15</v>
      </c>
      <c r="J5750" s="10">
        <v>20.201786590000001</v>
      </c>
    </row>
    <row r="5751" spans="1:10" x14ac:dyDescent="0.35">
      <c r="A5751" t="s">
        <v>20</v>
      </c>
      <c r="B5751" t="s">
        <v>38</v>
      </c>
      <c r="C5751" t="s">
        <v>117</v>
      </c>
      <c r="D5751" t="s">
        <v>118</v>
      </c>
      <c r="E5751">
        <v>2017</v>
      </c>
      <c r="F5751">
        <v>2017</v>
      </c>
      <c r="G5751" t="s">
        <v>125</v>
      </c>
      <c r="H5751" t="s">
        <v>120</v>
      </c>
      <c r="I5751" t="s">
        <v>15</v>
      </c>
      <c r="J5751" s="10">
        <v>11.182099389999999</v>
      </c>
    </row>
    <row r="5752" spans="1:10" x14ac:dyDescent="0.35">
      <c r="A5752" t="s">
        <v>20</v>
      </c>
      <c r="B5752" t="s">
        <v>38</v>
      </c>
      <c r="C5752" t="s">
        <v>117</v>
      </c>
      <c r="D5752" t="s">
        <v>118</v>
      </c>
      <c r="E5752">
        <v>2017</v>
      </c>
      <c r="F5752">
        <v>2017</v>
      </c>
      <c r="G5752" t="s">
        <v>125</v>
      </c>
      <c r="H5752" t="s">
        <v>121</v>
      </c>
      <c r="I5752" t="s">
        <v>15</v>
      </c>
      <c r="J5752" s="10">
        <v>33.375733570000001</v>
      </c>
    </row>
    <row r="5753" spans="1:10" x14ac:dyDescent="0.35">
      <c r="A5753" t="s">
        <v>20</v>
      </c>
      <c r="B5753" t="s">
        <v>38</v>
      </c>
      <c r="C5753" t="s">
        <v>117</v>
      </c>
      <c r="D5753" t="s">
        <v>118</v>
      </c>
      <c r="E5753">
        <v>2017</v>
      </c>
      <c r="F5753">
        <v>2017</v>
      </c>
      <c r="G5753" t="s">
        <v>125</v>
      </c>
      <c r="H5753" t="s">
        <v>122</v>
      </c>
      <c r="I5753" t="s">
        <v>15</v>
      </c>
      <c r="J5753" s="10">
        <v>20.626752620000001</v>
      </c>
    </row>
    <row r="5754" spans="1:10" x14ac:dyDescent="0.35">
      <c r="A5754" t="s">
        <v>20</v>
      </c>
      <c r="B5754" t="s">
        <v>38</v>
      </c>
      <c r="C5754" t="s">
        <v>117</v>
      </c>
      <c r="D5754" t="s">
        <v>118</v>
      </c>
      <c r="E5754">
        <v>2017</v>
      </c>
      <c r="F5754">
        <v>2017</v>
      </c>
      <c r="G5754" t="s">
        <v>125</v>
      </c>
      <c r="H5754" t="s">
        <v>123</v>
      </c>
      <c r="I5754" t="s">
        <v>15</v>
      </c>
      <c r="J5754" s="10">
        <v>13.49773062</v>
      </c>
    </row>
    <row r="5755" spans="1:10" x14ac:dyDescent="0.35">
      <c r="A5755" t="s">
        <v>20</v>
      </c>
      <c r="B5755" t="s">
        <v>38</v>
      </c>
      <c r="C5755" t="s">
        <v>117</v>
      </c>
      <c r="D5755" t="s">
        <v>118</v>
      </c>
      <c r="E5755">
        <v>2017</v>
      </c>
      <c r="F5755">
        <v>2017</v>
      </c>
      <c r="G5755" t="s">
        <v>125</v>
      </c>
      <c r="H5755" t="s">
        <v>124</v>
      </c>
      <c r="I5755" t="s">
        <v>15</v>
      </c>
      <c r="J5755" s="10">
        <v>1.115897199</v>
      </c>
    </row>
    <row r="5756" spans="1:10" x14ac:dyDescent="0.35">
      <c r="A5756" t="s">
        <v>20</v>
      </c>
      <c r="B5756" t="s">
        <v>38</v>
      </c>
      <c r="C5756" t="s">
        <v>117</v>
      </c>
      <c r="D5756" t="s">
        <v>118</v>
      </c>
      <c r="E5756">
        <v>2017</v>
      </c>
      <c r="F5756">
        <v>2017</v>
      </c>
      <c r="G5756" t="s">
        <v>126</v>
      </c>
      <c r="H5756" t="s">
        <v>119</v>
      </c>
      <c r="I5756" t="s">
        <v>15</v>
      </c>
      <c r="J5756" s="10">
        <v>17.948993000000002</v>
      </c>
    </row>
    <row r="5757" spans="1:10" x14ac:dyDescent="0.35">
      <c r="A5757" t="s">
        <v>20</v>
      </c>
      <c r="B5757" t="s">
        <v>38</v>
      </c>
      <c r="C5757" t="s">
        <v>117</v>
      </c>
      <c r="D5757" t="s">
        <v>118</v>
      </c>
      <c r="E5757">
        <v>2017</v>
      </c>
      <c r="F5757">
        <v>2017</v>
      </c>
      <c r="G5757" t="s">
        <v>126</v>
      </c>
      <c r="H5757" t="s">
        <v>120</v>
      </c>
      <c r="I5757" t="s">
        <v>15</v>
      </c>
      <c r="J5757" s="10">
        <v>10.00831344</v>
      </c>
    </row>
    <row r="5758" spans="1:10" x14ac:dyDescent="0.35">
      <c r="A5758" t="s">
        <v>20</v>
      </c>
      <c r="B5758" t="s">
        <v>38</v>
      </c>
      <c r="C5758" t="s">
        <v>117</v>
      </c>
      <c r="D5758" t="s">
        <v>118</v>
      </c>
      <c r="E5758">
        <v>2017</v>
      </c>
      <c r="F5758">
        <v>2017</v>
      </c>
      <c r="G5758" t="s">
        <v>126</v>
      </c>
      <c r="H5758" t="s">
        <v>121</v>
      </c>
      <c r="I5758" t="s">
        <v>15</v>
      </c>
      <c r="J5758" s="10">
        <v>33.867896700000003</v>
      </c>
    </row>
    <row r="5759" spans="1:10" x14ac:dyDescent="0.35">
      <c r="A5759" t="s">
        <v>20</v>
      </c>
      <c r="B5759" t="s">
        <v>38</v>
      </c>
      <c r="C5759" t="s">
        <v>117</v>
      </c>
      <c r="D5759" t="s">
        <v>118</v>
      </c>
      <c r="E5759">
        <v>2017</v>
      </c>
      <c r="F5759">
        <v>2017</v>
      </c>
      <c r="G5759" t="s">
        <v>126</v>
      </c>
      <c r="H5759" t="s">
        <v>122</v>
      </c>
      <c r="I5759" t="s">
        <v>15</v>
      </c>
      <c r="J5759" s="10">
        <v>20.614658479999999</v>
      </c>
    </row>
    <row r="5760" spans="1:10" x14ac:dyDescent="0.35">
      <c r="A5760" t="s">
        <v>20</v>
      </c>
      <c r="B5760" t="s">
        <v>38</v>
      </c>
      <c r="C5760" t="s">
        <v>117</v>
      </c>
      <c r="D5760" t="s">
        <v>118</v>
      </c>
      <c r="E5760">
        <v>2017</v>
      </c>
      <c r="F5760">
        <v>2017</v>
      </c>
      <c r="G5760" t="s">
        <v>126</v>
      </c>
      <c r="H5760" t="s">
        <v>123</v>
      </c>
      <c r="I5760" t="s">
        <v>15</v>
      </c>
      <c r="J5760" s="10">
        <v>15.24578294</v>
      </c>
    </row>
    <row r="5761" spans="1:10" x14ac:dyDescent="0.35">
      <c r="A5761" t="s">
        <v>20</v>
      </c>
      <c r="B5761" t="s">
        <v>38</v>
      </c>
      <c r="C5761" t="s">
        <v>117</v>
      </c>
      <c r="D5761" t="s">
        <v>118</v>
      </c>
      <c r="E5761">
        <v>2017</v>
      </c>
      <c r="F5761">
        <v>2017</v>
      </c>
      <c r="G5761" t="s">
        <v>126</v>
      </c>
      <c r="H5761" t="s">
        <v>124</v>
      </c>
      <c r="I5761" t="s">
        <v>15</v>
      </c>
      <c r="J5761" s="10">
        <v>2.3143554399999999</v>
      </c>
    </row>
    <row r="5762" spans="1:10" x14ac:dyDescent="0.35">
      <c r="A5762" t="s">
        <v>20</v>
      </c>
      <c r="B5762" t="s">
        <v>38</v>
      </c>
      <c r="C5762" t="s">
        <v>117</v>
      </c>
      <c r="D5762" t="s">
        <v>118</v>
      </c>
      <c r="E5762">
        <v>2016</v>
      </c>
      <c r="F5762">
        <v>2016</v>
      </c>
      <c r="G5762" t="s">
        <v>14</v>
      </c>
      <c r="H5762" t="s">
        <v>119</v>
      </c>
      <c r="I5762" t="s">
        <v>15</v>
      </c>
      <c r="J5762" s="10">
        <v>19.17082512</v>
      </c>
    </row>
    <row r="5763" spans="1:10" x14ac:dyDescent="0.35">
      <c r="A5763" t="s">
        <v>20</v>
      </c>
      <c r="B5763" t="s">
        <v>38</v>
      </c>
      <c r="C5763" t="s">
        <v>117</v>
      </c>
      <c r="D5763" t="s">
        <v>118</v>
      </c>
      <c r="E5763">
        <v>2016</v>
      </c>
      <c r="F5763">
        <v>2016</v>
      </c>
      <c r="G5763" t="s">
        <v>14</v>
      </c>
      <c r="H5763" t="s">
        <v>120</v>
      </c>
      <c r="I5763" t="s">
        <v>15</v>
      </c>
      <c r="J5763" s="10">
        <v>10.76865014</v>
      </c>
    </row>
    <row r="5764" spans="1:10" x14ac:dyDescent="0.35">
      <c r="A5764" t="s">
        <v>20</v>
      </c>
      <c r="B5764" t="s">
        <v>38</v>
      </c>
      <c r="C5764" t="s">
        <v>117</v>
      </c>
      <c r="D5764" t="s">
        <v>118</v>
      </c>
      <c r="E5764">
        <v>2016</v>
      </c>
      <c r="F5764">
        <v>2016</v>
      </c>
      <c r="G5764" t="s">
        <v>14</v>
      </c>
      <c r="H5764" t="s">
        <v>121</v>
      </c>
      <c r="I5764" t="s">
        <v>15</v>
      </c>
      <c r="J5764" s="10">
        <v>33.724717290000001</v>
      </c>
    </row>
    <row r="5765" spans="1:10" x14ac:dyDescent="0.35">
      <c r="A5765" t="s">
        <v>20</v>
      </c>
      <c r="B5765" t="s">
        <v>38</v>
      </c>
      <c r="C5765" t="s">
        <v>117</v>
      </c>
      <c r="D5765" t="s">
        <v>118</v>
      </c>
      <c r="E5765">
        <v>2016</v>
      </c>
      <c r="F5765">
        <v>2016</v>
      </c>
      <c r="G5765" t="s">
        <v>14</v>
      </c>
      <c r="H5765" t="s">
        <v>122</v>
      </c>
      <c r="I5765" t="s">
        <v>15</v>
      </c>
      <c r="J5765" s="10">
        <v>20.326805610000001</v>
      </c>
    </row>
    <row r="5766" spans="1:10" x14ac:dyDescent="0.35">
      <c r="A5766" t="s">
        <v>20</v>
      </c>
      <c r="B5766" t="s">
        <v>38</v>
      </c>
      <c r="C5766" t="s">
        <v>117</v>
      </c>
      <c r="D5766" t="s">
        <v>118</v>
      </c>
      <c r="E5766">
        <v>2016</v>
      </c>
      <c r="F5766">
        <v>2016</v>
      </c>
      <c r="G5766" t="s">
        <v>14</v>
      </c>
      <c r="H5766" t="s">
        <v>123</v>
      </c>
      <c r="I5766" t="s">
        <v>15</v>
      </c>
      <c r="J5766" s="10">
        <v>14.271536599999999</v>
      </c>
    </row>
    <row r="5767" spans="1:10" x14ac:dyDescent="0.35">
      <c r="A5767" t="s">
        <v>20</v>
      </c>
      <c r="B5767" t="s">
        <v>38</v>
      </c>
      <c r="C5767" t="s">
        <v>117</v>
      </c>
      <c r="D5767" t="s">
        <v>118</v>
      </c>
      <c r="E5767">
        <v>2016</v>
      </c>
      <c r="F5767">
        <v>2016</v>
      </c>
      <c r="G5767" t="s">
        <v>14</v>
      </c>
      <c r="H5767" t="s">
        <v>124</v>
      </c>
      <c r="I5767" t="s">
        <v>15</v>
      </c>
      <c r="J5767" s="10">
        <v>1.73746523</v>
      </c>
    </row>
    <row r="5768" spans="1:10" x14ac:dyDescent="0.35">
      <c r="A5768" t="s">
        <v>20</v>
      </c>
      <c r="B5768" t="s">
        <v>38</v>
      </c>
      <c r="C5768" t="s">
        <v>117</v>
      </c>
      <c r="D5768" t="s">
        <v>118</v>
      </c>
      <c r="E5768">
        <v>2016</v>
      </c>
      <c r="F5768">
        <v>2016</v>
      </c>
      <c r="G5768" t="s">
        <v>125</v>
      </c>
      <c r="H5768" t="s">
        <v>119</v>
      </c>
      <c r="I5768" t="s">
        <v>15</v>
      </c>
      <c r="J5768" s="10">
        <v>20.310501219999999</v>
      </c>
    </row>
    <row r="5769" spans="1:10" x14ac:dyDescent="0.35">
      <c r="A5769" t="s">
        <v>20</v>
      </c>
      <c r="B5769" t="s">
        <v>38</v>
      </c>
      <c r="C5769" t="s">
        <v>117</v>
      </c>
      <c r="D5769" t="s">
        <v>118</v>
      </c>
      <c r="E5769">
        <v>2016</v>
      </c>
      <c r="F5769">
        <v>2016</v>
      </c>
      <c r="G5769" t="s">
        <v>125</v>
      </c>
      <c r="H5769" t="s">
        <v>120</v>
      </c>
      <c r="I5769" t="s">
        <v>15</v>
      </c>
      <c r="J5769" s="10">
        <v>11.46354227</v>
      </c>
    </row>
    <row r="5770" spans="1:10" x14ac:dyDescent="0.35">
      <c r="A5770" t="s">
        <v>20</v>
      </c>
      <c r="B5770" t="s">
        <v>38</v>
      </c>
      <c r="C5770" t="s">
        <v>117</v>
      </c>
      <c r="D5770" t="s">
        <v>118</v>
      </c>
      <c r="E5770">
        <v>2016</v>
      </c>
      <c r="F5770">
        <v>2016</v>
      </c>
      <c r="G5770" t="s">
        <v>125</v>
      </c>
      <c r="H5770" t="s">
        <v>121</v>
      </c>
      <c r="I5770" t="s">
        <v>15</v>
      </c>
      <c r="J5770" s="10">
        <v>33.425398299999998</v>
      </c>
    </row>
    <row r="5771" spans="1:10" x14ac:dyDescent="0.35">
      <c r="A5771" t="s">
        <v>20</v>
      </c>
      <c r="B5771" t="s">
        <v>38</v>
      </c>
      <c r="C5771" t="s">
        <v>117</v>
      </c>
      <c r="D5771" t="s">
        <v>118</v>
      </c>
      <c r="E5771">
        <v>2016</v>
      </c>
      <c r="F5771">
        <v>2016</v>
      </c>
      <c r="G5771" t="s">
        <v>125</v>
      </c>
      <c r="H5771" t="s">
        <v>122</v>
      </c>
      <c r="I5771" t="s">
        <v>15</v>
      </c>
      <c r="J5771" s="10">
        <v>20.380276779999999</v>
      </c>
    </row>
    <row r="5772" spans="1:10" x14ac:dyDescent="0.35">
      <c r="A5772" t="s">
        <v>20</v>
      </c>
      <c r="B5772" t="s">
        <v>38</v>
      </c>
      <c r="C5772" t="s">
        <v>117</v>
      </c>
      <c r="D5772" t="s">
        <v>118</v>
      </c>
      <c r="E5772">
        <v>2016</v>
      </c>
      <c r="F5772">
        <v>2016</v>
      </c>
      <c r="G5772" t="s">
        <v>125</v>
      </c>
      <c r="H5772" t="s">
        <v>123</v>
      </c>
      <c r="I5772" t="s">
        <v>15</v>
      </c>
      <c r="J5772" s="10">
        <v>13.28352134</v>
      </c>
    </row>
    <row r="5773" spans="1:10" x14ac:dyDescent="0.35">
      <c r="A5773" t="s">
        <v>20</v>
      </c>
      <c r="B5773" t="s">
        <v>38</v>
      </c>
      <c r="C5773" t="s">
        <v>117</v>
      </c>
      <c r="D5773" t="s">
        <v>118</v>
      </c>
      <c r="E5773">
        <v>2016</v>
      </c>
      <c r="F5773">
        <v>2016</v>
      </c>
      <c r="G5773" t="s">
        <v>125</v>
      </c>
      <c r="H5773" t="s">
        <v>124</v>
      </c>
      <c r="I5773" t="s">
        <v>15</v>
      </c>
      <c r="J5773" s="10">
        <v>1.1367600879999999</v>
      </c>
    </row>
    <row r="5774" spans="1:10" x14ac:dyDescent="0.35">
      <c r="A5774" t="s">
        <v>20</v>
      </c>
      <c r="B5774" t="s">
        <v>38</v>
      </c>
      <c r="C5774" t="s">
        <v>117</v>
      </c>
      <c r="D5774" t="s">
        <v>118</v>
      </c>
      <c r="E5774">
        <v>2016</v>
      </c>
      <c r="F5774">
        <v>2016</v>
      </c>
      <c r="G5774" t="s">
        <v>126</v>
      </c>
      <c r="H5774" t="s">
        <v>119</v>
      </c>
      <c r="I5774" t="s">
        <v>15</v>
      </c>
      <c r="J5774" s="10">
        <v>18.11549334</v>
      </c>
    </row>
    <row r="5775" spans="1:10" x14ac:dyDescent="0.35">
      <c r="A5775" t="s">
        <v>20</v>
      </c>
      <c r="B5775" t="s">
        <v>38</v>
      </c>
      <c r="C5775" t="s">
        <v>117</v>
      </c>
      <c r="D5775" t="s">
        <v>118</v>
      </c>
      <c r="E5775">
        <v>2016</v>
      </c>
      <c r="F5775">
        <v>2016</v>
      </c>
      <c r="G5775" t="s">
        <v>126</v>
      </c>
      <c r="H5775" t="s">
        <v>120</v>
      </c>
      <c r="I5775" t="s">
        <v>15</v>
      </c>
      <c r="J5775" s="10">
        <v>10.12518509</v>
      </c>
    </row>
    <row r="5776" spans="1:10" x14ac:dyDescent="0.35">
      <c r="A5776" t="s">
        <v>20</v>
      </c>
      <c r="B5776" t="s">
        <v>38</v>
      </c>
      <c r="C5776" t="s">
        <v>117</v>
      </c>
      <c r="D5776" t="s">
        <v>118</v>
      </c>
      <c r="E5776">
        <v>2016</v>
      </c>
      <c r="F5776">
        <v>2016</v>
      </c>
      <c r="G5776" t="s">
        <v>126</v>
      </c>
      <c r="H5776" t="s">
        <v>121</v>
      </c>
      <c r="I5776" t="s">
        <v>15</v>
      </c>
      <c r="J5776" s="10">
        <v>34.001884509999996</v>
      </c>
    </row>
    <row r="5777" spans="1:10" x14ac:dyDescent="0.35">
      <c r="A5777" t="s">
        <v>20</v>
      </c>
      <c r="B5777" t="s">
        <v>38</v>
      </c>
      <c r="C5777" t="s">
        <v>117</v>
      </c>
      <c r="D5777" t="s">
        <v>118</v>
      </c>
      <c r="E5777">
        <v>2016</v>
      </c>
      <c r="F5777">
        <v>2016</v>
      </c>
      <c r="G5777" t="s">
        <v>126</v>
      </c>
      <c r="H5777" t="s">
        <v>122</v>
      </c>
      <c r="I5777" t="s">
        <v>15</v>
      </c>
      <c r="J5777" s="10">
        <v>20.277291689999998</v>
      </c>
    </row>
    <row r="5778" spans="1:10" x14ac:dyDescent="0.35">
      <c r="A5778" t="s">
        <v>20</v>
      </c>
      <c r="B5778" t="s">
        <v>38</v>
      </c>
      <c r="C5778" t="s">
        <v>117</v>
      </c>
      <c r="D5778" t="s">
        <v>118</v>
      </c>
      <c r="E5778">
        <v>2016</v>
      </c>
      <c r="F5778">
        <v>2016</v>
      </c>
      <c r="G5778" t="s">
        <v>126</v>
      </c>
      <c r="H5778" t="s">
        <v>123</v>
      </c>
      <c r="I5778" t="s">
        <v>15</v>
      </c>
      <c r="J5778" s="10">
        <v>15.18643155</v>
      </c>
    </row>
    <row r="5779" spans="1:10" x14ac:dyDescent="0.35">
      <c r="A5779" t="s">
        <v>20</v>
      </c>
      <c r="B5779" t="s">
        <v>38</v>
      </c>
      <c r="C5779" t="s">
        <v>117</v>
      </c>
      <c r="D5779" t="s">
        <v>118</v>
      </c>
      <c r="E5779">
        <v>2016</v>
      </c>
      <c r="F5779">
        <v>2016</v>
      </c>
      <c r="G5779" t="s">
        <v>126</v>
      </c>
      <c r="H5779" t="s">
        <v>124</v>
      </c>
      <c r="I5779" t="s">
        <v>15</v>
      </c>
      <c r="J5779" s="10">
        <v>2.2937138240000001</v>
      </c>
    </row>
    <row r="5780" spans="1:10" x14ac:dyDescent="0.35">
      <c r="A5780" t="s">
        <v>20</v>
      </c>
      <c r="B5780" t="s">
        <v>38</v>
      </c>
      <c r="C5780" t="s">
        <v>117</v>
      </c>
      <c r="D5780" t="s">
        <v>118</v>
      </c>
      <c r="E5780">
        <v>2015</v>
      </c>
      <c r="F5780">
        <v>2015</v>
      </c>
      <c r="G5780" t="s">
        <v>14</v>
      </c>
      <c r="H5780" t="s">
        <v>119</v>
      </c>
      <c r="I5780" t="s">
        <v>15</v>
      </c>
      <c r="J5780" s="10">
        <v>19.27484132</v>
      </c>
    </row>
    <row r="5781" spans="1:10" x14ac:dyDescent="0.35">
      <c r="A5781" t="s">
        <v>20</v>
      </c>
      <c r="B5781" t="s">
        <v>38</v>
      </c>
      <c r="C5781" t="s">
        <v>117</v>
      </c>
      <c r="D5781" t="s">
        <v>118</v>
      </c>
      <c r="E5781">
        <v>2015</v>
      </c>
      <c r="F5781">
        <v>2015</v>
      </c>
      <c r="G5781" t="s">
        <v>14</v>
      </c>
      <c r="H5781" t="s">
        <v>120</v>
      </c>
      <c r="I5781" t="s">
        <v>15</v>
      </c>
      <c r="J5781" s="10">
        <v>10.906869629999999</v>
      </c>
    </row>
    <row r="5782" spans="1:10" x14ac:dyDescent="0.35">
      <c r="A5782" t="s">
        <v>20</v>
      </c>
      <c r="B5782" t="s">
        <v>38</v>
      </c>
      <c r="C5782" t="s">
        <v>117</v>
      </c>
      <c r="D5782" t="s">
        <v>118</v>
      </c>
      <c r="E5782">
        <v>2015</v>
      </c>
      <c r="F5782">
        <v>2015</v>
      </c>
      <c r="G5782" t="s">
        <v>14</v>
      </c>
      <c r="H5782" t="s">
        <v>121</v>
      </c>
      <c r="I5782" t="s">
        <v>15</v>
      </c>
      <c r="J5782" s="10">
        <v>33.97741954</v>
      </c>
    </row>
    <row r="5783" spans="1:10" x14ac:dyDescent="0.35">
      <c r="A5783" t="s">
        <v>20</v>
      </c>
      <c r="B5783" t="s">
        <v>38</v>
      </c>
      <c r="C5783" t="s">
        <v>117</v>
      </c>
      <c r="D5783" t="s">
        <v>118</v>
      </c>
      <c r="E5783">
        <v>2015</v>
      </c>
      <c r="F5783">
        <v>2015</v>
      </c>
      <c r="G5783" t="s">
        <v>14</v>
      </c>
      <c r="H5783" t="s">
        <v>122</v>
      </c>
      <c r="I5783" t="s">
        <v>15</v>
      </c>
      <c r="J5783" s="10">
        <v>19.991012749999999</v>
      </c>
    </row>
    <row r="5784" spans="1:10" x14ac:dyDescent="0.35">
      <c r="A5784" t="s">
        <v>20</v>
      </c>
      <c r="B5784" t="s">
        <v>38</v>
      </c>
      <c r="C5784" t="s">
        <v>117</v>
      </c>
      <c r="D5784" t="s">
        <v>118</v>
      </c>
      <c r="E5784">
        <v>2015</v>
      </c>
      <c r="F5784">
        <v>2015</v>
      </c>
      <c r="G5784" t="s">
        <v>14</v>
      </c>
      <c r="H5784" t="s">
        <v>123</v>
      </c>
      <c r="I5784" t="s">
        <v>15</v>
      </c>
      <c r="J5784" s="10">
        <v>14.112789980000001</v>
      </c>
    </row>
    <row r="5785" spans="1:10" x14ac:dyDescent="0.35">
      <c r="A5785" t="s">
        <v>20</v>
      </c>
      <c r="B5785" t="s">
        <v>38</v>
      </c>
      <c r="C5785" t="s">
        <v>117</v>
      </c>
      <c r="D5785" t="s">
        <v>118</v>
      </c>
      <c r="E5785">
        <v>2015</v>
      </c>
      <c r="F5785">
        <v>2015</v>
      </c>
      <c r="G5785" t="s">
        <v>14</v>
      </c>
      <c r="H5785" t="s">
        <v>124</v>
      </c>
      <c r="I5785" t="s">
        <v>15</v>
      </c>
      <c r="J5785" s="10">
        <v>1.737066786</v>
      </c>
    </row>
    <row r="5786" spans="1:10" x14ac:dyDescent="0.35">
      <c r="A5786" t="s">
        <v>20</v>
      </c>
      <c r="B5786" t="s">
        <v>38</v>
      </c>
      <c r="C5786" t="s">
        <v>117</v>
      </c>
      <c r="D5786" t="s">
        <v>118</v>
      </c>
      <c r="E5786">
        <v>2015</v>
      </c>
      <c r="F5786">
        <v>2015</v>
      </c>
      <c r="G5786" t="s">
        <v>125</v>
      </c>
      <c r="H5786" t="s">
        <v>119</v>
      </c>
      <c r="I5786" t="s">
        <v>15</v>
      </c>
      <c r="J5786" s="10">
        <v>20.32833815</v>
      </c>
    </row>
    <row r="5787" spans="1:10" x14ac:dyDescent="0.35">
      <c r="A5787" t="s">
        <v>20</v>
      </c>
      <c r="B5787" t="s">
        <v>38</v>
      </c>
      <c r="C5787" t="s">
        <v>117</v>
      </c>
      <c r="D5787" t="s">
        <v>118</v>
      </c>
      <c r="E5787">
        <v>2015</v>
      </c>
      <c r="F5787">
        <v>2015</v>
      </c>
      <c r="G5787" t="s">
        <v>125</v>
      </c>
      <c r="H5787" t="s">
        <v>120</v>
      </c>
      <c r="I5787" t="s">
        <v>15</v>
      </c>
      <c r="J5787" s="10">
        <v>11.50059884</v>
      </c>
    </row>
    <row r="5788" spans="1:10" x14ac:dyDescent="0.35">
      <c r="A5788" t="s">
        <v>20</v>
      </c>
      <c r="B5788" t="s">
        <v>38</v>
      </c>
      <c r="C5788" t="s">
        <v>117</v>
      </c>
      <c r="D5788" t="s">
        <v>118</v>
      </c>
      <c r="E5788">
        <v>2015</v>
      </c>
      <c r="F5788">
        <v>2015</v>
      </c>
      <c r="G5788" t="s">
        <v>125</v>
      </c>
      <c r="H5788" t="s">
        <v>121</v>
      </c>
      <c r="I5788" t="s">
        <v>15</v>
      </c>
      <c r="J5788" s="10">
        <v>33.864984079999999</v>
      </c>
    </row>
    <row r="5789" spans="1:10" x14ac:dyDescent="0.35">
      <c r="A5789" t="s">
        <v>20</v>
      </c>
      <c r="B5789" t="s">
        <v>38</v>
      </c>
      <c r="C5789" t="s">
        <v>117</v>
      </c>
      <c r="D5789" t="s">
        <v>118</v>
      </c>
      <c r="E5789">
        <v>2015</v>
      </c>
      <c r="F5789">
        <v>2015</v>
      </c>
      <c r="G5789" t="s">
        <v>125</v>
      </c>
      <c r="H5789" t="s">
        <v>122</v>
      </c>
      <c r="I5789" t="s">
        <v>15</v>
      </c>
      <c r="J5789" s="10">
        <v>20.080039729999999</v>
      </c>
    </row>
    <row r="5790" spans="1:10" x14ac:dyDescent="0.35">
      <c r="A5790" t="s">
        <v>20</v>
      </c>
      <c r="B5790" t="s">
        <v>38</v>
      </c>
      <c r="C5790" t="s">
        <v>117</v>
      </c>
      <c r="D5790" t="s">
        <v>118</v>
      </c>
      <c r="E5790">
        <v>2015</v>
      </c>
      <c r="F5790">
        <v>2015</v>
      </c>
      <c r="G5790" t="s">
        <v>125</v>
      </c>
      <c r="H5790" t="s">
        <v>123</v>
      </c>
      <c r="I5790" t="s">
        <v>15</v>
      </c>
      <c r="J5790" s="10">
        <v>13.12476266</v>
      </c>
    </row>
    <row r="5791" spans="1:10" x14ac:dyDescent="0.35">
      <c r="A5791" t="s">
        <v>20</v>
      </c>
      <c r="B5791" t="s">
        <v>38</v>
      </c>
      <c r="C5791" t="s">
        <v>117</v>
      </c>
      <c r="D5791" t="s">
        <v>118</v>
      </c>
      <c r="E5791">
        <v>2015</v>
      </c>
      <c r="F5791">
        <v>2015</v>
      </c>
      <c r="G5791" t="s">
        <v>125</v>
      </c>
      <c r="H5791" t="s">
        <v>124</v>
      </c>
      <c r="I5791" t="s">
        <v>15</v>
      </c>
      <c r="J5791" s="10">
        <v>1.101276546</v>
      </c>
    </row>
    <row r="5792" spans="1:10" x14ac:dyDescent="0.35">
      <c r="A5792" t="s">
        <v>20</v>
      </c>
      <c r="B5792" t="s">
        <v>38</v>
      </c>
      <c r="C5792" t="s">
        <v>117</v>
      </c>
      <c r="D5792" t="s">
        <v>118</v>
      </c>
      <c r="E5792">
        <v>2015</v>
      </c>
      <c r="F5792">
        <v>2015</v>
      </c>
      <c r="G5792" t="s">
        <v>126</v>
      </c>
      <c r="H5792" t="s">
        <v>119</v>
      </c>
      <c r="I5792" t="s">
        <v>15</v>
      </c>
      <c r="J5792" s="10">
        <v>18.299575430000001</v>
      </c>
    </row>
    <row r="5793" spans="1:10" x14ac:dyDescent="0.35">
      <c r="A5793" t="s">
        <v>20</v>
      </c>
      <c r="B5793" t="s">
        <v>38</v>
      </c>
      <c r="C5793" t="s">
        <v>117</v>
      </c>
      <c r="D5793" t="s">
        <v>118</v>
      </c>
      <c r="E5793">
        <v>2015</v>
      </c>
      <c r="F5793">
        <v>2015</v>
      </c>
      <c r="G5793" t="s">
        <v>126</v>
      </c>
      <c r="H5793" t="s">
        <v>120</v>
      </c>
      <c r="I5793" t="s">
        <v>15</v>
      </c>
      <c r="J5793" s="10">
        <v>10.357229780000001</v>
      </c>
    </row>
    <row r="5794" spans="1:10" x14ac:dyDescent="0.35">
      <c r="A5794" t="s">
        <v>20</v>
      </c>
      <c r="B5794" t="s">
        <v>38</v>
      </c>
      <c r="C5794" t="s">
        <v>117</v>
      </c>
      <c r="D5794" t="s">
        <v>118</v>
      </c>
      <c r="E5794">
        <v>2015</v>
      </c>
      <c r="F5794">
        <v>2015</v>
      </c>
      <c r="G5794" t="s">
        <v>126</v>
      </c>
      <c r="H5794" t="s">
        <v>121</v>
      </c>
      <c r="I5794" t="s">
        <v>15</v>
      </c>
      <c r="J5794" s="10">
        <v>34.081505720000003</v>
      </c>
    </row>
    <row r="5795" spans="1:10" x14ac:dyDescent="0.35">
      <c r="A5795" t="s">
        <v>20</v>
      </c>
      <c r="B5795" t="s">
        <v>38</v>
      </c>
      <c r="C5795" t="s">
        <v>117</v>
      </c>
      <c r="D5795" t="s">
        <v>118</v>
      </c>
      <c r="E5795">
        <v>2015</v>
      </c>
      <c r="F5795">
        <v>2015</v>
      </c>
      <c r="G5795" t="s">
        <v>126</v>
      </c>
      <c r="H5795" t="s">
        <v>122</v>
      </c>
      <c r="I5795" t="s">
        <v>15</v>
      </c>
      <c r="J5795" s="10">
        <v>19.908596769999999</v>
      </c>
    </row>
    <row r="5796" spans="1:10" x14ac:dyDescent="0.35">
      <c r="A5796" t="s">
        <v>20</v>
      </c>
      <c r="B5796" t="s">
        <v>38</v>
      </c>
      <c r="C5796" t="s">
        <v>117</v>
      </c>
      <c r="D5796" t="s">
        <v>118</v>
      </c>
      <c r="E5796">
        <v>2015</v>
      </c>
      <c r="F5796">
        <v>2015</v>
      </c>
      <c r="G5796" t="s">
        <v>126</v>
      </c>
      <c r="H5796" t="s">
        <v>123</v>
      </c>
      <c r="I5796" t="s">
        <v>15</v>
      </c>
      <c r="J5796" s="10">
        <v>15.027448010000001</v>
      </c>
    </row>
    <row r="5797" spans="1:10" x14ac:dyDescent="0.35">
      <c r="A5797" t="s">
        <v>20</v>
      </c>
      <c r="B5797" t="s">
        <v>38</v>
      </c>
      <c r="C5797" t="s">
        <v>117</v>
      </c>
      <c r="D5797" t="s">
        <v>118</v>
      </c>
      <c r="E5797">
        <v>2015</v>
      </c>
      <c r="F5797">
        <v>2015</v>
      </c>
      <c r="G5797" t="s">
        <v>126</v>
      </c>
      <c r="H5797" t="s">
        <v>124</v>
      </c>
      <c r="I5797" t="s">
        <v>15</v>
      </c>
      <c r="J5797" s="10">
        <v>2.3256442850000001</v>
      </c>
    </row>
    <row r="5798" spans="1:10" x14ac:dyDescent="0.35">
      <c r="A5798" t="s">
        <v>20</v>
      </c>
      <c r="B5798" t="s">
        <v>38</v>
      </c>
      <c r="C5798" t="s">
        <v>117</v>
      </c>
      <c r="D5798" t="s">
        <v>118</v>
      </c>
      <c r="E5798">
        <v>2014</v>
      </c>
      <c r="F5798">
        <v>2014</v>
      </c>
      <c r="G5798" t="s">
        <v>14</v>
      </c>
      <c r="H5798" t="s">
        <v>119</v>
      </c>
      <c r="I5798" t="s">
        <v>15</v>
      </c>
      <c r="J5798" s="10">
        <v>19.40672361</v>
      </c>
    </row>
    <row r="5799" spans="1:10" x14ac:dyDescent="0.35">
      <c r="A5799" t="s">
        <v>20</v>
      </c>
      <c r="B5799" t="s">
        <v>38</v>
      </c>
      <c r="C5799" t="s">
        <v>117</v>
      </c>
      <c r="D5799" t="s">
        <v>118</v>
      </c>
      <c r="E5799">
        <v>2014</v>
      </c>
      <c r="F5799">
        <v>2014</v>
      </c>
      <c r="G5799" t="s">
        <v>14</v>
      </c>
      <c r="H5799" t="s">
        <v>120</v>
      </c>
      <c r="I5799" t="s">
        <v>15</v>
      </c>
      <c r="J5799" s="10">
        <v>10.91425918</v>
      </c>
    </row>
    <row r="5800" spans="1:10" x14ac:dyDescent="0.35">
      <c r="A5800" t="s">
        <v>20</v>
      </c>
      <c r="B5800" t="s">
        <v>38</v>
      </c>
      <c r="C5800" t="s">
        <v>117</v>
      </c>
      <c r="D5800" t="s">
        <v>118</v>
      </c>
      <c r="E5800">
        <v>2014</v>
      </c>
      <c r="F5800">
        <v>2014</v>
      </c>
      <c r="G5800" t="s">
        <v>14</v>
      </c>
      <c r="H5800" t="s">
        <v>121</v>
      </c>
      <c r="I5800" t="s">
        <v>15</v>
      </c>
      <c r="J5800" s="10">
        <v>34.600284250000001</v>
      </c>
    </row>
    <row r="5801" spans="1:10" x14ac:dyDescent="0.35">
      <c r="A5801" t="s">
        <v>20</v>
      </c>
      <c r="B5801" t="s">
        <v>38</v>
      </c>
      <c r="C5801" t="s">
        <v>117</v>
      </c>
      <c r="D5801" t="s">
        <v>118</v>
      </c>
      <c r="E5801">
        <v>2014</v>
      </c>
      <c r="F5801">
        <v>2014</v>
      </c>
      <c r="G5801" t="s">
        <v>14</v>
      </c>
      <c r="H5801" t="s">
        <v>122</v>
      </c>
      <c r="I5801" t="s">
        <v>15</v>
      </c>
      <c r="J5801" s="10">
        <v>19.562923040000001</v>
      </c>
    </row>
    <row r="5802" spans="1:10" x14ac:dyDescent="0.35">
      <c r="A5802" t="s">
        <v>20</v>
      </c>
      <c r="B5802" t="s">
        <v>38</v>
      </c>
      <c r="C5802" t="s">
        <v>117</v>
      </c>
      <c r="D5802" t="s">
        <v>118</v>
      </c>
      <c r="E5802">
        <v>2014</v>
      </c>
      <c r="F5802">
        <v>2014</v>
      </c>
      <c r="G5802" t="s">
        <v>14</v>
      </c>
      <c r="H5802" t="s">
        <v>123</v>
      </c>
      <c r="I5802" t="s">
        <v>15</v>
      </c>
      <c r="J5802" s="10">
        <v>13.84405387</v>
      </c>
    </row>
    <row r="5803" spans="1:10" x14ac:dyDescent="0.35">
      <c r="A5803" t="s">
        <v>20</v>
      </c>
      <c r="B5803" t="s">
        <v>38</v>
      </c>
      <c r="C5803" t="s">
        <v>117</v>
      </c>
      <c r="D5803" t="s">
        <v>118</v>
      </c>
      <c r="E5803">
        <v>2014</v>
      </c>
      <c r="F5803">
        <v>2014</v>
      </c>
      <c r="G5803" t="s">
        <v>14</v>
      </c>
      <c r="H5803" t="s">
        <v>124</v>
      </c>
      <c r="I5803" t="s">
        <v>15</v>
      </c>
      <c r="J5803" s="10">
        <v>1.6717560469999999</v>
      </c>
    </row>
    <row r="5804" spans="1:10" x14ac:dyDescent="0.35">
      <c r="A5804" t="s">
        <v>20</v>
      </c>
      <c r="B5804" t="s">
        <v>38</v>
      </c>
      <c r="C5804" t="s">
        <v>117</v>
      </c>
      <c r="D5804" t="s">
        <v>118</v>
      </c>
      <c r="E5804">
        <v>2014</v>
      </c>
      <c r="F5804">
        <v>2014</v>
      </c>
      <c r="G5804" t="s">
        <v>125</v>
      </c>
      <c r="H5804" t="s">
        <v>119</v>
      </c>
      <c r="I5804" t="s">
        <v>15</v>
      </c>
      <c r="J5804" s="10">
        <v>20.535714290000001</v>
      </c>
    </row>
    <row r="5805" spans="1:10" x14ac:dyDescent="0.35">
      <c r="A5805" t="s">
        <v>20</v>
      </c>
      <c r="B5805" t="s">
        <v>38</v>
      </c>
      <c r="C5805" t="s">
        <v>117</v>
      </c>
      <c r="D5805" t="s">
        <v>118</v>
      </c>
      <c r="E5805">
        <v>2014</v>
      </c>
      <c r="F5805">
        <v>2014</v>
      </c>
      <c r="G5805" t="s">
        <v>125</v>
      </c>
      <c r="H5805" t="s">
        <v>120</v>
      </c>
      <c r="I5805" t="s">
        <v>15</v>
      </c>
      <c r="J5805" s="10">
        <v>11.46029135</v>
      </c>
    </row>
    <row r="5806" spans="1:10" x14ac:dyDescent="0.35">
      <c r="A5806" t="s">
        <v>20</v>
      </c>
      <c r="B5806" t="s">
        <v>38</v>
      </c>
      <c r="C5806" t="s">
        <v>117</v>
      </c>
      <c r="D5806" t="s">
        <v>118</v>
      </c>
      <c r="E5806">
        <v>2014</v>
      </c>
      <c r="F5806">
        <v>2014</v>
      </c>
      <c r="G5806" t="s">
        <v>125</v>
      </c>
      <c r="H5806" t="s">
        <v>121</v>
      </c>
      <c r="I5806" t="s">
        <v>15</v>
      </c>
      <c r="J5806" s="10">
        <v>34.460173869999998</v>
      </c>
    </row>
    <row r="5807" spans="1:10" x14ac:dyDescent="0.35">
      <c r="A5807" t="s">
        <v>20</v>
      </c>
      <c r="B5807" t="s">
        <v>38</v>
      </c>
      <c r="C5807" t="s">
        <v>117</v>
      </c>
      <c r="D5807" t="s">
        <v>118</v>
      </c>
      <c r="E5807">
        <v>2014</v>
      </c>
      <c r="F5807">
        <v>2014</v>
      </c>
      <c r="G5807" t="s">
        <v>125</v>
      </c>
      <c r="H5807" t="s">
        <v>122</v>
      </c>
      <c r="I5807" t="s">
        <v>15</v>
      </c>
      <c r="J5807" s="10">
        <v>19.71334586</v>
      </c>
    </row>
    <row r="5808" spans="1:10" x14ac:dyDescent="0.35">
      <c r="A5808" t="s">
        <v>20</v>
      </c>
      <c r="B5808" t="s">
        <v>38</v>
      </c>
      <c r="C5808" t="s">
        <v>117</v>
      </c>
      <c r="D5808" t="s">
        <v>118</v>
      </c>
      <c r="E5808">
        <v>2014</v>
      </c>
      <c r="F5808">
        <v>2014</v>
      </c>
      <c r="G5808" t="s">
        <v>125</v>
      </c>
      <c r="H5808" t="s">
        <v>123</v>
      </c>
      <c r="I5808" t="s">
        <v>15</v>
      </c>
      <c r="J5808" s="10">
        <v>12.77020677</v>
      </c>
    </row>
    <row r="5809" spans="1:10" x14ac:dyDescent="0.35">
      <c r="A5809" t="s">
        <v>20</v>
      </c>
      <c r="B5809" t="s">
        <v>38</v>
      </c>
      <c r="C5809" t="s">
        <v>117</v>
      </c>
      <c r="D5809" t="s">
        <v>118</v>
      </c>
      <c r="E5809">
        <v>2014</v>
      </c>
      <c r="F5809">
        <v>2014</v>
      </c>
      <c r="G5809" t="s">
        <v>125</v>
      </c>
      <c r="H5809" t="s">
        <v>124</v>
      </c>
      <c r="I5809" t="s">
        <v>15</v>
      </c>
      <c r="J5809" s="10">
        <v>1.0602678569999999</v>
      </c>
    </row>
    <row r="5810" spans="1:10" x14ac:dyDescent="0.35">
      <c r="A5810" t="s">
        <v>20</v>
      </c>
      <c r="B5810" t="s">
        <v>38</v>
      </c>
      <c r="C5810" t="s">
        <v>117</v>
      </c>
      <c r="D5810" t="s">
        <v>118</v>
      </c>
      <c r="E5810">
        <v>2014</v>
      </c>
      <c r="F5810">
        <v>2014</v>
      </c>
      <c r="G5810" t="s">
        <v>126</v>
      </c>
      <c r="H5810" t="s">
        <v>119</v>
      </c>
      <c r="I5810" t="s">
        <v>15</v>
      </c>
      <c r="J5810" s="10">
        <v>18.368229100000001</v>
      </c>
    </row>
    <row r="5811" spans="1:10" x14ac:dyDescent="0.35">
      <c r="A5811" t="s">
        <v>20</v>
      </c>
      <c r="B5811" t="s">
        <v>38</v>
      </c>
      <c r="C5811" t="s">
        <v>117</v>
      </c>
      <c r="D5811" t="s">
        <v>118</v>
      </c>
      <c r="E5811">
        <v>2014</v>
      </c>
      <c r="F5811">
        <v>2014</v>
      </c>
      <c r="G5811" t="s">
        <v>126</v>
      </c>
      <c r="H5811" t="s">
        <v>120</v>
      </c>
      <c r="I5811" t="s">
        <v>15</v>
      </c>
      <c r="J5811" s="10">
        <v>10.41199514</v>
      </c>
    </row>
    <row r="5812" spans="1:10" x14ac:dyDescent="0.35">
      <c r="A5812" t="s">
        <v>20</v>
      </c>
      <c r="B5812" t="s">
        <v>38</v>
      </c>
      <c r="C5812" t="s">
        <v>117</v>
      </c>
      <c r="D5812" t="s">
        <v>118</v>
      </c>
      <c r="E5812">
        <v>2014</v>
      </c>
      <c r="F5812">
        <v>2014</v>
      </c>
      <c r="G5812" t="s">
        <v>126</v>
      </c>
      <c r="H5812" t="s">
        <v>121</v>
      </c>
      <c r="I5812" t="s">
        <v>15</v>
      </c>
      <c r="J5812" s="10">
        <v>34.729163849999999</v>
      </c>
    </row>
    <row r="5813" spans="1:10" x14ac:dyDescent="0.35">
      <c r="A5813" t="s">
        <v>20</v>
      </c>
      <c r="B5813" t="s">
        <v>38</v>
      </c>
      <c r="C5813" t="s">
        <v>117</v>
      </c>
      <c r="D5813" t="s">
        <v>118</v>
      </c>
      <c r="E5813">
        <v>2014</v>
      </c>
      <c r="F5813">
        <v>2014</v>
      </c>
      <c r="G5813" t="s">
        <v>126</v>
      </c>
      <c r="H5813" t="s">
        <v>122</v>
      </c>
      <c r="I5813" t="s">
        <v>15</v>
      </c>
      <c r="J5813" s="10">
        <v>19.424557610000001</v>
      </c>
    </row>
    <row r="5814" spans="1:10" x14ac:dyDescent="0.35">
      <c r="A5814" t="s">
        <v>20</v>
      </c>
      <c r="B5814" t="s">
        <v>38</v>
      </c>
      <c r="C5814" t="s">
        <v>117</v>
      </c>
      <c r="D5814" t="s">
        <v>118</v>
      </c>
      <c r="E5814">
        <v>2014</v>
      </c>
      <c r="F5814">
        <v>2014</v>
      </c>
      <c r="G5814" t="s">
        <v>126</v>
      </c>
      <c r="H5814" t="s">
        <v>123</v>
      </c>
      <c r="I5814" t="s">
        <v>15</v>
      </c>
      <c r="J5814" s="10">
        <v>14.831824940000001</v>
      </c>
    </row>
    <row r="5815" spans="1:10" x14ac:dyDescent="0.35">
      <c r="A5815" t="s">
        <v>20</v>
      </c>
      <c r="B5815" t="s">
        <v>38</v>
      </c>
      <c r="C5815" t="s">
        <v>117</v>
      </c>
      <c r="D5815" t="s">
        <v>118</v>
      </c>
      <c r="E5815">
        <v>2014</v>
      </c>
      <c r="F5815">
        <v>2014</v>
      </c>
      <c r="G5815" t="s">
        <v>126</v>
      </c>
      <c r="H5815" t="s">
        <v>124</v>
      </c>
      <c r="I5815" t="s">
        <v>15</v>
      </c>
      <c r="J5815" s="10">
        <v>2.2342293660000001</v>
      </c>
    </row>
    <row r="5816" spans="1:10" x14ac:dyDescent="0.35">
      <c r="A5816" t="s">
        <v>20</v>
      </c>
      <c r="B5816" t="s">
        <v>38</v>
      </c>
      <c r="C5816" t="s">
        <v>117</v>
      </c>
      <c r="D5816" t="s">
        <v>118</v>
      </c>
      <c r="E5816">
        <v>2013</v>
      </c>
      <c r="F5816">
        <v>2013</v>
      </c>
      <c r="G5816" t="s">
        <v>14</v>
      </c>
      <c r="H5816" t="s">
        <v>119</v>
      </c>
      <c r="I5816" t="s">
        <v>15</v>
      </c>
      <c r="J5816" s="10">
        <v>19.523977179999999</v>
      </c>
    </row>
    <row r="5817" spans="1:10" x14ac:dyDescent="0.35">
      <c r="A5817" t="s">
        <v>20</v>
      </c>
      <c r="B5817" t="s">
        <v>38</v>
      </c>
      <c r="C5817" t="s">
        <v>117</v>
      </c>
      <c r="D5817" t="s">
        <v>118</v>
      </c>
      <c r="E5817">
        <v>2013</v>
      </c>
      <c r="F5817">
        <v>2013</v>
      </c>
      <c r="G5817" t="s">
        <v>14</v>
      </c>
      <c r="H5817" t="s">
        <v>120</v>
      </c>
      <c r="I5817" t="s">
        <v>15</v>
      </c>
      <c r="J5817" s="10">
        <v>10.855573550000001</v>
      </c>
    </row>
    <row r="5818" spans="1:10" x14ac:dyDescent="0.35">
      <c r="A5818" t="s">
        <v>20</v>
      </c>
      <c r="B5818" t="s">
        <v>38</v>
      </c>
      <c r="C5818" t="s">
        <v>117</v>
      </c>
      <c r="D5818" t="s">
        <v>118</v>
      </c>
      <c r="E5818">
        <v>2013</v>
      </c>
      <c r="F5818">
        <v>2013</v>
      </c>
      <c r="G5818" t="s">
        <v>14</v>
      </c>
      <c r="H5818" t="s">
        <v>121</v>
      </c>
      <c r="I5818" t="s">
        <v>15</v>
      </c>
      <c r="J5818" s="10">
        <v>35.372156889999999</v>
      </c>
    </row>
    <row r="5819" spans="1:10" x14ac:dyDescent="0.35">
      <c r="A5819" t="s">
        <v>20</v>
      </c>
      <c r="B5819" t="s">
        <v>38</v>
      </c>
      <c r="C5819" t="s">
        <v>117</v>
      </c>
      <c r="D5819" t="s">
        <v>118</v>
      </c>
      <c r="E5819">
        <v>2013</v>
      </c>
      <c r="F5819">
        <v>2013</v>
      </c>
      <c r="G5819" t="s">
        <v>14</v>
      </c>
      <c r="H5819" t="s">
        <v>122</v>
      </c>
      <c r="I5819" t="s">
        <v>15</v>
      </c>
      <c r="J5819" s="10">
        <v>19.095838319999999</v>
      </c>
    </row>
    <row r="5820" spans="1:10" x14ac:dyDescent="0.35">
      <c r="A5820" t="s">
        <v>20</v>
      </c>
      <c r="B5820" t="s">
        <v>38</v>
      </c>
      <c r="C5820" t="s">
        <v>117</v>
      </c>
      <c r="D5820" t="s">
        <v>118</v>
      </c>
      <c r="E5820">
        <v>2013</v>
      </c>
      <c r="F5820">
        <v>2013</v>
      </c>
      <c r="G5820" t="s">
        <v>14</v>
      </c>
      <c r="H5820" t="s">
        <v>123</v>
      </c>
      <c r="I5820" t="s">
        <v>15</v>
      </c>
      <c r="J5820" s="10">
        <v>13.61312584</v>
      </c>
    </row>
    <row r="5821" spans="1:10" x14ac:dyDescent="0.35">
      <c r="A5821" t="s">
        <v>20</v>
      </c>
      <c r="B5821" t="s">
        <v>38</v>
      </c>
      <c r="C5821" t="s">
        <v>117</v>
      </c>
      <c r="D5821" t="s">
        <v>118</v>
      </c>
      <c r="E5821">
        <v>2013</v>
      </c>
      <c r="F5821">
        <v>2013</v>
      </c>
      <c r="G5821" t="s">
        <v>14</v>
      </c>
      <c r="H5821" t="s">
        <v>124</v>
      </c>
      <c r="I5821" t="s">
        <v>15</v>
      </c>
      <c r="J5821" s="10">
        <v>1.5393282159999999</v>
      </c>
    </row>
    <row r="5822" spans="1:10" x14ac:dyDescent="0.35">
      <c r="A5822" t="s">
        <v>20</v>
      </c>
      <c r="B5822" t="s">
        <v>38</v>
      </c>
      <c r="C5822" t="s">
        <v>117</v>
      </c>
      <c r="D5822" t="s">
        <v>118</v>
      </c>
      <c r="E5822">
        <v>2013</v>
      </c>
      <c r="F5822">
        <v>2013</v>
      </c>
      <c r="G5822" t="s">
        <v>125</v>
      </c>
      <c r="H5822" t="s">
        <v>119</v>
      </c>
      <c r="I5822" t="s">
        <v>15</v>
      </c>
      <c r="J5822" s="10">
        <v>20.664217489999999</v>
      </c>
    </row>
    <row r="5823" spans="1:10" x14ac:dyDescent="0.35">
      <c r="A5823" t="s">
        <v>20</v>
      </c>
      <c r="B5823" t="s">
        <v>38</v>
      </c>
      <c r="C5823" t="s">
        <v>117</v>
      </c>
      <c r="D5823" t="s">
        <v>118</v>
      </c>
      <c r="E5823">
        <v>2013</v>
      </c>
      <c r="F5823">
        <v>2013</v>
      </c>
      <c r="G5823" t="s">
        <v>125</v>
      </c>
      <c r="H5823" t="s">
        <v>120</v>
      </c>
      <c r="I5823" t="s">
        <v>15</v>
      </c>
      <c r="J5823" s="10">
        <v>11.282880240000001</v>
      </c>
    </row>
    <row r="5824" spans="1:10" x14ac:dyDescent="0.35">
      <c r="A5824" t="s">
        <v>20</v>
      </c>
      <c r="B5824" t="s">
        <v>38</v>
      </c>
      <c r="C5824" t="s">
        <v>117</v>
      </c>
      <c r="D5824" t="s">
        <v>118</v>
      </c>
      <c r="E5824">
        <v>2013</v>
      </c>
      <c r="F5824">
        <v>2013</v>
      </c>
      <c r="G5824" t="s">
        <v>125</v>
      </c>
      <c r="H5824" t="s">
        <v>121</v>
      </c>
      <c r="I5824" t="s">
        <v>15</v>
      </c>
      <c r="J5824" s="10">
        <v>35.312270390000002</v>
      </c>
    </row>
    <row r="5825" spans="1:10" x14ac:dyDescent="0.35">
      <c r="A5825" t="s">
        <v>20</v>
      </c>
      <c r="B5825" t="s">
        <v>38</v>
      </c>
      <c r="C5825" t="s">
        <v>117</v>
      </c>
      <c r="D5825" t="s">
        <v>118</v>
      </c>
      <c r="E5825">
        <v>2013</v>
      </c>
      <c r="F5825">
        <v>2013</v>
      </c>
      <c r="G5825" t="s">
        <v>125</v>
      </c>
      <c r="H5825" t="s">
        <v>122</v>
      </c>
      <c r="I5825" t="s">
        <v>15</v>
      </c>
      <c r="J5825" s="10">
        <v>19.224099930000001</v>
      </c>
    </row>
    <row r="5826" spans="1:10" x14ac:dyDescent="0.35">
      <c r="A5826" t="s">
        <v>20</v>
      </c>
      <c r="B5826" t="s">
        <v>38</v>
      </c>
      <c r="C5826" t="s">
        <v>117</v>
      </c>
      <c r="D5826" t="s">
        <v>118</v>
      </c>
      <c r="E5826">
        <v>2013</v>
      </c>
      <c r="F5826">
        <v>2013</v>
      </c>
      <c r="G5826" t="s">
        <v>125</v>
      </c>
      <c r="H5826" t="s">
        <v>123</v>
      </c>
      <c r="I5826" t="s">
        <v>15</v>
      </c>
      <c r="J5826" s="10">
        <v>12.508449669999999</v>
      </c>
    </row>
    <row r="5827" spans="1:10" x14ac:dyDescent="0.35">
      <c r="A5827" t="s">
        <v>20</v>
      </c>
      <c r="B5827" t="s">
        <v>38</v>
      </c>
      <c r="C5827" t="s">
        <v>117</v>
      </c>
      <c r="D5827" t="s">
        <v>118</v>
      </c>
      <c r="E5827">
        <v>2013</v>
      </c>
      <c r="F5827">
        <v>2013</v>
      </c>
      <c r="G5827" t="s">
        <v>125</v>
      </c>
      <c r="H5827" t="s">
        <v>124</v>
      </c>
      <c r="I5827" t="s">
        <v>15</v>
      </c>
      <c r="J5827" s="10">
        <v>1.0080822920000001</v>
      </c>
    </row>
    <row r="5828" spans="1:10" x14ac:dyDescent="0.35">
      <c r="A5828" t="s">
        <v>20</v>
      </c>
      <c r="B5828" t="s">
        <v>38</v>
      </c>
      <c r="C5828" t="s">
        <v>117</v>
      </c>
      <c r="D5828" t="s">
        <v>118</v>
      </c>
      <c r="E5828">
        <v>2013</v>
      </c>
      <c r="F5828">
        <v>2013</v>
      </c>
      <c r="G5828" t="s">
        <v>126</v>
      </c>
      <c r="H5828" t="s">
        <v>119</v>
      </c>
      <c r="I5828" t="s">
        <v>15</v>
      </c>
      <c r="J5828" s="10">
        <v>18.474851269999998</v>
      </c>
    </row>
    <row r="5829" spans="1:10" x14ac:dyDescent="0.35">
      <c r="A5829" t="s">
        <v>20</v>
      </c>
      <c r="B5829" t="s">
        <v>38</v>
      </c>
      <c r="C5829" t="s">
        <v>117</v>
      </c>
      <c r="D5829" t="s">
        <v>118</v>
      </c>
      <c r="E5829">
        <v>2013</v>
      </c>
      <c r="F5829">
        <v>2013</v>
      </c>
      <c r="G5829" t="s">
        <v>126</v>
      </c>
      <c r="H5829" t="s">
        <v>120</v>
      </c>
      <c r="I5829" t="s">
        <v>15</v>
      </c>
      <c r="J5829" s="10">
        <v>10.462412110000001</v>
      </c>
    </row>
    <row r="5830" spans="1:10" x14ac:dyDescent="0.35">
      <c r="A5830" t="s">
        <v>20</v>
      </c>
      <c r="B5830" t="s">
        <v>38</v>
      </c>
      <c r="C5830" t="s">
        <v>117</v>
      </c>
      <c r="D5830" t="s">
        <v>118</v>
      </c>
      <c r="E5830">
        <v>2013</v>
      </c>
      <c r="F5830">
        <v>2013</v>
      </c>
      <c r="G5830" t="s">
        <v>126</v>
      </c>
      <c r="H5830" t="s">
        <v>121</v>
      </c>
      <c r="I5830" t="s">
        <v>15</v>
      </c>
      <c r="J5830" s="10">
        <v>35.42725798</v>
      </c>
    </row>
    <row r="5831" spans="1:10" x14ac:dyDescent="0.35">
      <c r="A5831" t="s">
        <v>20</v>
      </c>
      <c r="B5831" t="s">
        <v>38</v>
      </c>
      <c r="C5831" t="s">
        <v>117</v>
      </c>
      <c r="D5831" t="s">
        <v>118</v>
      </c>
      <c r="E5831">
        <v>2013</v>
      </c>
      <c r="F5831">
        <v>2013</v>
      </c>
      <c r="G5831" t="s">
        <v>126</v>
      </c>
      <c r="H5831" t="s">
        <v>122</v>
      </c>
      <c r="I5831" t="s">
        <v>15</v>
      </c>
      <c r="J5831" s="10">
        <v>18.977825849999999</v>
      </c>
    </row>
    <row r="5832" spans="1:10" x14ac:dyDescent="0.35">
      <c r="A5832" t="s">
        <v>20</v>
      </c>
      <c r="B5832" t="s">
        <v>38</v>
      </c>
      <c r="C5832" t="s">
        <v>117</v>
      </c>
      <c r="D5832" t="s">
        <v>118</v>
      </c>
      <c r="E5832">
        <v>2013</v>
      </c>
      <c r="F5832">
        <v>2013</v>
      </c>
      <c r="G5832" t="s">
        <v>126</v>
      </c>
      <c r="H5832" t="s">
        <v>123</v>
      </c>
      <c r="I5832" t="s">
        <v>15</v>
      </c>
      <c r="J5832" s="10">
        <v>14.62952948</v>
      </c>
    </row>
    <row r="5833" spans="1:10" x14ac:dyDescent="0.35">
      <c r="A5833" t="s">
        <v>20</v>
      </c>
      <c r="B5833" t="s">
        <v>38</v>
      </c>
      <c r="C5833" t="s">
        <v>117</v>
      </c>
      <c r="D5833" t="s">
        <v>118</v>
      </c>
      <c r="E5833">
        <v>2013</v>
      </c>
      <c r="F5833">
        <v>2013</v>
      </c>
      <c r="G5833" t="s">
        <v>126</v>
      </c>
      <c r="H5833" t="s">
        <v>124</v>
      </c>
      <c r="I5833" t="s">
        <v>15</v>
      </c>
      <c r="J5833" s="10">
        <v>2.0281233099999998</v>
      </c>
    </row>
    <row r="5834" spans="1:10" x14ac:dyDescent="0.35">
      <c r="A5834" t="s">
        <v>20</v>
      </c>
      <c r="B5834" t="s">
        <v>38</v>
      </c>
      <c r="C5834" t="s">
        <v>117</v>
      </c>
      <c r="D5834" t="s">
        <v>118</v>
      </c>
      <c r="E5834">
        <v>2012</v>
      </c>
      <c r="F5834">
        <v>2012</v>
      </c>
      <c r="G5834" t="s">
        <v>14</v>
      </c>
      <c r="H5834" t="s">
        <v>119</v>
      </c>
      <c r="I5834" t="s">
        <v>15</v>
      </c>
      <c r="J5834" s="10">
        <v>19.59832918</v>
      </c>
    </row>
    <row r="5835" spans="1:10" x14ac:dyDescent="0.35">
      <c r="A5835" t="s">
        <v>20</v>
      </c>
      <c r="B5835" t="s">
        <v>38</v>
      </c>
      <c r="C5835" t="s">
        <v>117</v>
      </c>
      <c r="D5835" t="s">
        <v>118</v>
      </c>
      <c r="E5835">
        <v>2012</v>
      </c>
      <c r="F5835">
        <v>2012</v>
      </c>
      <c r="G5835" t="s">
        <v>14</v>
      </c>
      <c r="H5835" t="s">
        <v>120</v>
      </c>
      <c r="I5835" t="s">
        <v>15</v>
      </c>
      <c r="J5835" s="10">
        <v>11.04594743</v>
      </c>
    </row>
    <row r="5836" spans="1:10" x14ac:dyDescent="0.35">
      <c r="A5836" t="s">
        <v>20</v>
      </c>
      <c r="B5836" t="s">
        <v>38</v>
      </c>
      <c r="C5836" t="s">
        <v>117</v>
      </c>
      <c r="D5836" t="s">
        <v>118</v>
      </c>
      <c r="E5836">
        <v>2012</v>
      </c>
      <c r="F5836">
        <v>2012</v>
      </c>
      <c r="G5836" t="s">
        <v>14</v>
      </c>
      <c r="H5836" t="s">
        <v>121</v>
      </c>
      <c r="I5836" t="s">
        <v>15</v>
      </c>
      <c r="J5836" s="10">
        <v>35.819866949999998</v>
      </c>
    </row>
    <row r="5837" spans="1:10" x14ac:dyDescent="0.35">
      <c r="A5837" t="s">
        <v>20</v>
      </c>
      <c r="B5837" t="s">
        <v>38</v>
      </c>
      <c r="C5837" t="s">
        <v>117</v>
      </c>
      <c r="D5837" t="s">
        <v>118</v>
      </c>
      <c r="E5837">
        <v>2012</v>
      </c>
      <c r="F5837">
        <v>2012</v>
      </c>
      <c r="G5837" t="s">
        <v>14</v>
      </c>
      <c r="H5837" t="s">
        <v>122</v>
      </c>
      <c r="I5837" t="s">
        <v>15</v>
      </c>
      <c r="J5837" s="10">
        <v>18.781204729999999</v>
      </c>
    </row>
    <row r="5838" spans="1:10" x14ac:dyDescent="0.35">
      <c r="A5838" t="s">
        <v>20</v>
      </c>
      <c r="B5838" t="s">
        <v>38</v>
      </c>
      <c r="C5838" t="s">
        <v>117</v>
      </c>
      <c r="D5838" t="s">
        <v>118</v>
      </c>
      <c r="E5838">
        <v>2012</v>
      </c>
      <c r="F5838">
        <v>2012</v>
      </c>
      <c r="G5838" t="s">
        <v>14</v>
      </c>
      <c r="H5838" t="s">
        <v>123</v>
      </c>
      <c r="I5838" t="s">
        <v>15</v>
      </c>
      <c r="J5838" s="10">
        <v>13.242760499999999</v>
      </c>
    </row>
    <row r="5839" spans="1:10" x14ac:dyDescent="0.35">
      <c r="A5839" t="s">
        <v>20</v>
      </c>
      <c r="B5839" t="s">
        <v>38</v>
      </c>
      <c r="C5839" t="s">
        <v>117</v>
      </c>
      <c r="D5839" t="s">
        <v>118</v>
      </c>
      <c r="E5839">
        <v>2012</v>
      </c>
      <c r="F5839">
        <v>2012</v>
      </c>
      <c r="G5839" t="s">
        <v>14</v>
      </c>
      <c r="H5839" t="s">
        <v>124</v>
      </c>
      <c r="I5839" t="s">
        <v>15</v>
      </c>
      <c r="J5839" s="10">
        <v>1.5118912</v>
      </c>
    </row>
    <row r="5840" spans="1:10" x14ac:dyDescent="0.35">
      <c r="A5840" t="s">
        <v>20</v>
      </c>
      <c r="B5840" t="s">
        <v>38</v>
      </c>
      <c r="C5840" t="s">
        <v>117</v>
      </c>
      <c r="D5840" t="s">
        <v>118</v>
      </c>
      <c r="E5840">
        <v>2012</v>
      </c>
      <c r="F5840">
        <v>2012</v>
      </c>
      <c r="G5840" t="s">
        <v>125</v>
      </c>
      <c r="H5840" t="s">
        <v>119</v>
      </c>
      <c r="I5840" t="s">
        <v>15</v>
      </c>
      <c r="J5840" s="10">
        <v>20.798849560000001</v>
      </c>
    </row>
    <row r="5841" spans="1:10" x14ac:dyDescent="0.35">
      <c r="A5841" t="s">
        <v>20</v>
      </c>
      <c r="B5841" t="s">
        <v>38</v>
      </c>
      <c r="C5841" t="s">
        <v>117</v>
      </c>
      <c r="D5841" t="s">
        <v>118</v>
      </c>
      <c r="E5841">
        <v>2012</v>
      </c>
      <c r="F5841">
        <v>2012</v>
      </c>
      <c r="G5841" t="s">
        <v>125</v>
      </c>
      <c r="H5841" t="s">
        <v>120</v>
      </c>
      <c r="I5841" t="s">
        <v>15</v>
      </c>
      <c r="J5841" s="10">
        <v>11.38991607</v>
      </c>
    </row>
    <row r="5842" spans="1:10" x14ac:dyDescent="0.35">
      <c r="A5842" t="s">
        <v>20</v>
      </c>
      <c r="B5842" t="s">
        <v>38</v>
      </c>
      <c r="C5842" t="s">
        <v>117</v>
      </c>
      <c r="D5842" t="s">
        <v>118</v>
      </c>
      <c r="E5842">
        <v>2012</v>
      </c>
      <c r="F5842">
        <v>2012</v>
      </c>
      <c r="G5842" t="s">
        <v>125</v>
      </c>
      <c r="H5842" t="s">
        <v>121</v>
      </c>
      <c r="I5842" t="s">
        <v>15</v>
      </c>
      <c r="J5842" s="10">
        <v>35.672360159999997</v>
      </c>
    </row>
    <row r="5843" spans="1:10" x14ac:dyDescent="0.35">
      <c r="A5843" t="s">
        <v>20</v>
      </c>
      <c r="B5843" t="s">
        <v>38</v>
      </c>
      <c r="C5843" t="s">
        <v>117</v>
      </c>
      <c r="D5843" t="s">
        <v>118</v>
      </c>
      <c r="E5843">
        <v>2012</v>
      </c>
      <c r="F5843">
        <v>2012</v>
      </c>
      <c r="G5843" t="s">
        <v>125</v>
      </c>
      <c r="H5843" t="s">
        <v>122</v>
      </c>
      <c r="I5843" t="s">
        <v>15</v>
      </c>
      <c r="J5843" s="10">
        <v>19.04678054</v>
      </c>
    </row>
    <row r="5844" spans="1:10" x14ac:dyDescent="0.35">
      <c r="A5844" t="s">
        <v>20</v>
      </c>
      <c r="B5844" t="s">
        <v>38</v>
      </c>
      <c r="C5844" t="s">
        <v>117</v>
      </c>
      <c r="D5844" t="s">
        <v>118</v>
      </c>
      <c r="E5844">
        <v>2012</v>
      </c>
      <c r="F5844">
        <v>2012</v>
      </c>
      <c r="G5844" t="s">
        <v>125</v>
      </c>
      <c r="H5844" t="s">
        <v>123</v>
      </c>
      <c r="I5844" t="s">
        <v>15</v>
      </c>
      <c r="J5844" s="10">
        <v>12.08546106</v>
      </c>
    </row>
    <row r="5845" spans="1:10" x14ac:dyDescent="0.35">
      <c r="A5845" t="s">
        <v>20</v>
      </c>
      <c r="B5845" t="s">
        <v>38</v>
      </c>
      <c r="C5845" t="s">
        <v>117</v>
      </c>
      <c r="D5845" t="s">
        <v>118</v>
      </c>
      <c r="E5845">
        <v>2012</v>
      </c>
      <c r="F5845">
        <v>2012</v>
      </c>
      <c r="G5845" t="s">
        <v>125</v>
      </c>
      <c r="H5845" t="s">
        <v>124</v>
      </c>
      <c r="I5845" t="s">
        <v>15</v>
      </c>
      <c r="J5845" s="10">
        <v>1.006632623</v>
      </c>
    </row>
    <row r="5846" spans="1:10" x14ac:dyDescent="0.35">
      <c r="A5846" t="s">
        <v>20</v>
      </c>
      <c r="B5846" t="s">
        <v>38</v>
      </c>
      <c r="C5846" t="s">
        <v>117</v>
      </c>
      <c r="D5846" t="s">
        <v>118</v>
      </c>
      <c r="E5846">
        <v>2012</v>
      </c>
      <c r="F5846">
        <v>2012</v>
      </c>
      <c r="G5846" t="s">
        <v>126</v>
      </c>
      <c r="H5846" t="s">
        <v>119</v>
      </c>
      <c r="I5846" t="s">
        <v>15</v>
      </c>
      <c r="J5846" s="10">
        <v>18.493613109999998</v>
      </c>
    </row>
    <row r="5847" spans="1:10" x14ac:dyDescent="0.35">
      <c r="A5847" t="s">
        <v>20</v>
      </c>
      <c r="B5847" t="s">
        <v>38</v>
      </c>
      <c r="C5847" t="s">
        <v>117</v>
      </c>
      <c r="D5847" t="s">
        <v>118</v>
      </c>
      <c r="E5847">
        <v>2012</v>
      </c>
      <c r="F5847">
        <v>2012</v>
      </c>
      <c r="G5847" t="s">
        <v>126</v>
      </c>
      <c r="H5847" t="s">
        <v>120</v>
      </c>
      <c r="I5847" t="s">
        <v>15</v>
      </c>
      <c r="J5847" s="10">
        <v>10.72942829</v>
      </c>
    </row>
    <row r="5848" spans="1:10" x14ac:dyDescent="0.35">
      <c r="A5848" t="s">
        <v>20</v>
      </c>
      <c r="B5848" t="s">
        <v>38</v>
      </c>
      <c r="C5848" t="s">
        <v>117</v>
      </c>
      <c r="D5848" t="s">
        <v>118</v>
      </c>
      <c r="E5848">
        <v>2012</v>
      </c>
      <c r="F5848">
        <v>2012</v>
      </c>
      <c r="G5848" t="s">
        <v>126</v>
      </c>
      <c r="H5848" t="s">
        <v>121</v>
      </c>
      <c r="I5848" t="s">
        <v>15</v>
      </c>
      <c r="J5848" s="10">
        <v>35.955602370000001</v>
      </c>
    </row>
    <row r="5849" spans="1:10" x14ac:dyDescent="0.35">
      <c r="A5849" t="s">
        <v>20</v>
      </c>
      <c r="B5849" t="s">
        <v>38</v>
      </c>
      <c r="C5849" t="s">
        <v>117</v>
      </c>
      <c r="D5849" t="s">
        <v>118</v>
      </c>
      <c r="E5849">
        <v>2012</v>
      </c>
      <c r="F5849">
        <v>2012</v>
      </c>
      <c r="G5849" t="s">
        <v>126</v>
      </c>
      <c r="H5849" t="s">
        <v>122</v>
      </c>
      <c r="I5849" t="s">
        <v>15</v>
      </c>
      <c r="J5849" s="10">
        <v>18.536822489999999</v>
      </c>
    </row>
    <row r="5850" spans="1:10" x14ac:dyDescent="0.35">
      <c r="A5850" t="s">
        <v>20</v>
      </c>
      <c r="B5850" t="s">
        <v>38</v>
      </c>
      <c r="C5850" t="s">
        <v>117</v>
      </c>
      <c r="D5850" t="s">
        <v>118</v>
      </c>
      <c r="E5850">
        <v>2012</v>
      </c>
      <c r="F5850">
        <v>2012</v>
      </c>
      <c r="G5850" t="s">
        <v>126</v>
      </c>
      <c r="H5850" t="s">
        <v>123</v>
      </c>
      <c r="I5850" t="s">
        <v>15</v>
      </c>
      <c r="J5850" s="10">
        <v>14.307704770000001</v>
      </c>
    </row>
    <row r="5851" spans="1:10" x14ac:dyDescent="0.35">
      <c r="A5851" t="s">
        <v>20</v>
      </c>
      <c r="B5851" t="s">
        <v>38</v>
      </c>
      <c r="C5851" t="s">
        <v>117</v>
      </c>
      <c r="D5851" t="s">
        <v>118</v>
      </c>
      <c r="E5851">
        <v>2012</v>
      </c>
      <c r="F5851">
        <v>2012</v>
      </c>
      <c r="G5851" t="s">
        <v>126</v>
      </c>
      <c r="H5851" t="s">
        <v>124</v>
      </c>
      <c r="I5851" t="s">
        <v>15</v>
      </c>
      <c r="J5851" s="10">
        <v>1.9768289720000001</v>
      </c>
    </row>
    <row r="5852" spans="1:10" x14ac:dyDescent="0.35">
      <c r="A5852" t="s">
        <v>20</v>
      </c>
      <c r="B5852" t="s">
        <v>38</v>
      </c>
      <c r="C5852" t="s">
        <v>117</v>
      </c>
      <c r="D5852" t="s">
        <v>118</v>
      </c>
      <c r="E5852">
        <v>2011</v>
      </c>
      <c r="F5852">
        <v>2011</v>
      </c>
      <c r="G5852" t="s">
        <v>14</v>
      </c>
      <c r="H5852" t="s">
        <v>119</v>
      </c>
      <c r="I5852" t="s">
        <v>15</v>
      </c>
      <c r="J5852" s="10">
        <v>19.607510940000001</v>
      </c>
    </row>
    <row r="5853" spans="1:10" x14ac:dyDescent="0.35">
      <c r="A5853" t="s">
        <v>20</v>
      </c>
      <c r="B5853" t="s">
        <v>38</v>
      </c>
      <c r="C5853" t="s">
        <v>117</v>
      </c>
      <c r="D5853" t="s">
        <v>118</v>
      </c>
      <c r="E5853">
        <v>2011</v>
      </c>
      <c r="F5853">
        <v>2011</v>
      </c>
      <c r="G5853" t="s">
        <v>14</v>
      </c>
      <c r="H5853" t="s">
        <v>120</v>
      </c>
      <c r="I5853" t="s">
        <v>15</v>
      </c>
      <c r="J5853" s="10">
        <v>11.01369476</v>
      </c>
    </row>
    <row r="5854" spans="1:10" x14ac:dyDescent="0.35">
      <c r="A5854" t="s">
        <v>20</v>
      </c>
      <c r="B5854" t="s">
        <v>38</v>
      </c>
      <c r="C5854" t="s">
        <v>117</v>
      </c>
      <c r="D5854" t="s">
        <v>118</v>
      </c>
      <c r="E5854">
        <v>2011</v>
      </c>
      <c r="F5854">
        <v>2011</v>
      </c>
      <c r="G5854" t="s">
        <v>14</v>
      </c>
      <c r="H5854" t="s">
        <v>121</v>
      </c>
      <c r="I5854" t="s">
        <v>15</v>
      </c>
      <c r="J5854" s="10">
        <v>36.5593675</v>
      </c>
    </row>
    <row r="5855" spans="1:10" x14ac:dyDescent="0.35">
      <c r="A5855" t="s">
        <v>20</v>
      </c>
      <c r="B5855" t="s">
        <v>38</v>
      </c>
      <c r="C5855" t="s">
        <v>117</v>
      </c>
      <c r="D5855" t="s">
        <v>118</v>
      </c>
      <c r="E5855">
        <v>2011</v>
      </c>
      <c r="F5855">
        <v>2011</v>
      </c>
      <c r="G5855" t="s">
        <v>14</v>
      </c>
      <c r="H5855" t="s">
        <v>122</v>
      </c>
      <c r="I5855" t="s">
        <v>15</v>
      </c>
      <c r="J5855" s="10">
        <v>18.470986870000001</v>
      </c>
    </row>
    <row r="5856" spans="1:10" x14ac:dyDescent="0.35">
      <c r="A5856" t="s">
        <v>20</v>
      </c>
      <c r="B5856" t="s">
        <v>38</v>
      </c>
      <c r="C5856" t="s">
        <v>117</v>
      </c>
      <c r="D5856" t="s">
        <v>118</v>
      </c>
      <c r="E5856">
        <v>2011</v>
      </c>
      <c r="F5856">
        <v>2011</v>
      </c>
      <c r="G5856" t="s">
        <v>14</v>
      </c>
      <c r="H5856" t="s">
        <v>123</v>
      </c>
      <c r="I5856" t="s">
        <v>15</v>
      </c>
      <c r="J5856" s="10">
        <v>12.91825498</v>
      </c>
    </row>
    <row r="5857" spans="1:10" x14ac:dyDescent="0.35">
      <c r="A5857" t="s">
        <v>20</v>
      </c>
      <c r="B5857" t="s">
        <v>38</v>
      </c>
      <c r="C5857" t="s">
        <v>117</v>
      </c>
      <c r="D5857" t="s">
        <v>118</v>
      </c>
      <c r="E5857">
        <v>2011</v>
      </c>
      <c r="F5857">
        <v>2011</v>
      </c>
      <c r="G5857" t="s">
        <v>14</v>
      </c>
      <c r="H5857" t="s">
        <v>124</v>
      </c>
      <c r="I5857" t="s">
        <v>15</v>
      </c>
      <c r="J5857" s="10">
        <v>1.4301849499999999</v>
      </c>
    </row>
    <row r="5858" spans="1:10" x14ac:dyDescent="0.35">
      <c r="A5858" t="s">
        <v>20</v>
      </c>
      <c r="B5858" t="s">
        <v>38</v>
      </c>
      <c r="C5858" t="s">
        <v>117</v>
      </c>
      <c r="D5858" t="s">
        <v>118</v>
      </c>
      <c r="E5858">
        <v>2011</v>
      </c>
      <c r="F5858">
        <v>2011</v>
      </c>
      <c r="G5858" t="s">
        <v>125</v>
      </c>
      <c r="H5858" t="s">
        <v>119</v>
      </c>
      <c r="I5858" t="s">
        <v>15</v>
      </c>
      <c r="J5858" s="10">
        <v>20.842272309999998</v>
      </c>
    </row>
    <row r="5859" spans="1:10" x14ac:dyDescent="0.35">
      <c r="A5859" t="s">
        <v>20</v>
      </c>
      <c r="B5859" t="s">
        <v>38</v>
      </c>
      <c r="C5859" t="s">
        <v>117</v>
      </c>
      <c r="D5859" t="s">
        <v>118</v>
      </c>
      <c r="E5859">
        <v>2011</v>
      </c>
      <c r="F5859">
        <v>2011</v>
      </c>
      <c r="G5859" t="s">
        <v>125</v>
      </c>
      <c r="H5859" t="s">
        <v>120</v>
      </c>
      <c r="I5859" t="s">
        <v>15</v>
      </c>
      <c r="J5859" s="10">
        <v>11.323360859999999</v>
      </c>
    </row>
    <row r="5860" spans="1:10" x14ac:dyDescent="0.35">
      <c r="A5860" t="s">
        <v>20</v>
      </c>
      <c r="B5860" t="s">
        <v>38</v>
      </c>
      <c r="C5860" t="s">
        <v>117</v>
      </c>
      <c r="D5860" t="s">
        <v>118</v>
      </c>
      <c r="E5860">
        <v>2011</v>
      </c>
      <c r="F5860">
        <v>2011</v>
      </c>
      <c r="G5860" t="s">
        <v>125</v>
      </c>
      <c r="H5860" t="s">
        <v>121</v>
      </c>
      <c r="I5860" t="s">
        <v>15</v>
      </c>
      <c r="J5860" s="10">
        <v>36.703206280000003</v>
      </c>
    </row>
    <row r="5861" spans="1:10" x14ac:dyDescent="0.35">
      <c r="A5861" t="s">
        <v>20</v>
      </c>
      <c r="B5861" t="s">
        <v>38</v>
      </c>
      <c r="C5861" t="s">
        <v>117</v>
      </c>
      <c r="D5861" t="s">
        <v>118</v>
      </c>
      <c r="E5861">
        <v>2011</v>
      </c>
      <c r="F5861">
        <v>2011</v>
      </c>
      <c r="G5861" t="s">
        <v>125</v>
      </c>
      <c r="H5861" t="s">
        <v>122</v>
      </c>
      <c r="I5861" t="s">
        <v>15</v>
      </c>
      <c r="J5861" s="10">
        <v>18.573485760000001</v>
      </c>
    </row>
    <row r="5862" spans="1:10" x14ac:dyDescent="0.35">
      <c r="A5862" t="s">
        <v>20</v>
      </c>
      <c r="B5862" t="s">
        <v>38</v>
      </c>
      <c r="C5862" t="s">
        <v>117</v>
      </c>
      <c r="D5862" t="s">
        <v>118</v>
      </c>
      <c r="E5862">
        <v>2011</v>
      </c>
      <c r="F5862">
        <v>2011</v>
      </c>
      <c r="G5862" t="s">
        <v>125</v>
      </c>
      <c r="H5862" t="s">
        <v>123</v>
      </c>
      <c r="I5862" t="s">
        <v>15</v>
      </c>
      <c r="J5862" s="10">
        <v>11.66426661</v>
      </c>
    </row>
    <row r="5863" spans="1:10" x14ac:dyDescent="0.35">
      <c r="A5863" t="s">
        <v>20</v>
      </c>
      <c r="B5863" t="s">
        <v>38</v>
      </c>
      <c r="C5863" t="s">
        <v>117</v>
      </c>
      <c r="D5863" t="s">
        <v>118</v>
      </c>
      <c r="E5863">
        <v>2011</v>
      </c>
      <c r="F5863">
        <v>2011</v>
      </c>
      <c r="G5863" t="s">
        <v>125</v>
      </c>
      <c r="H5863" t="s">
        <v>124</v>
      </c>
      <c r="I5863" t="s">
        <v>15</v>
      </c>
      <c r="J5863" s="10">
        <v>0.893408176</v>
      </c>
    </row>
    <row r="5864" spans="1:10" x14ac:dyDescent="0.35">
      <c r="A5864" t="s">
        <v>20</v>
      </c>
      <c r="B5864" t="s">
        <v>38</v>
      </c>
      <c r="C5864" t="s">
        <v>117</v>
      </c>
      <c r="D5864" t="s">
        <v>118</v>
      </c>
      <c r="E5864">
        <v>2011</v>
      </c>
      <c r="F5864">
        <v>2011</v>
      </c>
      <c r="G5864" t="s">
        <v>126</v>
      </c>
      <c r="H5864" t="s">
        <v>119</v>
      </c>
      <c r="I5864" t="s">
        <v>15</v>
      </c>
      <c r="J5864" s="10">
        <v>18.465885929999999</v>
      </c>
    </row>
    <row r="5865" spans="1:10" x14ac:dyDescent="0.35">
      <c r="A5865" t="s">
        <v>20</v>
      </c>
      <c r="B5865" t="s">
        <v>38</v>
      </c>
      <c r="C5865" t="s">
        <v>117</v>
      </c>
      <c r="D5865" t="s">
        <v>118</v>
      </c>
      <c r="E5865">
        <v>2011</v>
      </c>
      <c r="F5865">
        <v>2011</v>
      </c>
      <c r="G5865" t="s">
        <v>126</v>
      </c>
      <c r="H5865" t="s">
        <v>120</v>
      </c>
      <c r="I5865" t="s">
        <v>15</v>
      </c>
      <c r="J5865" s="10">
        <v>10.72738635</v>
      </c>
    </row>
    <row r="5866" spans="1:10" x14ac:dyDescent="0.35">
      <c r="A5866" t="s">
        <v>20</v>
      </c>
      <c r="B5866" t="s">
        <v>38</v>
      </c>
      <c r="C5866" t="s">
        <v>117</v>
      </c>
      <c r="D5866" t="s">
        <v>118</v>
      </c>
      <c r="E5866">
        <v>2011</v>
      </c>
      <c r="F5866">
        <v>2011</v>
      </c>
      <c r="G5866" t="s">
        <v>126</v>
      </c>
      <c r="H5866" t="s">
        <v>121</v>
      </c>
      <c r="I5866" t="s">
        <v>15</v>
      </c>
      <c r="J5866" s="10">
        <v>36.426378280000002</v>
      </c>
    </row>
    <row r="5867" spans="1:10" x14ac:dyDescent="0.35">
      <c r="A5867" t="s">
        <v>20</v>
      </c>
      <c r="B5867" t="s">
        <v>38</v>
      </c>
      <c r="C5867" t="s">
        <v>117</v>
      </c>
      <c r="D5867" t="s">
        <v>118</v>
      </c>
      <c r="E5867">
        <v>2011</v>
      </c>
      <c r="F5867">
        <v>2011</v>
      </c>
      <c r="G5867" t="s">
        <v>126</v>
      </c>
      <c r="H5867" t="s">
        <v>122</v>
      </c>
      <c r="I5867" t="s">
        <v>15</v>
      </c>
      <c r="J5867" s="10">
        <v>18.376219330000001</v>
      </c>
    </row>
    <row r="5868" spans="1:10" x14ac:dyDescent="0.35">
      <c r="A5868" t="s">
        <v>20</v>
      </c>
      <c r="B5868" t="s">
        <v>38</v>
      </c>
      <c r="C5868" t="s">
        <v>117</v>
      </c>
      <c r="D5868" t="s">
        <v>118</v>
      </c>
      <c r="E5868">
        <v>2011</v>
      </c>
      <c r="F5868">
        <v>2011</v>
      </c>
      <c r="G5868" t="s">
        <v>126</v>
      </c>
      <c r="H5868" t="s">
        <v>123</v>
      </c>
      <c r="I5868" t="s">
        <v>15</v>
      </c>
      <c r="J5868" s="10">
        <v>14.077656709999999</v>
      </c>
    </row>
    <row r="5869" spans="1:10" x14ac:dyDescent="0.35">
      <c r="A5869" t="s">
        <v>20</v>
      </c>
      <c r="B5869" t="s">
        <v>38</v>
      </c>
      <c r="C5869" t="s">
        <v>117</v>
      </c>
      <c r="D5869" t="s">
        <v>118</v>
      </c>
      <c r="E5869">
        <v>2011</v>
      </c>
      <c r="F5869">
        <v>2011</v>
      </c>
      <c r="G5869" t="s">
        <v>126</v>
      </c>
      <c r="H5869" t="s">
        <v>124</v>
      </c>
      <c r="I5869" t="s">
        <v>15</v>
      </c>
      <c r="J5869" s="10">
        <v>1.926473385</v>
      </c>
    </row>
    <row r="5870" spans="1:10" x14ac:dyDescent="0.35">
      <c r="A5870" t="s">
        <v>33</v>
      </c>
      <c r="B5870" t="s">
        <v>39</v>
      </c>
      <c r="C5870" t="s">
        <v>117</v>
      </c>
      <c r="D5870" t="s">
        <v>118</v>
      </c>
      <c r="E5870">
        <v>2020</v>
      </c>
      <c r="F5870">
        <v>2020</v>
      </c>
      <c r="G5870" t="s">
        <v>14</v>
      </c>
      <c r="H5870" t="s">
        <v>119</v>
      </c>
      <c r="I5870" t="s">
        <v>15</v>
      </c>
      <c r="J5870" s="10">
        <v>17.794805119999999</v>
      </c>
    </row>
    <row r="5871" spans="1:10" x14ac:dyDescent="0.35">
      <c r="A5871" t="s">
        <v>33</v>
      </c>
      <c r="B5871" t="s">
        <v>39</v>
      </c>
      <c r="C5871" t="s">
        <v>117</v>
      </c>
      <c r="D5871" t="s">
        <v>118</v>
      </c>
      <c r="E5871">
        <v>2020</v>
      </c>
      <c r="F5871">
        <v>2020</v>
      </c>
      <c r="G5871" t="s">
        <v>14</v>
      </c>
      <c r="H5871" t="s">
        <v>120</v>
      </c>
      <c r="I5871" t="s">
        <v>15</v>
      </c>
      <c r="J5871" s="10">
        <v>9.1518906809999994</v>
      </c>
    </row>
    <row r="5872" spans="1:10" x14ac:dyDescent="0.35">
      <c r="A5872" t="s">
        <v>33</v>
      </c>
      <c r="B5872" t="s">
        <v>39</v>
      </c>
      <c r="C5872" t="s">
        <v>117</v>
      </c>
      <c r="D5872" t="s">
        <v>118</v>
      </c>
      <c r="E5872">
        <v>2020</v>
      </c>
      <c r="F5872">
        <v>2020</v>
      </c>
      <c r="G5872" t="s">
        <v>14</v>
      </c>
      <c r="H5872" t="s">
        <v>121</v>
      </c>
      <c r="I5872" t="s">
        <v>15</v>
      </c>
      <c r="J5872" s="10">
        <v>31.267461480000001</v>
      </c>
    </row>
    <row r="5873" spans="1:10" x14ac:dyDescent="0.35">
      <c r="A5873" t="s">
        <v>33</v>
      </c>
      <c r="B5873" t="s">
        <v>39</v>
      </c>
      <c r="C5873" t="s">
        <v>117</v>
      </c>
      <c r="D5873" t="s">
        <v>118</v>
      </c>
      <c r="E5873">
        <v>2020</v>
      </c>
      <c r="F5873">
        <v>2020</v>
      </c>
      <c r="G5873" t="s">
        <v>14</v>
      </c>
      <c r="H5873" t="s">
        <v>122</v>
      </c>
      <c r="I5873" t="s">
        <v>15</v>
      </c>
      <c r="J5873" s="10">
        <v>21.757351109999998</v>
      </c>
    </row>
    <row r="5874" spans="1:10" x14ac:dyDescent="0.35">
      <c r="A5874" t="s">
        <v>33</v>
      </c>
      <c r="B5874" t="s">
        <v>39</v>
      </c>
      <c r="C5874" t="s">
        <v>117</v>
      </c>
      <c r="D5874" t="s">
        <v>118</v>
      </c>
      <c r="E5874">
        <v>2020</v>
      </c>
      <c r="F5874">
        <v>2020</v>
      </c>
      <c r="G5874" t="s">
        <v>14</v>
      </c>
      <c r="H5874" t="s">
        <v>123</v>
      </c>
      <c r="I5874" t="s">
        <v>15</v>
      </c>
      <c r="J5874" s="10">
        <v>17.82384996</v>
      </c>
    </row>
    <row r="5875" spans="1:10" x14ac:dyDescent="0.35">
      <c r="A5875" t="s">
        <v>33</v>
      </c>
      <c r="B5875" t="s">
        <v>39</v>
      </c>
      <c r="C5875" t="s">
        <v>117</v>
      </c>
      <c r="D5875" t="s">
        <v>118</v>
      </c>
      <c r="E5875">
        <v>2020</v>
      </c>
      <c r="F5875">
        <v>2020</v>
      </c>
      <c r="G5875" t="s">
        <v>14</v>
      </c>
      <c r="H5875" t="s">
        <v>124</v>
      </c>
      <c r="I5875" t="s">
        <v>15</v>
      </c>
      <c r="J5875" s="10">
        <v>2.2046416419999999</v>
      </c>
    </row>
    <row r="5876" spans="1:10" x14ac:dyDescent="0.35">
      <c r="A5876" t="s">
        <v>33</v>
      </c>
      <c r="B5876" t="s">
        <v>39</v>
      </c>
      <c r="C5876" t="s">
        <v>117</v>
      </c>
      <c r="D5876" t="s">
        <v>118</v>
      </c>
      <c r="E5876">
        <v>2020</v>
      </c>
      <c r="F5876">
        <v>2020</v>
      </c>
      <c r="G5876" t="s">
        <v>125</v>
      </c>
      <c r="H5876" t="s">
        <v>119</v>
      </c>
      <c r="I5876" t="s">
        <v>15</v>
      </c>
      <c r="J5876" s="10">
        <v>19.060221290000001</v>
      </c>
    </row>
    <row r="5877" spans="1:10" x14ac:dyDescent="0.35">
      <c r="A5877" t="s">
        <v>33</v>
      </c>
      <c r="B5877" t="s">
        <v>39</v>
      </c>
      <c r="C5877" t="s">
        <v>117</v>
      </c>
      <c r="D5877" t="s">
        <v>118</v>
      </c>
      <c r="E5877">
        <v>2020</v>
      </c>
      <c r="F5877">
        <v>2020</v>
      </c>
      <c r="G5877" t="s">
        <v>125</v>
      </c>
      <c r="H5877" t="s">
        <v>120</v>
      </c>
      <c r="I5877" t="s">
        <v>15</v>
      </c>
      <c r="J5877" s="10">
        <v>9.5554491959999996</v>
      </c>
    </row>
    <row r="5878" spans="1:10" x14ac:dyDescent="0.35">
      <c r="A5878" t="s">
        <v>33</v>
      </c>
      <c r="B5878" t="s">
        <v>39</v>
      </c>
      <c r="C5878" t="s">
        <v>117</v>
      </c>
      <c r="D5878" t="s">
        <v>118</v>
      </c>
      <c r="E5878">
        <v>2020</v>
      </c>
      <c r="F5878">
        <v>2020</v>
      </c>
      <c r="G5878" t="s">
        <v>125</v>
      </c>
      <c r="H5878" t="s">
        <v>121</v>
      </c>
      <c r="I5878" t="s">
        <v>15</v>
      </c>
      <c r="J5878" s="10">
        <v>30.842647599999999</v>
      </c>
    </row>
    <row r="5879" spans="1:10" x14ac:dyDescent="0.35">
      <c r="A5879" t="s">
        <v>33</v>
      </c>
      <c r="B5879" t="s">
        <v>39</v>
      </c>
      <c r="C5879" t="s">
        <v>117</v>
      </c>
      <c r="D5879" t="s">
        <v>118</v>
      </c>
      <c r="E5879">
        <v>2020</v>
      </c>
      <c r="F5879">
        <v>2020</v>
      </c>
      <c r="G5879" t="s">
        <v>125</v>
      </c>
      <c r="H5879" t="s">
        <v>122</v>
      </c>
      <c r="I5879" t="s">
        <v>15</v>
      </c>
      <c r="J5879" s="10">
        <v>21.751738509999999</v>
      </c>
    </row>
    <row r="5880" spans="1:10" x14ac:dyDescent="0.35">
      <c r="A5880" t="s">
        <v>33</v>
      </c>
      <c r="B5880" t="s">
        <v>39</v>
      </c>
      <c r="C5880" t="s">
        <v>117</v>
      </c>
      <c r="D5880" t="s">
        <v>118</v>
      </c>
      <c r="E5880">
        <v>2020</v>
      </c>
      <c r="F5880">
        <v>2020</v>
      </c>
      <c r="G5880" t="s">
        <v>125</v>
      </c>
      <c r="H5880" t="s">
        <v>123</v>
      </c>
      <c r="I5880" t="s">
        <v>15</v>
      </c>
      <c r="J5880" s="10">
        <v>17.14012219</v>
      </c>
    </row>
    <row r="5881" spans="1:10" x14ac:dyDescent="0.35">
      <c r="A5881" t="s">
        <v>33</v>
      </c>
      <c r="B5881" t="s">
        <v>39</v>
      </c>
      <c r="C5881" t="s">
        <v>117</v>
      </c>
      <c r="D5881" t="s">
        <v>118</v>
      </c>
      <c r="E5881">
        <v>2020</v>
      </c>
      <c r="F5881">
        <v>2020</v>
      </c>
      <c r="G5881" t="s">
        <v>125</v>
      </c>
      <c r="H5881" t="s">
        <v>124</v>
      </c>
      <c r="I5881" t="s">
        <v>15</v>
      </c>
      <c r="J5881" s="10">
        <v>1.6498212219999999</v>
      </c>
    </row>
    <row r="5882" spans="1:10" x14ac:dyDescent="0.35">
      <c r="A5882" t="s">
        <v>33</v>
      </c>
      <c r="B5882" t="s">
        <v>39</v>
      </c>
      <c r="C5882" t="s">
        <v>117</v>
      </c>
      <c r="D5882" t="s">
        <v>118</v>
      </c>
      <c r="E5882">
        <v>2020</v>
      </c>
      <c r="F5882">
        <v>2020</v>
      </c>
      <c r="G5882" t="s">
        <v>126</v>
      </c>
      <c r="H5882" t="s">
        <v>119</v>
      </c>
      <c r="I5882" t="s">
        <v>15</v>
      </c>
      <c r="J5882" s="10">
        <v>16.572873340000001</v>
      </c>
    </row>
    <row r="5883" spans="1:10" x14ac:dyDescent="0.35">
      <c r="A5883" t="s">
        <v>33</v>
      </c>
      <c r="B5883" t="s">
        <v>39</v>
      </c>
      <c r="C5883" t="s">
        <v>117</v>
      </c>
      <c r="D5883" t="s">
        <v>118</v>
      </c>
      <c r="E5883">
        <v>2020</v>
      </c>
      <c r="F5883">
        <v>2020</v>
      </c>
      <c r="G5883" t="s">
        <v>126</v>
      </c>
      <c r="H5883" t="s">
        <v>120</v>
      </c>
      <c r="I5883" t="s">
        <v>15</v>
      </c>
      <c r="J5883" s="10">
        <v>8.7621999289999994</v>
      </c>
    </row>
    <row r="5884" spans="1:10" x14ac:dyDescent="0.35">
      <c r="A5884" t="s">
        <v>33</v>
      </c>
      <c r="B5884" t="s">
        <v>39</v>
      </c>
      <c r="C5884" t="s">
        <v>117</v>
      </c>
      <c r="D5884" t="s">
        <v>118</v>
      </c>
      <c r="E5884">
        <v>2020</v>
      </c>
      <c r="F5884">
        <v>2020</v>
      </c>
      <c r="G5884" t="s">
        <v>126</v>
      </c>
      <c r="H5884" t="s">
        <v>121</v>
      </c>
      <c r="I5884" t="s">
        <v>15</v>
      </c>
      <c r="J5884" s="10">
        <v>31.677677190000001</v>
      </c>
    </row>
    <row r="5885" spans="1:10" x14ac:dyDescent="0.35">
      <c r="A5885" t="s">
        <v>33</v>
      </c>
      <c r="B5885" t="s">
        <v>39</v>
      </c>
      <c r="C5885" t="s">
        <v>117</v>
      </c>
      <c r="D5885" t="s">
        <v>118</v>
      </c>
      <c r="E5885">
        <v>2020</v>
      </c>
      <c r="F5885">
        <v>2020</v>
      </c>
      <c r="G5885" t="s">
        <v>126</v>
      </c>
      <c r="H5885" t="s">
        <v>122</v>
      </c>
      <c r="I5885" t="s">
        <v>15</v>
      </c>
      <c r="J5885" s="10">
        <v>21.762770849999999</v>
      </c>
    </row>
    <row r="5886" spans="1:10" x14ac:dyDescent="0.35">
      <c r="A5886" t="s">
        <v>33</v>
      </c>
      <c r="B5886" t="s">
        <v>39</v>
      </c>
      <c r="C5886" t="s">
        <v>117</v>
      </c>
      <c r="D5886" t="s">
        <v>118</v>
      </c>
      <c r="E5886">
        <v>2020</v>
      </c>
      <c r="F5886">
        <v>2020</v>
      </c>
      <c r="G5886" t="s">
        <v>126</v>
      </c>
      <c r="H5886" t="s">
        <v>123</v>
      </c>
      <c r="I5886" t="s">
        <v>15</v>
      </c>
      <c r="J5886" s="10">
        <v>18.484082319999999</v>
      </c>
    </row>
    <row r="5887" spans="1:10" x14ac:dyDescent="0.35">
      <c r="A5887" t="s">
        <v>33</v>
      </c>
      <c r="B5887" t="s">
        <v>39</v>
      </c>
      <c r="C5887" t="s">
        <v>117</v>
      </c>
      <c r="D5887" t="s">
        <v>118</v>
      </c>
      <c r="E5887">
        <v>2020</v>
      </c>
      <c r="F5887">
        <v>2020</v>
      </c>
      <c r="G5887" t="s">
        <v>126</v>
      </c>
      <c r="H5887" t="s">
        <v>124</v>
      </c>
      <c r="I5887" t="s">
        <v>15</v>
      </c>
      <c r="J5887" s="10">
        <v>2.7403963789999999</v>
      </c>
    </row>
    <row r="5888" spans="1:10" x14ac:dyDescent="0.35">
      <c r="A5888" t="s">
        <v>33</v>
      </c>
      <c r="B5888" t="s">
        <v>39</v>
      </c>
      <c r="C5888" t="s">
        <v>117</v>
      </c>
      <c r="D5888" t="s">
        <v>118</v>
      </c>
      <c r="E5888">
        <v>2019</v>
      </c>
      <c r="F5888">
        <v>2019</v>
      </c>
      <c r="G5888" t="s">
        <v>14</v>
      </c>
      <c r="H5888" t="s">
        <v>119</v>
      </c>
      <c r="I5888" t="s">
        <v>15</v>
      </c>
      <c r="J5888" s="10">
        <v>17.873353259999998</v>
      </c>
    </row>
    <row r="5889" spans="1:10" x14ac:dyDescent="0.35">
      <c r="A5889" t="s">
        <v>33</v>
      </c>
      <c r="B5889" t="s">
        <v>39</v>
      </c>
      <c r="C5889" t="s">
        <v>117</v>
      </c>
      <c r="D5889" t="s">
        <v>118</v>
      </c>
      <c r="E5889">
        <v>2019</v>
      </c>
      <c r="F5889">
        <v>2019</v>
      </c>
      <c r="G5889" t="s">
        <v>14</v>
      </c>
      <c r="H5889" t="s">
        <v>120</v>
      </c>
      <c r="I5889" t="s">
        <v>15</v>
      </c>
      <c r="J5889" s="10">
        <v>9.3739621389999996</v>
      </c>
    </row>
    <row r="5890" spans="1:10" x14ac:dyDescent="0.35">
      <c r="A5890" t="s">
        <v>33</v>
      </c>
      <c r="B5890" t="s">
        <v>39</v>
      </c>
      <c r="C5890" t="s">
        <v>117</v>
      </c>
      <c r="D5890" t="s">
        <v>118</v>
      </c>
      <c r="E5890">
        <v>2019</v>
      </c>
      <c r="F5890">
        <v>2019</v>
      </c>
      <c r="G5890" t="s">
        <v>14</v>
      </c>
      <c r="H5890" t="s">
        <v>121</v>
      </c>
      <c r="I5890" t="s">
        <v>15</v>
      </c>
      <c r="J5890" s="10">
        <v>31.271449130000001</v>
      </c>
    </row>
    <row r="5891" spans="1:10" x14ac:dyDescent="0.35">
      <c r="A5891" t="s">
        <v>33</v>
      </c>
      <c r="B5891" t="s">
        <v>39</v>
      </c>
      <c r="C5891" t="s">
        <v>117</v>
      </c>
      <c r="D5891" t="s">
        <v>118</v>
      </c>
      <c r="E5891">
        <v>2019</v>
      </c>
      <c r="F5891">
        <v>2019</v>
      </c>
      <c r="G5891" t="s">
        <v>14</v>
      </c>
      <c r="H5891" t="s">
        <v>122</v>
      </c>
      <c r="I5891" t="s">
        <v>15</v>
      </c>
      <c r="J5891" s="10">
        <v>21.652551750000001</v>
      </c>
    </row>
    <row r="5892" spans="1:10" x14ac:dyDescent="0.35">
      <c r="A5892" t="s">
        <v>33</v>
      </c>
      <c r="B5892" t="s">
        <v>39</v>
      </c>
      <c r="C5892" t="s">
        <v>117</v>
      </c>
      <c r="D5892" t="s">
        <v>118</v>
      </c>
      <c r="E5892">
        <v>2019</v>
      </c>
      <c r="F5892">
        <v>2019</v>
      </c>
      <c r="G5892" t="s">
        <v>14</v>
      </c>
      <c r="H5892" t="s">
        <v>123</v>
      </c>
      <c r="I5892" t="s">
        <v>15</v>
      </c>
      <c r="J5892" s="10">
        <v>17.639488539999999</v>
      </c>
    </row>
    <row r="5893" spans="1:10" x14ac:dyDescent="0.35">
      <c r="A5893" t="s">
        <v>33</v>
      </c>
      <c r="B5893" t="s">
        <v>39</v>
      </c>
      <c r="C5893" t="s">
        <v>117</v>
      </c>
      <c r="D5893" t="s">
        <v>118</v>
      </c>
      <c r="E5893">
        <v>2019</v>
      </c>
      <c r="F5893">
        <v>2019</v>
      </c>
      <c r="G5893" t="s">
        <v>14</v>
      </c>
      <c r="H5893" t="s">
        <v>124</v>
      </c>
      <c r="I5893" t="s">
        <v>15</v>
      </c>
      <c r="J5893" s="10">
        <v>2.1891951729999999</v>
      </c>
    </row>
    <row r="5894" spans="1:10" x14ac:dyDescent="0.35">
      <c r="A5894" t="s">
        <v>33</v>
      </c>
      <c r="B5894" t="s">
        <v>39</v>
      </c>
      <c r="C5894" t="s">
        <v>117</v>
      </c>
      <c r="D5894" t="s">
        <v>118</v>
      </c>
      <c r="E5894">
        <v>2019</v>
      </c>
      <c r="F5894">
        <v>2019</v>
      </c>
      <c r="G5894" t="s">
        <v>125</v>
      </c>
      <c r="H5894" t="s">
        <v>119</v>
      </c>
      <c r="I5894" t="s">
        <v>15</v>
      </c>
      <c r="J5894" s="10">
        <v>18.94710143</v>
      </c>
    </row>
    <row r="5895" spans="1:10" x14ac:dyDescent="0.35">
      <c r="A5895" t="s">
        <v>33</v>
      </c>
      <c r="B5895" t="s">
        <v>39</v>
      </c>
      <c r="C5895" t="s">
        <v>117</v>
      </c>
      <c r="D5895" t="s">
        <v>118</v>
      </c>
      <c r="E5895">
        <v>2019</v>
      </c>
      <c r="F5895">
        <v>2019</v>
      </c>
      <c r="G5895" t="s">
        <v>125</v>
      </c>
      <c r="H5895" t="s">
        <v>120</v>
      </c>
      <c r="I5895" t="s">
        <v>15</v>
      </c>
      <c r="J5895" s="10">
        <v>9.8413324689999993</v>
      </c>
    </row>
    <row r="5896" spans="1:10" x14ac:dyDescent="0.35">
      <c r="A5896" t="s">
        <v>33</v>
      </c>
      <c r="B5896" t="s">
        <v>39</v>
      </c>
      <c r="C5896" t="s">
        <v>117</v>
      </c>
      <c r="D5896" t="s">
        <v>118</v>
      </c>
      <c r="E5896">
        <v>2019</v>
      </c>
      <c r="F5896">
        <v>2019</v>
      </c>
      <c r="G5896" t="s">
        <v>125</v>
      </c>
      <c r="H5896" t="s">
        <v>121</v>
      </c>
      <c r="I5896" t="s">
        <v>15</v>
      </c>
      <c r="J5896" s="10">
        <v>30.85139363</v>
      </c>
    </row>
    <row r="5897" spans="1:10" x14ac:dyDescent="0.35">
      <c r="A5897" t="s">
        <v>33</v>
      </c>
      <c r="B5897" t="s">
        <v>39</v>
      </c>
      <c r="C5897" t="s">
        <v>117</v>
      </c>
      <c r="D5897" t="s">
        <v>118</v>
      </c>
      <c r="E5897">
        <v>2019</v>
      </c>
      <c r="F5897">
        <v>2019</v>
      </c>
      <c r="G5897" t="s">
        <v>125</v>
      </c>
      <c r="H5897" t="s">
        <v>122</v>
      </c>
      <c r="I5897" t="s">
        <v>15</v>
      </c>
      <c r="J5897" s="10">
        <v>21.739988159999999</v>
      </c>
    </row>
    <row r="5898" spans="1:10" x14ac:dyDescent="0.35">
      <c r="A5898" t="s">
        <v>33</v>
      </c>
      <c r="B5898" t="s">
        <v>39</v>
      </c>
      <c r="C5898" t="s">
        <v>117</v>
      </c>
      <c r="D5898" t="s">
        <v>118</v>
      </c>
      <c r="E5898">
        <v>2019</v>
      </c>
      <c r="F5898">
        <v>2019</v>
      </c>
      <c r="G5898" t="s">
        <v>125</v>
      </c>
      <c r="H5898" t="s">
        <v>123</v>
      </c>
      <c r="I5898" t="s">
        <v>15</v>
      </c>
      <c r="J5898" s="10">
        <v>16.937688470000001</v>
      </c>
    </row>
    <row r="5899" spans="1:10" x14ac:dyDescent="0.35">
      <c r="A5899" t="s">
        <v>33</v>
      </c>
      <c r="B5899" t="s">
        <v>39</v>
      </c>
      <c r="C5899" t="s">
        <v>117</v>
      </c>
      <c r="D5899" t="s">
        <v>118</v>
      </c>
      <c r="E5899">
        <v>2019</v>
      </c>
      <c r="F5899">
        <v>2019</v>
      </c>
      <c r="G5899" t="s">
        <v>125</v>
      </c>
      <c r="H5899" t="s">
        <v>124</v>
      </c>
      <c r="I5899" t="s">
        <v>15</v>
      </c>
      <c r="J5899" s="10">
        <v>1.6824958430000001</v>
      </c>
    </row>
    <row r="5900" spans="1:10" x14ac:dyDescent="0.35">
      <c r="A5900" t="s">
        <v>33</v>
      </c>
      <c r="B5900" t="s">
        <v>39</v>
      </c>
      <c r="C5900" t="s">
        <v>117</v>
      </c>
      <c r="D5900" t="s">
        <v>118</v>
      </c>
      <c r="E5900">
        <v>2019</v>
      </c>
      <c r="F5900">
        <v>2019</v>
      </c>
      <c r="G5900" t="s">
        <v>126</v>
      </c>
      <c r="H5900" t="s">
        <v>119</v>
      </c>
      <c r="I5900" t="s">
        <v>15</v>
      </c>
      <c r="J5900" s="10">
        <v>16.837497620000001</v>
      </c>
    </row>
    <row r="5901" spans="1:10" x14ac:dyDescent="0.35">
      <c r="A5901" t="s">
        <v>33</v>
      </c>
      <c r="B5901" t="s">
        <v>39</v>
      </c>
      <c r="C5901" t="s">
        <v>117</v>
      </c>
      <c r="D5901" t="s">
        <v>118</v>
      </c>
      <c r="E5901">
        <v>2019</v>
      </c>
      <c r="F5901">
        <v>2019</v>
      </c>
      <c r="G5901" t="s">
        <v>126</v>
      </c>
      <c r="H5901" t="s">
        <v>120</v>
      </c>
      <c r="I5901" t="s">
        <v>15</v>
      </c>
      <c r="J5901" s="10">
        <v>8.9230852889999994</v>
      </c>
    </row>
    <row r="5902" spans="1:10" x14ac:dyDescent="0.35">
      <c r="A5902" t="s">
        <v>33</v>
      </c>
      <c r="B5902" t="s">
        <v>39</v>
      </c>
      <c r="C5902" t="s">
        <v>117</v>
      </c>
      <c r="D5902" t="s">
        <v>118</v>
      </c>
      <c r="E5902">
        <v>2019</v>
      </c>
      <c r="F5902">
        <v>2019</v>
      </c>
      <c r="G5902" t="s">
        <v>126</v>
      </c>
      <c r="H5902" t="s">
        <v>121</v>
      </c>
      <c r="I5902" t="s">
        <v>15</v>
      </c>
      <c r="J5902" s="10">
        <v>31.676680900000001</v>
      </c>
    </row>
    <row r="5903" spans="1:10" x14ac:dyDescent="0.35">
      <c r="A5903" t="s">
        <v>33</v>
      </c>
      <c r="B5903" t="s">
        <v>39</v>
      </c>
      <c r="C5903" t="s">
        <v>117</v>
      </c>
      <c r="D5903" t="s">
        <v>118</v>
      </c>
      <c r="E5903">
        <v>2019</v>
      </c>
      <c r="F5903">
        <v>2019</v>
      </c>
      <c r="G5903" t="s">
        <v>126</v>
      </c>
      <c r="H5903" t="s">
        <v>122</v>
      </c>
      <c r="I5903" t="s">
        <v>15</v>
      </c>
      <c r="J5903" s="10">
        <v>21.568200969999999</v>
      </c>
    </row>
    <row r="5904" spans="1:10" x14ac:dyDescent="0.35">
      <c r="A5904" t="s">
        <v>33</v>
      </c>
      <c r="B5904" t="s">
        <v>39</v>
      </c>
      <c r="C5904" t="s">
        <v>117</v>
      </c>
      <c r="D5904" t="s">
        <v>118</v>
      </c>
      <c r="E5904">
        <v>2019</v>
      </c>
      <c r="F5904">
        <v>2019</v>
      </c>
      <c r="G5904" t="s">
        <v>126</v>
      </c>
      <c r="H5904" t="s">
        <v>123</v>
      </c>
      <c r="I5904" t="s">
        <v>15</v>
      </c>
      <c r="J5904" s="10">
        <v>18.316522119999998</v>
      </c>
    </row>
    <row r="5905" spans="1:10" x14ac:dyDescent="0.35">
      <c r="A5905" t="s">
        <v>33</v>
      </c>
      <c r="B5905" t="s">
        <v>39</v>
      </c>
      <c r="C5905" t="s">
        <v>117</v>
      </c>
      <c r="D5905" t="s">
        <v>118</v>
      </c>
      <c r="E5905">
        <v>2019</v>
      </c>
      <c r="F5905">
        <v>2019</v>
      </c>
      <c r="G5905" t="s">
        <v>126</v>
      </c>
      <c r="H5905" t="s">
        <v>124</v>
      </c>
      <c r="I5905" t="s">
        <v>15</v>
      </c>
      <c r="J5905" s="10">
        <v>2.6780131049999998</v>
      </c>
    </row>
    <row r="5906" spans="1:10" x14ac:dyDescent="0.35">
      <c r="A5906" t="s">
        <v>33</v>
      </c>
      <c r="B5906" t="s">
        <v>39</v>
      </c>
      <c r="C5906" t="s">
        <v>117</v>
      </c>
      <c r="D5906" t="s">
        <v>118</v>
      </c>
      <c r="E5906">
        <v>2018</v>
      </c>
      <c r="F5906">
        <v>2018</v>
      </c>
      <c r="G5906" t="s">
        <v>14</v>
      </c>
      <c r="H5906" t="s">
        <v>119</v>
      </c>
      <c r="I5906" t="s">
        <v>15</v>
      </c>
      <c r="J5906" s="10">
        <v>17.935561029999999</v>
      </c>
    </row>
    <row r="5907" spans="1:10" x14ac:dyDescent="0.35">
      <c r="A5907" t="s">
        <v>33</v>
      </c>
      <c r="B5907" t="s">
        <v>39</v>
      </c>
      <c r="C5907" t="s">
        <v>117</v>
      </c>
      <c r="D5907" t="s">
        <v>118</v>
      </c>
      <c r="E5907">
        <v>2018</v>
      </c>
      <c r="F5907">
        <v>2018</v>
      </c>
      <c r="G5907" t="s">
        <v>14</v>
      </c>
      <c r="H5907" t="s">
        <v>120</v>
      </c>
      <c r="I5907" t="s">
        <v>15</v>
      </c>
      <c r="J5907" s="10">
        <v>9.5990989110000005</v>
      </c>
    </row>
    <row r="5908" spans="1:10" x14ac:dyDescent="0.35">
      <c r="A5908" t="s">
        <v>33</v>
      </c>
      <c r="B5908" t="s">
        <v>39</v>
      </c>
      <c r="C5908" t="s">
        <v>117</v>
      </c>
      <c r="D5908" t="s">
        <v>118</v>
      </c>
      <c r="E5908">
        <v>2018</v>
      </c>
      <c r="F5908">
        <v>2018</v>
      </c>
      <c r="G5908" t="s">
        <v>14</v>
      </c>
      <c r="H5908" t="s">
        <v>121</v>
      </c>
      <c r="I5908" t="s">
        <v>15</v>
      </c>
      <c r="J5908" s="10">
        <v>31.39070822</v>
      </c>
    </row>
    <row r="5909" spans="1:10" x14ac:dyDescent="0.35">
      <c r="A5909" t="s">
        <v>33</v>
      </c>
      <c r="B5909" t="s">
        <v>39</v>
      </c>
      <c r="C5909" t="s">
        <v>117</v>
      </c>
      <c r="D5909" t="s">
        <v>118</v>
      </c>
      <c r="E5909">
        <v>2018</v>
      </c>
      <c r="F5909">
        <v>2018</v>
      </c>
      <c r="G5909" t="s">
        <v>14</v>
      </c>
      <c r="H5909" t="s">
        <v>122</v>
      </c>
      <c r="I5909" t="s">
        <v>15</v>
      </c>
      <c r="J5909" s="10">
        <v>21.438404739999999</v>
      </c>
    </row>
    <row r="5910" spans="1:10" x14ac:dyDescent="0.35">
      <c r="A5910" t="s">
        <v>33</v>
      </c>
      <c r="B5910" t="s">
        <v>39</v>
      </c>
      <c r="C5910" t="s">
        <v>117</v>
      </c>
      <c r="D5910" t="s">
        <v>118</v>
      </c>
      <c r="E5910">
        <v>2018</v>
      </c>
      <c r="F5910">
        <v>2018</v>
      </c>
      <c r="G5910" t="s">
        <v>14</v>
      </c>
      <c r="H5910" t="s">
        <v>123</v>
      </c>
      <c r="I5910" t="s">
        <v>15</v>
      </c>
      <c r="J5910" s="10">
        <v>17.483626050000002</v>
      </c>
    </row>
    <row r="5911" spans="1:10" x14ac:dyDescent="0.35">
      <c r="A5911" t="s">
        <v>33</v>
      </c>
      <c r="B5911" t="s">
        <v>39</v>
      </c>
      <c r="C5911" t="s">
        <v>117</v>
      </c>
      <c r="D5911" t="s">
        <v>118</v>
      </c>
      <c r="E5911">
        <v>2018</v>
      </c>
      <c r="F5911">
        <v>2018</v>
      </c>
      <c r="G5911" t="s">
        <v>14</v>
      </c>
      <c r="H5911" t="s">
        <v>124</v>
      </c>
      <c r="I5911" t="s">
        <v>15</v>
      </c>
      <c r="J5911" s="10">
        <v>2.1526010599999998</v>
      </c>
    </row>
    <row r="5912" spans="1:10" x14ac:dyDescent="0.35">
      <c r="A5912" t="s">
        <v>33</v>
      </c>
      <c r="B5912" t="s">
        <v>39</v>
      </c>
      <c r="C5912" t="s">
        <v>117</v>
      </c>
      <c r="D5912" t="s">
        <v>118</v>
      </c>
      <c r="E5912">
        <v>2018</v>
      </c>
      <c r="F5912">
        <v>2018</v>
      </c>
      <c r="G5912" t="s">
        <v>125</v>
      </c>
      <c r="H5912" t="s">
        <v>119</v>
      </c>
      <c r="I5912" t="s">
        <v>15</v>
      </c>
      <c r="J5912" s="10">
        <v>18.96151669</v>
      </c>
    </row>
    <row r="5913" spans="1:10" x14ac:dyDescent="0.35">
      <c r="A5913" t="s">
        <v>33</v>
      </c>
      <c r="B5913" t="s">
        <v>39</v>
      </c>
      <c r="C5913" t="s">
        <v>117</v>
      </c>
      <c r="D5913" t="s">
        <v>118</v>
      </c>
      <c r="E5913">
        <v>2018</v>
      </c>
      <c r="F5913">
        <v>2018</v>
      </c>
      <c r="G5913" t="s">
        <v>125</v>
      </c>
      <c r="H5913" t="s">
        <v>120</v>
      </c>
      <c r="I5913" t="s">
        <v>15</v>
      </c>
      <c r="J5913" s="10">
        <v>10.121675160000001</v>
      </c>
    </row>
    <row r="5914" spans="1:10" x14ac:dyDescent="0.35">
      <c r="A5914" t="s">
        <v>33</v>
      </c>
      <c r="B5914" t="s">
        <v>39</v>
      </c>
      <c r="C5914" t="s">
        <v>117</v>
      </c>
      <c r="D5914" t="s">
        <v>118</v>
      </c>
      <c r="E5914">
        <v>2018</v>
      </c>
      <c r="F5914">
        <v>2018</v>
      </c>
      <c r="G5914" t="s">
        <v>125</v>
      </c>
      <c r="H5914" t="s">
        <v>121</v>
      </c>
      <c r="I5914" t="s">
        <v>15</v>
      </c>
      <c r="J5914" s="10">
        <v>31.015846069999998</v>
      </c>
    </row>
    <row r="5915" spans="1:10" x14ac:dyDescent="0.35">
      <c r="A5915" t="s">
        <v>33</v>
      </c>
      <c r="B5915" t="s">
        <v>39</v>
      </c>
      <c r="C5915" t="s">
        <v>117</v>
      </c>
      <c r="D5915" t="s">
        <v>118</v>
      </c>
      <c r="E5915">
        <v>2018</v>
      </c>
      <c r="F5915">
        <v>2018</v>
      </c>
      <c r="G5915" t="s">
        <v>125</v>
      </c>
      <c r="H5915" t="s">
        <v>122</v>
      </c>
      <c r="I5915" t="s">
        <v>15</v>
      </c>
      <c r="J5915" s="10">
        <v>21.578947370000002</v>
      </c>
    </row>
    <row r="5916" spans="1:10" x14ac:dyDescent="0.35">
      <c r="A5916" t="s">
        <v>33</v>
      </c>
      <c r="B5916" t="s">
        <v>39</v>
      </c>
      <c r="C5916" t="s">
        <v>117</v>
      </c>
      <c r="D5916" t="s">
        <v>118</v>
      </c>
      <c r="E5916">
        <v>2018</v>
      </c>
      <c r="F5916">
        <v>2018</v>
      </c>
      <c r="G5916" t="s">
        <v>125</v>
      </c>
      <c r="H5916" t="s">
        <v>123</v>
      </c>
      <c r="I5916" t="s">
        <v>15</v>
      </c>
      <c r="J5916" s="10">
        <v>16.66949632</v>
      </c>
    </row>
    <row r="5917" spans="1:10" x14ac:dyDescent="0.35">
      <c r="A5917" t="s">
        <v>33</v>
      </c>
      <c r="B5917" t="s">
        <v>39</v>
      </c>
      <c r="C5917" t="s">
        <v>117</v>
      </c>
      <c r="D5917" t="s">
        <v>118</v>
      </c>
      <c r="E5917">
        <v>2018</v>
      </c>
      <c r="F5917">
        <v>2018</v>
      </c>
      <c r="G5917" t="s">
        <v>125</v>
      </c>
      <c r="H5917" t="s">
        <v>124</v>
      </c>
      <c r="I5917" t="s">
        <v>15</v>
      </c>
      <c r="J5917" s="10">
        <v>1.652518393</v>
      </c>
    </row>
    <row r="5918" spans="1:10" x14ac:dyDescent="0.35">
      <c r="A5918" t="s">
        <v>33</v>
      </c>
      <c r="B5918" t="s">
        <v>39</v>
      </c>
      <c r="C5918" t="s">
        <v>117</v>
      </c>
      <c r="D5918" t="s">
        <v>118</v>
      </c>
      <c r="E5918">
        <v>2018</v>
      </c>
      <c r="F5918">
        <v>2018</v>
      </c>
      <c r="G5918" t="s">
        <v>126</v>
      </c>
      <c r="H5918" t="s">
        <v>119</v>
      </c>
      <c r="I5918" t="s">
        <v>15</v>
      </c>
      <c r="J5918" s="10">
        <v>16.944193800000001</v>
      </c>
    </row>
    <row r="5919" spans="1:10" x14ac:dyDescent="0.35">
      <c r="A5919" t="s">
        <v>33</v>
      </c>
      <c r="B5919" t="s">
        <v>39</v>
      </c>
      <c r="C5919" t="s">
        <v>117</v>
      </c>
      <c r="D5919" t="s">
        <v>118</v>
      </c>
      <c r="E5919">
        <v>2018</v>
      </c>
      <c r="F5919">
        <v>2018</v>
      </c>
      <c r="G5919" t="s">
        <v>126</v>
      </c>
      <c r="H5919" t="s">
        <v>120</v>
      </c>
      <c r="I5919" t="s">
        <v>15</v>
      </c>
      <c r="J5919" s="10">
        <v>9.0941404860000006</v>
      </c>
    </row>
    <row r="5920" spans="1:10" x14ac:dyDescent="0.35">
      <c r="A5920" t="s">
        <v>33</v>
      </c>
      <c r="B5920" t="s">
        <v>39</v>
      </c>
      <c r="C5920" t="s">
        <v>117</v>
      </c>
      <c r="D5920" t="s">
        <v>118</v>
      </c>
      <c r="E5920">
        <v>2018</v>
      </c>
      <c r="F5920">
        <v>2018</v>
      </c>
      <c r="G5920" t="s">
        <v>126</v>
      </c>
      <c r="H5920" t="s">
        <v>121</v>
      </c>
      <c r="I5920" t="s">
        <v>15</v>
      </c>
      <c r="J5920" s="10">
        <v>31.752932489999999</v>
      </c>
    </row>
    <row r="5921" spans="1:10" x14ac:dyDescent="0.35">
      <c r="A5921" t="s">
        <v>33</v>
      </c>
      <c r="B5921" t="s">
        <v>39</v>
      </c>
      <c r="C5921" t="s">
        <v>117</v>
      </c>
      <c r="D5921" t="s">
        <v>118</v>
      </c>
      <c r="E5921">
        <v>2018</v>
      </c>
      <c r="F5921">
        <v>2018</v>
      </c>
      <c r="G5921" t="s">
        <v>126</v>
      </c>
      <c r="H5921" t="s">
        <v>122</v>
      </c>
      <c r="I5921" t="s">
        <v>15</v>
      </c>
      <c r="J5921" s="10">
        <v>21.30260028</v>
      </c>
    </row>
    <row r="5922" spans="1:10" x14ac:dyDescent="0.35">
      <c r="A5922" t="s">
        <v>33</v>
      </c>
      <c r="B5922" t="s">
        <v>39</v>
      </c>
      <c r="C5922" t="s">
        <v>117</v>
      </c>
      <c r="D5922" t="s">
        <v>118</v>
      </c>
      <c r="E5922">
        <v>2018</v>
      </c>
      <c r="F5922">
        <v>2018</v>
      </c>
      <c r="G5922" t="s">
        <v>126</v>
      </c>
      <c r="H5922" t="s">
        <v>123</v>
      </c>
      <c r="I5922" t="s">
        <v>15</v>
      </c>
      <c r="J5922" s="10">
        <v>18.270308700000001</v>
      </c>
    </row>
    <row r="5923" spans="1:10" x14ac:dyDescent="0.35">
      <c r="A5923" t="s">
        <v>33</v>
      </c>
      <c r="B5923" t="s">
        <v>39</v>
      </c>
      <c r="C5923" t="s">
        <v>117</v>
      </c>
      <c r="D5923" t="s">
        <v>118</v>
      </c>
      <c r="E5923">
        <v>2018</v>
      </c>
      <c r="F5923">
        <v>2018</v>
      </c>
      <c r="G5923" t="s">
        <v>126</v>
      </c>
      <c r="H5923" t="s">
        <v>124</v>
      </c>
      <c r="I5923" t="s">
        <v>15</v>
      </c>
      <c r="J5923" s="10">
        <v>2.635824242</v>
      </c>
    </row>
    <row r="5924" spans="1:10" x14ac:dyDescent="0.35">
      <c r="A5924" t="s">
        <v>33</v>
      </c>
      <c r="B5924" t="s">
        <v>39</v>
      </c>
      <c r="C5924" t="s">
        <v>117</v>
      </c>
      <c r="D5924" t="s">
        <v>118</v>
      </c>
      <c r="E5924">
        <v>2017</v>
      </c>
      <c r="F5924">
        <v>2017</v>
      </c>
      <c r="G5924" t="s">
        <v>14</v>
      </c>
      <c r="H5924" t="s">
        <v>119</v>
      </c>
      <c r="I5924" t="s">
        <v>15</v>
      </c>
      <c r="J5924" s="10">
        <v>17.925406949999999</v>
      </c>
    </row>
    <row r="5925" spans="1:10" x14ac:dyDescent="0.35">
      <c r="A5925" t="s">
        <v>33</v>
      </c>
      <c r="B5925" t="s">
        <v>39</v>
      </c>
      <c r="C5925" t="s">
        <v>117</v>
      </c>
      <c r="D5925" t="s">
        <v>118</v>
      </c>
      <c r="E5925">
        <v>2017</v>
      </c>
      <c r="F5925">
        <v>2017</v>
      </c>
      <c r="G5925" t="s">
        <v>14</v>
      </c>
      <c r="H5925" t="s">
        <v>120</v>
      </c>
      <c r="I5925" t="s">
        <v>15</v>
      </c>
      <c r="J5925" s="10">
        <v>9.9753951369999996</v>
      </c>
    </row>
    <row r="5926" spans="1:10" x14ac:dyDescent="0.35">
      <c r="A5926" t="s">
        <v>33</v>
      </c>
      <c r="B5926" t="s">
        <v>39</v>
      </c>
      <c r="C5926" t="s">
        <v>117</v>
      </c>
      <c r="D5926" t="s">
        <v>118</v>
      </c>
      <c r="E5926">
        <v>2017</v>
      </c>
      <c r="F5926">
        <v>2017</v>
      </c>
      <c r="G5926" t="s">
        <v>14</v>
      </c>
      <c r="H5926" t="s">
        <v>121</v>
      </c>
      <c r="I5926" t="s">
        <v>15</v>
      </c>
      <c r="J5926" s="10">
        <v>31.57624032</v>
      </c>
    </row>
    <row r="5927" spans="1:10" x14ac:dyDescent="0.35">
      <c r="A5927" t="s">
        <v>33</v>
      </c>
      <c r="B5927" t="s">
        <v>39</v>
      </c>
      <c r="C5927" t="s">
        <v>117</v>
      </c>
      <c r="D5927" t="s">
        <v>118</v>
      </c>
      <c r="E5927">
        <v>2017</v>
      </c>
      <c r="F5927">
        <v>2017</v>
      </c>
      <c r="G5927" t="s">
        <v>14</v>
      </c>
      <c r="H5927" t="s">
        <v>122</v>
      </c>
      <c r="I5927" t="s">
        <v>15</v>
      </c>
      <c r="J5927" s="10">
        <v>21.215786040000001</v>
      </c>
    </row>
    <row r="5928" spans="1:10" x14ac:dyDescent="0.35">
      <c r="A5928" t="s">
        <v>33</v>
      </c>
      <c r="B5928" t="s">
        <v>39</v>
      </c>
      <c r="C5928" t="s">
        <v>117</v>
      </c>
      <c r="D5928" t="s">
        <v>118</v>
      </c>
      <c r="E5928">
        <v>2017</v>
      </c>
      <c r="F5928">
        <v>2017</v>
      </c>
      <c r="G5928" t="s">
        <v>14</v>
      </c>
      <c r="H5928" t="s">
        <v>123</v>
      </c>
      <c r="I5928" t="s">
        <v>15</v>
      </c>
      <c r="J5928" s="10">
        <v>17.223403810000001</v>
      </c>
    </row>
    <row r="5929" spans="1:10" x14ac:dyDescent="0.35">
      <c r="A5929" t="s">
        <v>33</v>
      </c>
      <c r="B5929" t="s">
        <v>39</v>
      </c>
      <c r="C5929" t="s">
        <v>117</v>
      </c>
      <c r="D5929" t="s">
        <v>118</v>
      </c>
      <c r="E5929">
        <v>2017</v>
      </c>
      <c r="F5929">
        <v>2017</v>
      </c>
      <c r="G5929" t="s">
        <v>14</v>
      </c>
      <c r="H5929" t="s">
        <v>124</v>
      </c>
      <c r="I5929" t="s">
        <v>15</v>
      </c>
      <c r="J5929" s="10">
        <v>2.083767741</v>
      </c>
    </row>
    <row r="5930" spans="1:10" x14ac:dyDescent="0.35">
      <c r="A5930" t="s">
        <v>33</v>
      </c>
      <c r="B5930" t="s">
        <v>39</v>
      </c>
      <c r="C5930" t="s">
        <v>117</v>
      </c>
      <c r="D5930" t="s">
        <v>118</v>
      </c>
      <c r="E5930">
        <v>2017</v>
      </c>
      <c r="F5930">
        <v>2017</v>
      </c>
      <c r="G5930" t="s">
        <v>125</v>
      </c>
      <c r="H5930" t="s">
        <v>119</v>
      </c>
      <c r="I5930" t="s">
        <v>15</v>
      </c>
      <c r="J5930" s="10">
        <v>18.898594970000001</v>
      </c>
    </row>
    <row r="5931" spans="1:10" x14ac:dyDescent="0.35">
      <c r="A5931" t="s">
        <v>33</v>
      </c>
      <c r="B5931" t="s">
        <v>39</v>
      </c>
      <c r="C5931" t="s">
        <v>117</v>
      </c>
      <c r="D5931" t="s">
        <v>118</v>
      </c>
      <c r="E5931">
        <v>2017</v>
      </c>
      <c r="F5931">
        <v>2017</v>
      </c>
      <c r="G5931" t="s">
        <v>125</v>
      </c>
      <c r="H5931" t="s">
        <v>120</v>
      </c>
      <c r="I5931" t="s">
        <v>15</v>
      </c>
      <c r="J5931" s="10">
        <v>10.488225480000001</v>
      </c>
    </row>
    <row r="5932" spans="1:10" x14ac:dyDescent="0.35">
      <c r="A5932" t="s">
        <v>33</v>
      </c>
      <c r="B5932" t="s">
        <v>39</v>
      </c>
      <c r="C5932" t="s">
        <v>117</v>
      </c>
      <c r="D5932" t="s">
        <v>118</v>
      </c>
      <c r="E5932">
        <v>2017</v>
      </c>
      <c r="F5932">
        <v>2017</v>
      </c>
      <c r="G5932" t="s">
        <v>125</v>
      </c>
      <c r="H5932" t="s">
        <v>121</v>
      </c>
      <c r="I5932" t="s">
        <v>15</v>
      </c>
      <c r="J5932" s="10">
        <v>31.323325700000002</v>
      </c>
    </row>
    <row r="5933" spans="1:10" x14ac:dyDescent="0.35">
      <c r="A5933" t="s">
        <v>33</v>
      </c>
      <c r="B5933" t="s">
        <v>39</v>
      </c>
      <c r="C5933" t="s">
        <v>117</v>
      </c>
      <c r="D5933" t="s">
        <v>118</v>
      </c>
      <c r="E5933">
        <v>2017</v>
      </c>
      <c r="F5933">
        <v>2017</v>
      </c>
      <c r="G5933" t="s">
        <v>125</v>
      </c>
      <c r="H5933" t="s">
        <v>122</v>
      </c>
      <c r="I5933" t="s">
        <v>15</v>
      </c>
      <c r="J5933" s="10">
        <v>21.324173800000001</v>
      </c>
    </row>
    <row r="5934" spans="1:10" x14ac:dyDescent="0.35">
      <c r="A5934" t="s">
        <v>33</v>
      </c>
      <c r="B5934" t="s">
        <v>39</v>
      </c>
      <c r="C5934" t="s">
        <v>117</v>
      </c>
      <c r="D5934" t="s">
        <v>118</v>
      </c>
      <c r="E5934">
        <v>2017</v>
      </c>
      <c r="F5934">
        <v>2017</v>
      </c>
      <c r="G5934" t="s">
        <v>125</v>
      </c>
      <c r="H5934" t="s">
        <v>123</v>
      </c>
      <c r="I5934" t="s">
        <v>15</v>
      </c>
      <c r="J5934" s="10">
        <v>16.385378679999999</v>
      </c>
    </row>
    <row r="5935" spans="1:10" x14ac:dyDescent="0.35">
      <c r="A5935" t="s">
        <v>33</v>
      </c>
      <c r="B5935" t="s">
        <v>39</v>
      </c>
      <c r="C5935" t="s">
        <v>117</v>
      </c>
      <c r="D5935" t="s">
        <v>118</v>
      </c>
      <c r="E5935">
        <v>2017</v>
      </c>
      <c r="F5935">
        <v>2017</v>
      </c>
      <c r="G5935" t="s">
        <v>125</v>
      </c>
      <c r="H5935" t="s">
        <v>124</v>
      </c>
      <c r="I5935" t="s">
        <v>15</v>
      </c>
      <c r="J5935" s="10">
        <v>1.58030136</v>
      </c>
    </row>
    <row r="5936" spans="1:10" x14ac:dyDescent="0.35">
      <c r="A5936" t="s">
        <v>33</v>
      </c>
      <c r="B5936" t="s">
        <v>39</v>
      </c>
      <c r="C5936" t="s">
        <v>117</v>
      </c>
      <c r="D5936" t="s">
        <v>118</v>
      </c>
      <c r="E5936">
        <v>2017</v>
      </c>
      <c r="F5936">
        <v>2017</v>
      </c>
      <c r="G5936" t="s">
        <v>126</v>
      </c>
      <c r="H5936" t="s">
        <v>119</v>
      </c>
      <c r="I5936" t="s">
        <v>15</v>
      </c>
      <c r="J5936" s="10">
        <v>16.98391861</v>
      </c>
    </row>
    <row r="5937" spans="1:10" x14ac:dyDescent="0.35">
      <c r="A5937" t="s">
        <v>33</v>
      </c>
      <c r="B5937" t="s">
        <v>39</v>
      </c>
      <c r="C5937" t="s">
        <v>117</v>
      </c>
      <c r="D5937" t="s">
        <v>118</v>
      </c>
      <c r="E5937">
        <v>2017</v>
      </c>
      <c r="F5937">
        <v>2017</v>
      </c>
      <c r="G5937" t="s">
        <v>126</v>
      </c>
      <c r="H5937" t="s">
        <v>120</v>
      </c>
      <c r="I5937" t="s">
        <v>15</v>
      </c>
      <c r="J5937" s="10">
        <v>9.4792692269999996</v>
      </c>
    </row>
    <row r="5938" spans="1:10" x14ac:dyDescent="0.35">
      <c r="A5938" t="s">
        <v>33</v>
      </c>
      <c r="B5938" t="s">
        <v>39</v>
      </c>
      <c r="C5938" t="s">
        <v>117</v>
      </c>
      <c r="D5938" t="s">
        <v>118</v>
      </c>
      <c r="E5938">
        <v>2017</v>
      </c>
      <c r="F5938">
        <v>2017</v>
      </c>
      <c r="G5938" t="s">
        <v>126</v>
      </c>
      <c r="H5938" t="s">
        <v>121</v>
      </c>
      <c r="I5938" t="s">
        <v>15</v>
      </c>
      <c r="J5938" s="10">
        <v>31.820916749999999</v>
      </c>
    </row>
    <row r="5939" spans="1:10" x14ac:dyDescent="0.35">
      <c r="A5939" t="s">
        <v>33</v>
      </c>
      <c r="B5939" t="s">
        <v>39</v>
      </c>
      <c r="C5939" t="s">
        <v>117</v>
      </c>
      <c r="D5939" t="s">
        <v>118</v>
      </c>
      <c r="E5939">
        <v>2017</v>
      </c>
      <c r="F5939">
        <v>2017</v>
      </c>
      <c r="G5939" t="s">
        <v>126</v>
      </c>
      <c r="H5939" t="s">
        <v>122</v>
      </c>
      <c r="I5939" t="s">
        <v>15</v>
      </c>
      <c r="J5939" s="10">
        <v>21.110928779999998</v>
      </c>
    </row>
    <row r="5940" spans="1:10" x14ac:dyDescent="0.35">
      <c r="A5940" t="s">
        <v>33</v>
      </c>
      <c r="B5940" t="s">
        <v>39</v>
      </c>
      <c r="C5940" t="s">
        <v>117</v>
      </c>
      <c r="D5940" t="s">
        <v>118</v>
      </c>
      <c r="E5940">
        <v>2017</v>
      </c>
      <c r="F5940">
        <v>2017</v>
      </c>
      <c r="G5940" t="s">
        <v>126</v>
      </c>
      <c r="H5940" t="s">
        <v>123</v>
      </c>
      <c r="I5940" t="s">
        <v>15</v>
      </c>
      <c r="J5940" s="10">
        <v>18.034131930000001</v>
      </c>
    </row>
    <row r="5941" spans="1:10" x14ac:dyDescent="0.35">
      <c r="A5941" t="s">
        <v>33</v>
      </c>
      <c r="B5941" t="s">
        <v>39</v>
      </c>
      <c r="C5941" t="s">
        <v>117</v>
      </c>
      <c r="D5941" t="s">
        <v>118</v>
      </c>
      <c r="E5941">
        <v>2017</v>
      </c>
      <c r="F5941">
        <v>2017</v>
      </c>
      <c r="G5941" t="s">
        <v>126</v>
      </c>
      <c r="H5941" t="s">
        <v>124</v>
      </c>
      <c r="I5941" t="s">
        <v>15</v>
      </c>
      <c r="J5941" s="10">
        <v>2.5708347009999999</v>
      </c>
    </row>
    <row r="5942" spans="1:10" x14ac:dyDescent="0.35">
      <c r="A5942" t="s">
        <v>33</v>
      </c>
      <c r="B5942" t="s">
        <v>39</v>
      </c>
      <c r="C5942" t="s">
        <v>117</v>
      </c>
      <c r="D5942" t="s">
        <v>118</v>
      </c>
      <c r="E5942">
        <v>2016</v>
      </c>
      <c r="F5942">
        <v>2016</v>
      </c>
      <c r="G5942" t="s">
        <v>14</v>
      </c>
      <c r="H5942" t="s">
        <v>119</v>
      </c>
      <c r="I5942" t="s">
        <v>15</v>
      </c>
      <c r="J5942" s="10">
        <v>18.117096279999998</v>
      </c>
    </row>
    <row r="5943" spans="1:10" x14ac:dyDescent="0.35">
      <c r="A5943" t="s">
        <v>33</v>
      </c>
      <c r="B5943" t="s">
        <v>39</v>
      </c>
      <c r="C5943" t="s">
        <v>117</v>
      </c>
      <c r="D5943" t="s">
        <v>118</v>
      </c>
      <c r="E5943">
        <v>2016</v>
      </c>
      <c r="F5943">
        <v>2016</v>
      </c>
      <c r="G5943" t="s">
        <v>14</v>
      </c>
      <c r="H5943" t="s">
        <v>120</v>
      </c>
      <c r="I5943" t="s">
        <v>15</v>
      </c>
      <c r="J5943" s="10">
        <v>10.06690029</v>
      </c>
    </row>
    <row r="5944" spans="1:10" x14ac:dyDescent="0.35">
      <c r="A5944" t="s">
        <v>33</v>
      </c>
      <c r="B5944" t="s">
        <v>39</v>
      </c>
      <c r="C5944" t="s">
        <v>117</v>
      </c>
      <c r="D5944" t="s">
        <v>118</v>
      </c>
      <c r="E5944">
        <v>2016</v>
      </c>
      <c r="F5944">
        <v>2016</v>
      </c>
      <c r="G5944" t="s">
        <v>14</v>
      </c>
      <c r="H5944" t="s">
        <v>121</v>
      </c>
      <c r="I5944" t="s">
        <v>15</v>
      </c>
      <c r="J5944" s="10">
        <v>31.833732699999999</v>
      </c>
    </row>
    <row r="5945" spans="1:10" x14ac:dyDescent="0.35">
      <c r="A5945" t="s">
        <v>33</v>
      </c>
      <c r="B5945" t="s">
        <v>39</v>
      </c>
      <c r="C5945" t="s">
        <v>117</v>
      </c>
      <c r="D5945" t="s">
        <v>118</v>
      </c>
      <c r="E5945">
        <v>2016</v>
      </c>
      <c r="F5945">
        <v>2016</v>
      </c>
      <c r="G5945" t="s">
        <v>14</v>
      </c>
      <c r="H5945" t="s">
        <v>122</v>
      </c>
      <c r="I5945" t="s">
        <v>15</v>
      </c>
      <c r="J5945" s="10">
        <v>20.855437210000002</v>
      </c>
    </row>
    <row r="5946" spans="1:10" x14ac:dyDescent="0.35">
      <c r="A5946" t="s">
        <v>33</v>
      </c>
      <c r="B5946" t="s">
        <v>39</v>
      </c>
      <c r="C5946" t="s">
        <v>117</v>
      </c>
      <c r="D5946" t="s">
        <v>118</v>
      </c>
      <c r="E5946">
        <v>2016</v>
      </c>
      <c r="F5946">
        <v>2016</v>
      </c>
      <c r="G5946" t="s">
        <v>14</v>
      </c>
      <c r="H5946" t="s">
        <v>123</v>
      </c>
      <c r="I5946" t="s">
        <v>15</v>
      </c>
      <c r="J5946" s="10">
        <v>17.06580606</v>
      </c>
    </row>
    <row r="5947" spans="1:10" x14ac:dyDescent="0.35">
      <c r="A5947" t="s">
        <v>33</v>
      </c>
      <c r="B5947" t="s">
        <v>39</v>
      </c>
      <c r="C5947" t="s">
        <v>117</v>
      </c>
      <c r="D5947" t="s">
        <v>118</v>
      </c>
      <c r="E5947">
        <v>2016</v>
      </c>
      <c r="F5947">
        <v>2016</v>
      </c>
      <c r="G5947" t="s">
        <v>14</v>
      </c>
      <c r="H5947" t="s">
        <v>124</v>
      </c>
      <c r="I5947" t="s">
        <v>15</v>
      </c>
      <c r="J5947" s="10">
        <v>2.0610274670000002</v>
      </c>
    </row>
    <row r="5948" spans="1:10" x14ac:dyDescent="0.35">
      <c r="A5948" t="s">
        <v>33</v>
      </c>
      <c r="B5948" t="s">
        <v>39</v>
      </c>
      <c r="C5948" t="s">
        <v>117</v>
      </c>
      <c r="D5948" t="s">
        <v>118</v>
      </c>
      <c r="E5948">
        <v>2016</v>
      </c>
      <c r="F5948">
        <v>2016</v>
      </c>
      <c r="G5948" t="s">
        <v>125</v>
      </c>
      <c r="H5948" t="s">
        <v>119</v>
      </c>
      <c r="I5948" t="s">
        <v>15</v>
      </c>
      <c r="J5948" s="10">
        <v>19.144677489999999</v>
      </c>
    </row>
    <row r="5949" spans="1:10" x14ac:dyDescent="0.35">
      <c r="A5949" t="s">
        <v>33</v>
      </c>
      <c r="B5949" t="s">
        <v>39</v>
      </c>
      <c r="C5949" t="s">
        <v>117</v>
      </c>
      <c r="D5949" t="s">
        <v>118</v>
      </c>
      <c r="E5949">
        <v>2016</v>
      </c>
      <c r="F5949">
        <v>2016</v>
      </c>
      <c r="G5949" t="s">
        <v>125</v>
      </c>
      <c r="H5949" t="s">
        <v>120</v>
      </c>
      <c r="I5949" t="s">
        <v>15</v>
      </c>
      <c r="J5949" s="10">
        <v>10.65629229</v>
      </c>
    </row>
    <row r="5950" spans="1:10" x14ac:dyDescent="0.35">
      <c r="A5950" t="s">
        <v>33</v>
      </c>
      <c r="B5950" t="s">
        <v>39</v>
      </c>
      <c r="C5950" t="s">
        <v>117</v>
      </c>
      <c r="D5950" t="s">
        <v>118</v>
      </c>
      <c r="E5950">
        <v>2016</v>
      </c>
      <c r="F5950">
        <v>2016</v>
      </c>
      <c r="G5950" t="s">
        <v>125</v>
      </c>
      <c r="H5950" t="s">
        <v>121</v>
      </c>
      <c r="I5950" t="s">
        <v>15</v>
      </c>
      <c r="J5950" s="10">
        <v>31.582656740000001</v>
      </c>
    </row>
    <row r="5951" spans="1:10" x14ac:dyDescent="0.35">
      <c r="A5951" t="s">
        <v>33</v>
      </c>
      <c r="B5951" t="s">
        <v>39</v>
      </c>
      <c r="C5951" t="s">
        <v>117</v>
      </c>
      <c r="D5951" t="s">
        <v>118</v>
      </c>
      <c r="E5951">
        <v>2016</v>
      </c>
      <c r="F5951">
        <v>2016</v>
      </c>
      <c r="G5951" t="s">
        <v>125</v>
      </c>
      <c r="H5951" t="s">
        <v>122</v>
      </c>
      <c r="I5951" t="s">
        <v>15</v>
      </c>
      <c r="J5951" s="10">
        <v>20.94327921</v>
      </c>
    </row>
    <row r="5952" spans="1:10" x14ac:dyDescent="0.35">
      <c r="A5952" t="s">
        <v>33</v>
      </c>
      <c r="B5952" t="s">
        <v>39</v>
      </c>
      <c r="C5952" t="s">
        <v>117</v>
      </c>
      <c r="D5952" t="s">
        <v>118</v>
      </c>
      <c r="E5952">
        <v>2016</v>
      </c>
      <c r="F5952">
        <v>2016</v>
      </c>
      <c r="G5952" t="s">
        <v>125</v>
      </c>
      <c r="H5952" t="s">
        <v>123</v>
      </c>
      <c r="I5952" t="s">
        <v>15</v>
      </c>
      <c r="J5952" s="10">
        <v>16.173319800000002</v>
      </c>
    </row>
    <row r="5953" spans="1:10" x14ac:dyDescent="0.35">
      <c r="A5953" t="s">
        <v>33</v>
      </c>
      <c r="B5953" t="s">
        <v>39</v>
      </c>
      <c r="C5953" t="s">
        <v>117</v>
      </c>
      <c r="D5953" t="s">
        <v>118</v>
      </c>
      <c r="E5953">
        <v>2016</v>
      </c>
      <c r="F5953">
        <v>2016</v>
      </c>
      <c r="G5953" t="s">
        <v>125</v>
      </c>
      <c r="H5953" t="s">
        <v>124</v>
      </c>
      <c r="I5953" t="s">
        <v>15</v>
      </c>
      <c r="J5953" s="10">
        <v>1.49977447</v>
      </c>
    </row>
    <row r="5954" spans="1:10" x14ac:dyDescent="0.35">
      <c r="A5954" t="s">
        <v>33</v>
      </c>
      <c r="B5954" t="s">
        <v>39</v>
      </c>
      <c r="C5954" t="s">
        <v>117</v>
      </c>
      <c r="D5954" t="s">
        <v>118</v>
      </c>
      <c r="E5954">
        <v>2016</v>
      </c>
      <c r="F5954">
        <v>2016</v>
      </c>
      <c r="G5954" t="s">
        <v>126</v>
      </c>
      <c r="H5954" t="s">
        <v>119</v>
      </c>
      <c r="I5954" t="s">
        <v>15</v>
      </c>
      <c r="J5954" s="10">
        <v>17.124574540000001</v>
      </c>
    </row>
    <row r="5955" spans="1:10" x14ac:dyDescent="0.35">
      <c r="A5955" t="s">
        <v>33</v>
      </c>
      <c r="B5955" t="s">
        <v>39</v>
      </c>
      <c r="C5955" t="s">
        <v>117</v>
      </c>
      <c r="D5955" t="s">
        <v>118</v>
      </c>
      <c r="E5955">
        <v>2016</v>
      </c>
      <c r="F5955">
        <v>2016</v>
      </c>
      <c r="G5955" t="s">
        <v>126</v>
      </c>
      <c r="H5955" t="s">
        <v>120</v>
      </c>
      <c r="I5955" t="s">
        <v>15</v>
      </c>
      <c r="J5955" s="10">
        <v>9.4976174269999998</v>
      </c>
    </row>
    <row r="5956" spans="1:10" x14ac:dyDescent="0.35">
      <c r="A5956" t="s">
        <v>33</v>
      </c>
      <c r="B5956" t="s">
        <v>39</v>
      </c>
      <c r="C5956" t="s">
        <v>117</v>
      </c>
      <c r="D5956" t="s">
        <v>118</v>
      </c>
      <c r="E5956">
        <v>2016</v>
      </c>
      <c r="F5956">
        <v>2016</v>
      </c>
      <c r="G5956" t="s">
        <v>126</v>
      </c>
      <c r="H5956" t="s">
        <v>121</v>
      </c>
      <c r="I5956" t="s">
        <v>15</v>
      </c>
      <c r="J5956" s="10">
        <v>32.07624234</v>
      </c>
    </row>
    <row r="5957" spans="1:10" x14ac:dyDescent="0.35">
      <c r="A5957" t="s">
        <v>33</v>
      </c>
      <c r="B5957" t="s">
        <v>39</v>
      </c>
      <c r="C5957" t="s">
        <v>117</v>
      </c>
      <c r="D5957" t="s">
        <v>118</v>
      </c>
      <c r="E5957">
        <v>2016</v>
      </c>
      <c r="F5957">
        <v>2016</v>
      </c>
      <c r="G5957" t="s">
        <v>126</v>
      </c>
      <c r="H5957" t="s">
        <v>122</v>
      </c>
      <c r="I5957" t="s">
        <v>15</v>
      </c>
      <c r="J5957" s="10">
        <v>20.770592239999999</v>
      </c>
    </row>
    <row r="5958" spans="1:10" x14ac:dyDescent="0.35">
      <c r="A5958" t="s">
        <v>33</v>
      </c>
      <c r="B5958" t="s">
        <v>39</v>
      </c>
      <c r="C5958" t="s">
        <v>117</v>
      </c>
      <c r="D5958" t="s">
        <v>118</v>
      </c>
      <c r="E5958">
        <v>2016</v>
      </c>
      <c r="F5958">
        <v>2016</v>
      </c>
      <c r="G5958" t="s">
        <v>126</v>
      </c>
      <c r="H5958" t="s">
        <v>123</v>
      </c>
      <c r="I5958" t="s">
        <v>15</v>
      </c>
      <c r="J5958" s="10">
        <v>17.927842070000001</v>
      </c>
    </row>
    <row r="5959" spans="1:10" x14ac:dyDescent="0.35">
      <c r="A5959" t="s">
        <v>33</v>
      </c>
      <c r="B5959" t="s">
        <v>39</v>
      </c>
      <c r="C5959" t="s">
        <v>117</v>
      </c>
      <c r="D5959" t="s">
        <v>118</v>
      </c>
      <c r="E5959">
        <v>2016</v>
      </c>
      <c r="F5959">
        <v>2016</v>
      </c>
      <c r="G5959" t="s">
        <v>126</v>
      </c>
      <c r="H5959" t="s">
        <v>124</v>
      </c>
      <c r="I5959" t="s">
        <v>15</v>
      </c>
      <c r="J5959" s="10">
        <v>2.6031313819999999</v>
      </c>
    </row>
    <row r="5960" spans="1:10" x14ac:dyDescent="0.35">
      <c r="A5960" t="s">
        <v>33</v>
      </c>
      <c r="B5960" t="s">
        <v>39</v>
      </c>
      <c r="C5960" t="s">
        <v>117</v>
      </c>
      <c r="D5960" t="s">
        <v>118</v>
      </c>
      <c r="E5960">
        <v>2015</v>
      </c>
      <c r="F5960">
        <v>2015</v>
      </c>
      <c r="G5960" t="s">
        <v>14</v>
      </c>
      <c r="H5960" t="s">
        <v>119</v>
      </c>
      <c r="I5960" t="s">
        <v>15</v>
      </c>
      <c r="J5960" s="10">
        <v>18.33108193</v>
      </c>
    </row>
    <row r="5961" spans="1:10" x14ac:dyDescent="0.35">
      <c r="A5961" t="s">
        <v>33</v>
      </c>
      <c r="B5961" t="s">
        <v>39</v>
      </c>
      <c r="C5961" t="s">
        <v>117</v>
      </c>
      <c r="D5961" t="s">
        <v>118</v>
      </c>
      <c r="E5961">
        <v>2015</v>
      </c>
      <c r="F5961">
        <v>2015</v>
      </c>
      <c r="G5961" t="s">
        <v>14</v>
      </c>
      <c r="H5961" t="s">
        <v>120</v>
      </c>
      <c r="I5961" t="s">
        <v>15</v>
      </c>
      <c r="J5961" s="10">
        <v>10.121575890000001</v>
      </c>
    </row>
    <row r="5962" spans="1:10" x14ac:dyDescent="0.35">
      <c r="A5962" t="s">
        <v>33</v>
      </c>
      <c r="B5962" t="s">
        <v>39</v>
      </c>
      <c r="C5962" t="s">
        <v>117</v>
      </c>
      <c r="D5962" t="s">
        <v>118</v>
      </c>
      <c r="E5962">
        <v>2015</v>
      </c>
      <c r="F5962">
        <v>2015</v>
      </c>
      <c r="G5962" t="s">
        <v>14</v>
      </c>
      <c r="H5962" t="s">
        <v>121</v>
      </c>
      <c r="I5962" t="s">
        <v>15</v>
      </c>
      <c r="J5962" s="10">
        <v>32.172350889999997</v>
      </c>
    </row>
    <row r="5963" spans="1:10" x14ac:dyDescent="0.35">
      <c r="A5963" t="s">
        <v>33</v>
      </c>
      <c r="B5963" t="s">
        <v>39</v>
      </c>
      <c r="C5963" t="s">
        <v>117</v>
      </c>
      <c r="D5963" t="s">
        <v>118</v>
      </c>
      <c r="E5963">
        <v>2015</v>
      </c>
      <c r="F5963">
        <v>2015</v>
      </c>
      <c r="G5963" t="s">
        <v>14</v>
      </c>
      <c r="H5963" t="s">
        <v>122</v>
      </c>
      <c r="I5963" t="s">
        <v>15</v>
      </c>
      <c r="J5963" s="10">
        <v>20.709680110000001</v>
      </c>
    </row>
    <row r="5964" spans="1:10" x14ac:dyDescent="0.35">
      <c r="A5964" t="s">
        <v>33</v>
      </c>
      <c r="B5964" t="s">
        <v>39</v>
      </c>
      <c r="C5964" t="s">
        <v>117</v>
      </c>
      <c r="D5964" t="s">
        <v>118</v>
      </c>
      <c r="E5964">
        <v>2015</v>
      </c>
      <c r="F5964">
        <v>2015</v>
      </c>
      <c r="G5964" t="s">
        <v>14</v>
      </c>
      <c r="H5964" t="s">
        <v>123</v>
      </c>
      <c r="I5964" t="s">
        <v>15</v>
      </c>
      <c r="J5964" s="10">
        <v>16.66689877</v>
      </c>
    </row>
    <row r="5965" spans="1:10" x14ac:dyDescent="0.35">
      <c r="A5965" t="s">
        <v>33</v>
      </c>
      <c r="B5965" t="s">
        <v>39</v>
      </c>
      <c r="C5965" t="s">
        <v>117</v>
      </c>
      <c r="D5965" t="s">
        <v>118</v>
      </c>
      <c r="E5965">
        <v>2015</v>
      </c>
      <c r="F5965">
        <v>2015</v>
      </c>
      <c r="G5965" t="s">
        <v>14</v>
      </c>
      <c r="H5965" t="s">
        <v>124</v>
      </c>
      <c r="I5965" t="s">
        <v>15</v>
      </c>
      <c r="J5965" s="10">
        <v>1.9984124110000001</v>
      </c>
    </row>
    <row r="5966" spans="1:10" x14ac:dyDescent="0.35">
      <c r="A5966" t="s">
        <v>33</v>
      </c>
      <c r="B5966" t="s">
        <v>39</v>
      </c>
      <c r="C5966" t="s">
        <v>117</v>
      </c>
      <c r="D5966" t="s">
        <v>118</v>
      </c>
      <c r="E5966">
        <v>2015</v>
      </c>
      <c r="F5966">
        <v>2015</v>
      </c>
      <c r="G5966" t="s">
        <v>125</v>
      </c>
      <c r="H5966" t="s">
        <v>119</v>
      </c>
      <c r="I5966" t="s">
        <v>15</v>
      </c>
      <c r="J5966" s="10">
        <v>19.454954059999999</v>
      </c>
    </row>
    <row r="5967" spans="1:10" x14ac:dyDescent="0.35">
      <c r="A5967" t="s">
        <v>33</v>
      </c>
      <c r="B5967" t="s">
        <v>39</v>
      </c>
      <c r="C5967" t="s">
        <v>117</v>
      </c>
      <c r="D5967" t="s">
        <v>118</v>
      </c>
      <c r="E5967">
        <v>2015</v>
      </c>
      <c r="F5967">
        <v>2015</v>
      </c>
      <c r="G5967" t="s">
        <v>125</v>
      </c>
      <c r="H5967" t="s">
        <v>120</v>
      </c>
      <c r="I5967" t="s">
        <v>15</v>
      </c>
      <c r="J5967" s="10">
        <v>10.58231161</v>
      </c>
    </row>
    <row r="5968" spans="1:10" x14ac:dyDescent="0.35">
      <c r="A5968" t="s">
        <v>33</v>
      </c>
      <c r="B5968" t="s">
        <v>39</v>
      </c>
      <c r="C5968" t="s">
        <v>117</v>
      </c>
      <c r="D5968" t="s">
        <v>118</v>
      </c>
      <c r="E5968">
        <v>2015</v>
      </c>
      <c r="F5968">
        <v>2015</v>
      </c>
      <c r="G5968" t="s">
        <v>125</v>
      </c>
      <c r="H5968" t="s">
        <v>121</v>
      </c>
      <c r="I5968" t="s">
        <v>15</v>
      </c>
      <c r="J5968" s="10">
        <v>31.91477257</v>
      </c>
    </row>
    <row r="5969" spans="1:10" x14ac:dyDescent="0.35">
      <c r="A5969" t="s">
        <v>33</v>
      </c>
      <c r="B5969" t="s">
        <v>39</v>
      </c>
      <c r="C5969" t="s">
        <v>117</v>
      </c>
      <c r="D5969" t="s">
        <v>118</v>
      </c>
      <c r="E5969">
        <v>2015</v>
      </c>
      <c r="F5969">
        <v>2015</v>
      </c>
      <c r="G5969" t="s">
        <v>125</v>
      </c>
      <c r="H5969" t="s">
        <v>122</v>
      </c>
      <c r="I5969" t="s">
        <v>15</v>
      </c>
      <c r="J5969" s="10">
        <v>20.83748186</v>
      </c>
    </row>
    <row r="5970" spans="1:10" x14ac:dyDescent="0.35">
      <c r="A5970" t="s">
        <v>33</v>
      </c>
      <c r="B5970" t="s">
        <v>39</v>
      </c>
      <c r="C5970" t="s">
        <v>117</v>
      </c>
      <c r="D5970" t="s">
        <v>118</v>
      </c>
      <c r="E5970">
        <v>2015</v>
      </c>
      <c r="F5970">
        <v>2015</v>
      </c>
      <c r="G5970" t="s">
        <v>125</v>
      </c>
      <c r="H5970" t="s">
        <v>123</v>
      </c>
      <c r="I5970" t="s">
        <v>15</v>
      </c>
      <c r="J5970" s="10">
        <v>15.77959207</v>
      </c>
    </row>
    <row r="5971" spans="1:10" x14ac:dyDescent="0.35">
      <c r="A5971" t="s">
        <v>33</v>
      </c>
      <c r="B5971" t="s">
        <v>39</v>
      </c>
      <c r="C5971" t="s">
        <v>117</v>
      </c>
      <c r="D5971" t="s">
        <v>118</v>
      </c>
      <c r="E5971">
        <v>2015</v>
      </c>
      <c r="F5971">
        <v>2015</v>
      </c>
      <c r="G5971" t="s">
        <v>125</v>
      </c>
      <c r="H5971" t="s">
        <v>124</v>
      </c>
      <c r="I5971" t="s">
        <v>15</v>
      </c>
      <c r="J5971" s="10">
        <v>1.4308878330000001</v>
      </c>
    </row>
    <row r="5972" spans="1:10" x14ac:dyDescent="0.35">
      <c r="A5972" t="s">
        <v>33</v>
      </c>
      <c r="B5972" t="s">
        <v>39</v>
      </c>
      <c r="C5972" t="s">
        <v>117</v>
      </c>
      <c r="D5972" t="s">
        <v>118</v>
      </c>
      <c r="E5972">
        <v>2015</v>
      </c>
      <c r="F5972">
        <v>2015</v>
      </c>
      <c r="G5972" t="s">
        <v>126</v>
      </c>
      <c r="H5972" t="s">
        <v>119</v>
      </c>
      <c r="I5972" t="s">
        <v>15</v>
      </c>
      <c r="J5972" s="10">
        <v>17.25323294</v>
      </c>
    </row>
    <row r="5973" spans="1:10" x14ac:dyDescent="0.35">
      <c r="A5973" t="s">
        <v>33</v>
      </c>
      <c r="B5973" t="s">
        <v>39</v>
      </c>
      <c r="C5973" t="s">
        <v>117</v>
      </c>
      <c r="D5973" t="s">
        <v>118</v>
      </c>
      <c r="E5973">
        <v>2015</v>
      </c>
      <c r="F5973">
        <v>2015</v>
      </c>
      <c r="G5973" t="s">
        <v>126</v>
      </c>
      <c r="H5973" t="s">
        <v>120</v>
      </c>
      <c r="I5973" t="s">
        <v>15</v>
      </c>
      <c r="J5973" s="10">
        <v>9.6797075350000004</v>
      </c>
    </row>
    <row r="5974" spans="1:10" x14ac:dyDescent="0.35">
      <c r="A5974" t="s">
        <v>33</v>
      </c>
      <c r="B5974" t="s">
        <v>39</v>
      </c>
      <c r="C5974" t="s">
        <v>117</v>
      </c>
      <c r="D5974" t="s">
        <v>118</v>
      </c>
      <c r="E5974">
        <v>2015</v>
      </c>
      <c r="F5974">
        <v>2015</v>
      </c>
      <c r="G5974" t="s">
        <v>126</v>
      </c>
      <c r="H5974" t="s">
        <v>121</v>
      </c>
      <c r="I5974" t="s">
        <v>15</v>
      </c>
      <c r="J5974" s="10">
        <v>32.41938124</v>
      </c>
    </row>
    <row r="5975" spans="1:10" x14ac:dyDescent="0.35">
      <c r="A5975" t="s">
        <v>33</v>
      </c>
      <c r="B5975" t="s">
        <v>39</v>
      </c>
      <c r="C5975" t="s">
        <v>117</v>
      </c>
      <c r="D5975" t="s">
        <v>118</v>
      </c>
      <c r="E5975">
        <v>2015</v>
      </c>
      <c r="F5975">
        <v>2015</v>
      </c>
      <c r="G5975" t="s">
        <v>126</v>
      </c>
      <c r="H5975" t="s">
        <v>122</v>
      </c>
      <c r="I5975" t="s">
        <v>15</v>
      </c>
      <c r="J5975" s="10">
        <v>20.587111910000001</v>
      </c>
    </row>
    <row r="5976" spans="1:10" x14ac:dyDescent="0.35">
      <c r="A5976" t="s">
        <v>33</v>
      </c>
      <c r="B5976" t="s">
        <v>39</v>
      </c>
      <c r="C5976" t="s">
        <v>117</v>
      </c>
      <c r="D5976" t="s">
        <v>118</v>
      </c>
      <c r="E5976">
        <v>2015</v>
      </c>
      <c r="F5976">
        <v>2015</v>
      </c>
      <c r="G5976" t="s">
        <v>126</v>
      </c>
      <c r="H5976" t="s">
        <v>123</v>
      </c>
      <c r="I5976" t="s">
        <v>15</v>
      </c>
      <c r="J5976" s="10">
        <v>17.517869810000001</v>
      </c>
    </row>
    <row r="5977" spans="1:10" x14ac:dyDescent="0.35">
      <c r="A5977" t="s">
        <v>33</v>
      </c>
      <c r="B5977" t="s">
        <v>39</v>
      </c>
      <c r="C5977" t="s">
        <v>117</v>
      </c>
      <c r="D5977" t="s">
        <v>118</v>
      </c>
      <c r="E5977">
        <v>2015</v>
      </c>
      <c r="F5977">
        <v>2015</v>
      </c>
      <c r="G5977" t="s">
        <v>126</v>
      </c>
      <c r="H5977" t="s">
        <v>124</v>
      </c>
      <c r="I5977" t="s">
        <v>15</v>
      </c>
      <c r="J5977" s="10">
        <v>2.5426965680000002</v>
      </c>
    </row>
    <row r="5978" spans="1:10" x14ac:dyDescent="0.35">
      <c r="A5978" t="s">
        <v>33</v>
      </c>
      <c r="B5978" t="s">
        <v>39</v>
      </c>
      <c r="C5978" t="s">
        <v>117</v>
      </c>
      <c r="D5978" t="s">
        <v>118</v>
      </c>
      <c r="E5978">
        <v>2014</v>
      </c>
      <c r="F5978">
        <v>2014</v>
      </c>
      <c r="G5978" t="s">
        <v>14</v>
      </c>
      <c r="H5978" t="s">
        <v>119</v>
      </c>
      <c r="I5978" t="s">
        <v>15</v>
      </c>
      <c r="J5978" s="10">
        <v>18.506020079999999</v>
      </c>
    </row>
    <row r="5979" spans="1:10" x14ac:dyDescent="0.35">
      <c r="A5979" t="s">
        <v>33</v>
      </c>
      <c r="B5979" t="s">
        <v>39</v>
      </c>
      <c r="C5979" t="s">
        <v>117</v>
      </c>
      <c r="D5979" t="s">
        <v>118</v>
      </c>
      <c r="E5979">
        <v>2014</v>
      </c>
      <c r="F5979">
        <v>2014</v>
      </c>
      <c r="G5979" t="s">
        <v>14</v>
      </c>
      <c r="H5979" t="s">
        <v>120</v>
      </c>
      <c r="I5979" t="s">
        <v>15</v>
      </c>
      <c r="J5979" s="10">
        <v>10.234831760000001</v>
      </c>
    </row>
    <row r="5980" spans="1:10" x14ac:dyDescent="0.35">
      <c r="A5980" t="s">
        <v>33</v>
      </c>
      <c r="B5980" t="s">
        <v>39</v>
      </c>
      <c r="C5980" t="s">
        <v>117</v>
      </c>
      <c r="D5980" t="s">
        <v>118</v>
      </c>
      <c r="E5980">
        <v>2014</v>
      </c>
      <c r="F5980">
        <v>2014</v>
      </c>
      <c r="G5980" t="s">
        <v>14</v>
      </c>
      <c r="H5980" t="s">
        <v>121</v>
      </c>
      <c r="I5980" t="s">
        <v>15</v>
      </c>
      <c r="J5980" s="10">
        <v>32.588981930000003</v>
      </c>
    </row>
    <row r="5981" spans="1:10" x14ac:dyDescent="0.35">
      <c r="A5981" t="s">
        <v>33</v>
      </c>
      <c r="B5981" t="s">
        <v>39</v>
      </c>
      <c r="C5981" t="s">
        <v>117</v>
      </c>
      <c r="D5981" t="s">
        <v>118</v>
      </c>
      <c r="E5981">
        <v>2014</v>
      </c>
      <c r="F5981">
        <v>2014</v>
      </c>
      <c r="G5981" t="s">
        <v>14</v>
      </c>
      <c r="H5981" t="s">
        <v>122</v>
      </c>
      <c r="I5981" t="s">
        <v>15</v>
      </c>
      <c r="J5981" s="10">
        <v>20.45855379</v>
      </c>
    </row>
    <row r="5982" spans="1:10" x14ac:dyDescent="0.35">
      <c r="A5982" t="s">
        <v>33</v>
      </c>
      <c r="B5982" t="s">
        <v>39</v>
      </c>
      <c r="C5982" t="s">
        <v>117</v>
      </c>
      <c r="D5982" t="s">
        <v>118</v>
      </c>
      <c r="E5982">
        <v>2014</v>
      </c>
      <c r="F5982">
        <v>2014</v>
      </c>
      <c r="G5982" t="s">
        <v>14</v>
      </c>
      <c r="H5982" t="s">
        <v>123</v>
      </c>
      <c r="I5982" t="s">
        <v>15</v>
      </c>
      <c r="J5982" s="10">
        <v>16.196586539999998</v>
      </c>
    </row>
    <row r="5983" spans="1:10" x14ac:dyDescent="0.35">
      <c r="A5983" t="s">
        <v>33</v>
      </c>
      <c r="B5983" t="s">
        <v>39</v>
      </c>
      <c r="C5983" t="s">
        <v>117</v>
      </c>
      <c r="D5983" t="s">
        <v>118</v>
      </c>
      <c r="E5983">
        <v>2014</v>
      </c>
      <c r="F5983">
        <v>2014</v>
      </c>
      <c r="G5983" t="s">
        <v>14</v>
      </c>
      <c r="H5983" t="s">
        <v>124</v>
      </c>
      <c r="I5983" t="s">
        <v>15</v>
      </c>
      <c r="J5983" s="10">
        <v>2.0150258999999999</v>
      </c>
    </row>
    <row r="5984" spans="1:10" x14ac:dyDescent="0.35">
      <c r="A5984" t="s">
        <v>33</v>
      </c>
      <c r="B5984" t="s">
        <v>39</v>
      </c>
      <c r="C5984" t="s">
        <v>117</v>
      </c>
      <c r="D5984" t="s">
        <v>118</v>
      </c>
      <c r="E5984">
        <v>2014</v>
      </c>
      <c r="F5984">
        <v>2014</v>
      </c>
      <c r="G5984" t="s">
        <v>125</v>
      </c>
      <c r="H5984" t="s">
        <v>119</v>
      </c>
      <c r="I5984" t="s">
        <v>15</v>
      </c>
      <c r="J5984" s="10">
        <v>19.63865332</v>
      </c>
    </row>
    <row r="5985" spans="1:10" x14ac:dyDescent="0.35">
      <c r="A5985" t="s">
        <v>33</v>
      </c>
      <c r="B5985" t="s">
        <v>39</v>
      </c>
      <c r="C5985" t="s">
        <v>117</v>
      </c>
      <c r="D5985" t="s">
        <v>118</v>
      </c>
      <c r="E5985">
        <v>2014</v>
      </c>
      <c r="F5985">
        <v>2014</v>
      </c>
      <c r="G5985" t="s">
        <v>125</v>
      </c>
      <c r="H5985" t="s">
        <v>120</v>
      </c>
      <c r="I5985" t="s">
        <v>15</v>
      </c>
      <c r="J5985" s="10">
        <v>10.72127521</v>
      </c>
    </row>
    <row r="5986" spans="1:10" x14ac:dyDescent="0.35">
      <c r="A5986" t="s">
        <v>33</v>
      </c>
      <c r="B5986" t="s">
        <v>39</v>
      </c>
      <c r="C5986" t="s">
        <v>117</v>
      </c>
      <c r="D5986" t="s">
        <v>118</v>
      </c>
      <c r="E5986">
        <v>2014</v>
      </c>
      <c r="F5986">
        <v>2014</v>
      </c>
      <c r="G5986" t="s">
        <v>125</v>
      </c>
      <c r="H5986" t="s">
        <v>121</v>
      </c>
      <c r="I5986" t="s">
        <v>15</v>
      </c>
      <c r="J5986" s="10">
        <v>32.359531439999998</v>
      </c>
    </row>
    <row r="5987" spans="1:10" x14ac:dyDescent="0.35">
      <c r="A5987" t="s">
        <v>33</v>
      </c>
      <c r="B5987" t="s">
        <v>39</v>
      </c>
      <c r="C5987" t="s">
        <v>117</v>
      </c>
      <c r="D5987" t="s">
        <v>118</v>
      </c>
      <c r="E5987">
        <v>2014</v>
      </c>
      <c r="F5987">
        <v>2014</v>
      </c>
      <c r="G5987" t="s">
        <v>125</v>
      </c>
      <c r="H5987" t="s">
        <v>122</v>
      </c>
      <c r="I5987" t="s">
        <v>15</v>
      </c>
      <c r="J5987" s="10">
        <v>20.6342003</v>
      </c>
    </row>
    <row r="5988" spans="1:10" x14ac:dyDescent="0.35">
      <c r="A5988" t="s">
        <v>33</v>
      </c>
      <c r="B5988" t="s">
        <v>39</v>
      </c>
      <c r="C5988" t="s">
        <v>117</v>
      </c>
      <c r="D5988" t="s">
        <v>118</v>
      </c>
      <c r="E5988">
        <v>2014</v>
      </c>
      <c r="F5988">
        <v>2014</v>
      </c>
      <c r="G5988" t="s">
        <v>125</v>
      </c>
      <c r="H5988" t="s">
        <v>123</v>
      </c>
      <c r="I5988" t="s">
        <v>15</v>
      </c>
      <c r="J5988" s="10">
        <v>15.27639901</v>
      </c>
    </row>
    <row r="5989" spans="1:10" x14ac:dyDescent="0.35">
      <c r="A5989" t="s">
        <v>33</v>
      </c>
      <c r="B5989" t="s">
        <v>39</v>
      </c>
      <c r="C5989" t="s">
        <v>117</v>
      </c>
      <c r="D5989" t="s">
        <v>118</v>
      </c>
      <c r="E5989">
        <v>2014</v>
      </c>
      <c r="F5989">
        <v>2014</v>
      </c>
      <c r="G5989" t="s">
        <v>125</v>
      </c>
      <c r="H5989" t="s">
        <v>124</v>
      </c>
      <c r="I5989" t="s">
        <v>15</v>
      </c>
      <c r="J5989" s="10">
        <v>1.3699407210000001</v>
      </c>
    </row>
    <row r="5990" spans="1:10" x14ac:dyDescent="0.35">
      <c r="A5990" t="s">
        <v>33</v>
      </c>
      <c r="B5990" t="s">
        <v>39</v>
      </c>
      <c r="C5990" t="s">
        <v>117</v>
      </c>
      <c r="D5990" t="s">
        <v>118</v>
      </c>
      <c r="E5990">
        <v>2014</v>
      </c>
      <c r="F5990">
        <v>2014</v>
      </c>
      <c r="G5990" t="s">
        <v>126</v>
      </c>
      <c r="H5990" t="s">
        <v>119</v>
      </c>
      <c r="I5990" t="s">
        <v>15</v>
      </c>
      <c r="J5990" s="10">
        <v>17.419460170000001</v>
      </c>
    </row>
    <row r="5991" spans="1:10" x14ac:dyDescent="0.35">
      <c r="A5991" t="s">
        <v>33</v>
      </c>
      <c r="B5991" t="s">
        <v>39</v>
      </c>
      <c r="C5991" t="s">
        <v>117</v>
      </c>
      <c r="D5991" t="s">
        <v>118</v>
      </c>
      <c r="E5991">
        <v>2014</v>
      </c>
      <c r="F5991">
        <v>2014</v>
      </c>
      <c r="G5991" t="s">
        <v>126</v>
      </c>
      <c r="H5991" t="s">
        <v>120</v>
      </c>
      <c r="I5991" t="s">
        <v>15</v>
      </c>
      <c r="J5991" s="10">
        <v>9.7681758819999995</v>
      </c>
    </row>
    <row r="5992" spans="1:10" x14ac:dyDescent="0.35">
      <c r="A5992" t="s">
        <v>33</v>
      </c>
      <c r="B5992" t="s">
        <v>39</v>
      </c>
      <c r="C5992" t="s">
        <v>117</v>
      </c>
      <c r="D5992" t="s">
        <v>118</v>
      </c>
      <c r="E5992">
        <v>2014</v>
      </c>
      <c r="F5992">
        <v>2014</v>
      </c>
      <c r="G5992" t="s">
        <v>126</v>
      </c>
      <c r="H5992" t="s">
        <v>121</v>
      </c>
      <c r="I5992" t="s">
        <v>15</v>
      </c>
      <c r="J5992" s="10">
        <v>32.809098820000003</v>
      </c>
    </row>
    <row r="5993" spans="1:10" x14ac:dyDescent="0.35">
      <c r="A5993" t="s">
        <v>33</v>
      </c>
      <c r="B5993" t="s">
        <v>39</v>
      </c>
      <c r="C5993" t="s">
        <v>117</v>
      </c>
      <c r="D5993" t="s">
        <v>118</v>
      </c>
      <c r="E5993">
        <v>2014</v>
      </c>
      <c r="F5993">
        <v>2014</v>
      </c>
      <c r="G5993" t="s">
        <v>126</v>
      </c>
      <c r="H5993" t="s">
        <v>122</v>
      </c>
      <c r="I5993" t="s">
        <v>15</v>
      </c>
      <c r="J5993" s="10">
        <v>20.290052240000001</v>
      </c>
    </row>
    <row r="5994" spans="1:10" x14ac:dyDescent="0.35">
      <c r="A5994" t="s">
        <v>33</v>
      </c>
      <c r="B5994" t="s">
        <v>39</v>
      </c>
      <c r="C5994" t="s">
        <v>117</v>
      </c>
      <c r="D5994" t="s">
        <v>118</v>
      </c>
      <c r="E5994">
        <v>2014</v>
      </c>
      <c r="F5994">
        <v>2014</v>
      </c>
      <c r="G5994" t="s">
        <v>126</v>
      </c>
      <c r="H5994" t="s">
        <v>123</v>
      </c>
      <c r="I5994" t="s">
        <v>15</v>
      </c>
      <c r="J5994" s="10">
        <v>17.079342619999998</v>
      </c>
    </row>
    <row r="5995" spans="1:10" x14ac:dyDescent="0.35">
      <c r="A5995" t="s">
        <v>33</v>
      </c>
      <c r="B5995" t="s">
        <v>39</v>
      </c>
      <c r="C5995" t="s">
        <v>117</v>
      </c>
      <c r="D5995" t="s">
        <v>118</v>
      </c>
      <c r="E5995">
        <v>2014</v>
      </c>
      <c r="F5995">
        <v>2014</v>
      </c>
      <c r="G5995" t="s">
        <v>126</v>
      </c>
      <c r="H5995" t="s">
        <v>124</v>
      </c>
      <c r="I5995" t="s">
        <v>15</v>
      </c>
      <c r="J5995" s="10">
        <v>2.6338702660000002</v>
      </c>
    </row>
    <row r="5996" spans="1:10" x14ac:dyDescent="0.35">
      <c r="A5996" t="s">
        <v>33</v>
      </c>
      <c r="B5996" t="s">
        <v>39</v>
      </c>
      <c r="C5996" t="s">
        <v>117</v>
      </c>
      <c r="D5996" t="s">
        <v>118</v>
      </c>
      <c r="E5996">
        <v>2013</v>
      </c>
      <c r="F5996">
        <v>2013</v>
      </c>
      <c r="G5996" t="s">
        <v>14</v>
      </c>
      <c r="H5996" t="s">
        <v>119</v>
      </c>
      <c r="I5996" t="s">
        <v>15</v>
      </c>
      <c r="J5996" s="10">
        <v>18.480275349999999</v>
      </c>
    </row>
    <row r="5997" spans="1:10" x14ac:dyDescent="0.35">
      <c r="A5997" t="s">
        <v>33</v>
      </c>
      <c r="B5997" t="s">
        <v>39</v>
      </c>
      <c r="C5997" t="s">
        <v>117</v>
      </c>
      <c r="D5997" t="s">
        <v>118</v>
      </c>
      <c r="E5997">
        <v>2013</v>
      </c>
      <c r="F5997">
        <v>2013</v>
      </c>
      <c r="G5997" t="s">
        <v>14</v>
      </c>
      <c r="H5997" t="s">
        <v>120</v>
      </c>
      <c r="I5997" t="s">
        <v>15</v>
      </c>
      <c r="J5997" s="10">
        <v>10.462215909999999</v>
      </c>
    </row>
    <row r="5998" spans="1:10" x14ac:dyDescent="0.35">
      <c r="A5998" t="s">
        <v>33</v>
      </c>
      <c r="B5998" t="s">
        <v>39</v>
      </c>
      <c r="C5998" t="s">
        <v>117</v>
      </c>
      <c r="D5998" t="s">
        <v>118</v>
      </c>
      <c r="E5998">
        <v>2013</v>
      </c>
      <c r="F5998">
        <v>2013</v>
      </c>
      <c r="G5998" t="s">
        <v>14</v>
      </c>
      <c r="H5998" t="s">
        <v>121</v>
      </c>
      <c r="I5998" t="s">
        <v>15</v>
      </c>
      <c r="J5998" s="10">
        <v>33.088081600000002</v>
      </c>
    </row>
    <row r="5999" spans="1:10" x14ac:dyDescent="0.35">
      <c r="A5999" t="s">
        <v>33</v>
      </c>
      <c r="B5999" t="s">
        <v>39</v>
      </c>
      <c r="C5999" t="s">
        <v>117</v>
      </c>
      <c r="D5999" t="s">
        <v>118</v>
      </c>
      <c r="E5999">
        <v>2013</v>
      </c>
      <c r="F5999">
        <v>2013</v>
      </c>
      <c r="G5999" t="s">
        <v>14</v>
      </c>
      <c r="H5999" t="s">
        <v>122</v>
      </c>
      <c r="I5999" t="s">
        <v>15</v>
      </c>
      <c r="J5999" s="10">
        <v>20.277859060000001</v>
      </c>
    </row>
    <row r="6000" spans="1:10" x14ac:dyDescent="0.35">
      <c r="A6000" t="s">
        <v>33</v>
      </c>
      <c r="B6000" t="s">
        <v>39</v>
      </c>
      <c r="C6000" t="s">
        <v>117</v>
      </c>
      <c r="D6000" t="s">
        <v>118</v>
      </c>
      <c r="E6000">
        <v>2013</v>
      </c>
      <c r="F6000">
        <v>2013</v>
      </c>
      <c r="G6000" t="s">
        <v>14</v>
      </c>
      <c r="H6000" t="s">
        <v>123</v>
      </c>
      <c r="I6000" t="s">
        <v>15</v>
      </c>
      <c r="J6000" s="10">
        <v>15.73930856</v>
      </c>
    </row>
    <row r="6001" spans="1:10" x14ac:dyDescent="0.35">
      <c r="A6001" t="s">
        <v>33</v>
      </c>
      <c r="B6001" t="s">
        <v>39</v>
      </c>
      <c r="C6001" t="s">
        <v>117</v>
      </c>
      <c r="D6001" t="s">
        <v>118</v>
      </c>
      <c r="E6001">
        <v>2013</v>
      </c>
      <c r="F6001">
        <v>2013</v>
      </c>
      <c r="G6001" t="s">
        <v>14</v>
      </c>
      <c r="H6001" t="s">
        <v>124</v>
      </c>
      <c r="I6001" t="s">
        <v>15</v>
      </c>
      <c r="J6001" s="10">
        <v>1.952259521</v>
      </c>
    </row>
    <row r="6002" spans="1:10" x14ac:dyDescent="0.35">
      <c r="A6002" t="s">
        <v>33</v>
      </c>
      <c r="B6002" t="s">
        <v>39</v>
      </c>
      <c r="C6002" t="s">
        <v>117</v>
      </c>
      <c r="D6002" t="s">
        <v>118</v>
      </c>
      <c r="E6002">
        <v>2013</v>
      </c>
      <c r="F6002">
        <v>2013</v>
      </c>
      <c r="G6002" t="s">
        <v>125</v>
      </c>
      <c r="H6002" t="s">
        <v>119</v>
      </c>
      <c r="I6002" t="s">
        <v>15</v>
      </c>
      <c r="J6002" s="10">
        <v>19.452117210000001</v>
      </c>
    </row>
    <row r="6003" spans="1:10" x14ac:dyDescent="0.35">
      <c r="A6003" t="s">
        <v>33</v>
      </c>
      <c r="B6003" t="s">
        <v>39</v>
      </c>
      <c r="C6003" t="s">
        <v>117</v>
      </c>
      <c r="D6003" t="s">
        <v>118</v>
      </c>
      <c r="E6003">
        <v>2013</v>
      </c>
      <c r="F6003">
        <v>2013</v>
      </c>
      <c r="G6003" t="s">
        <v>125</v>
      </c>
      <c r="H6003" t="s">
        <v>120</v>
      </c>
      <c r="I6003" t="s">
        <v>15</v>
      </c>
      <c r="J6003" s="10">
        <v>11.07440841</v>
      </c>
    </row>
    <row r="6004" spans="1:10" x14ac:dyDescent="0.35">
      <c r="A6004" t="s">
        <v>33</v>
      </c>
      <c r="B6004" t="s">
        <v>39</v>
      </c>
      <c r="C6004" t="s">
        <v>117</v>
      </c>
      <c r="D6004" t="s">
        <v>118</v>
      </c>
      <c r="E6004">
        <v>2013</v>
      </c>
      <c r="F6004">
        <v>2013</v>
      </c>
      <c r="G6004" t="s">
        <v>125</v>
      </c>
      <c r="H6004" t="s">
        <v>121</v>
      </c>
      <c r="I6004" t="s">
        <v>15</v>
      </c>
      <c r="J6004" s="10">
        <v>32.878662759999997</v>
      </c>
    </row>
    <row r="6005" spans="1:10" x14ac:dyDescent="0.35">
      <c r="A6005" t="s">
        <v>33</v>
      </c>
      <c r="B6005" t="s">
        <v>39</v>
      </c>
      <c r="C6005" t="s">
        <v>117</v>
      </c>
      <c r="D6005" t="s">
        <v>118</v>
      </c>
      <c r="E6005">
        <v>2013</v>
      </c>
      <c r="F6005">
        <v>2013</v>
      </c>
      <c r="G6005" t="s">
        <v>125</v>
      </c>
      <c r="H6005" t="s">
        <v>122</v>
      </c>
      <c r="I6005" t="s">
        <v>15</v>
      </c>
      <c r="J6005" s="10">
        <v>20.48295697</v>
      </c>
    </row>
    <row r="6006" spans="1:10" x14ac:dyDescent="0.35">
      <c r="A6006" t="s">
        <v>33</v>
      </c>
      <c r="B6006" t="s">
        <v>39</v>
      </c>
      <c r="C6006" t="s">
        <v>117</v>
      </c>
      <c r="D6006" t="s">
        <v>118</v>
      </c>
      <c r="E6006">
        <v>2013</v>
      </c>
      <c r="F6006">
        <v>2013</v>
      </c>
      <c r="G6006" t="s">
        <v>125</v>
      </c>
      <c r="H6006" t="s">
        <v>123</v>
      </c>
      <c r="I6006" t="s">
        <v>15</v>
      </c>
      <c r="J6006" s="10">
        <v>14.793404900000001</v>
      </c>
    </row>
    <row r="6007" spans="1:10" x14ac:dyDescent="0.35">
      <c r="A6007" t="s">
        <v>33</v>
      </c>
      <c r="B6007" t="s">
        <v>39</v>
      </c>
      <c r="C6007" t="s">
        <v>117</v>
      </c>
      <c r="D6007" t="s">
        <v>118</v>
      </c>
      <c r="E6007">
        <v>2013</v>
      </c>
      <c r="F6007">
        <v>2013</v>
      </c>
      <c r="G6007" t="s">
        <v>125</v>
      </c>
      <c r="H6007" t="s">
        <v>124</v>
      </c>
      <c r="I6007" t="s">
        <v>15</v>
      </c>
      <c r="J6007" s="10">
        <v>1.318449754</v>
      </c>
    </row>
    <row r="6008" spans="1:10" x14ac:dyDescent="0.35">
      <c r="A6008" t="s">
        <v>33</v>
      </c>
      <c r="B6008" t="s">
        <v>39</v>
      </c>
      <c r="C6008" t="s">
        <v>117</v>
      </c>
      <c r="D6008" t="s">
        <v>118</v>
      </c>
      <c r="E6008">
        <v>2013</v>
      </c>
      <c r="F6008">
        <v>2013</v>
      </c>
      <c r="G6008" t="s">
        <v>126</v>
      </c>
      <c r="H6008" t="s">
        <v>119</v>
      </c>
      <c r="I6008" t="s">
        <v>15</v>
      </c>
      <c r="J6008" s="10">
        <v>17.548982150000001</v>
      </c>
    </row>
    <row r="6009" spans="1:10" x14ac:dyDescent="0.35">
      <c r="A6009" t="s">
        <v>33</v>
      </c>
      <c r="B6009" t="s">
        <v>39</v>
      </c>
      <c r="C6009" t="s">
        <v>117</v>
      </c>
      <c r="D6009" t="s">
        <v>118</v>
      </c>
      <c r="E6009">
        <v>2013</v>
      </c>
      <c r="F6009">
        <v>2013</v>
      </c>
      <c r="G6009" t="s">
        <v>126</v>
      </c>
      <c r="H6009" t="s">
        <v>120</v>
      </c>
      <c r="I6009" t="s">
        <v>15</v>
      </c>
      <c r="J6009" s="10">
        <v>9.8755662280000003</v>
      </c>
    </row>
    <row r="6010" spans="1:10" x14ac:dyDescent="0.35">
      <c r="A6010" t="s">
        <v>33</v>
      </c>
      <c r="B6010" t="s">
        <v>39</v>
      </c>
      <c r="C6010" t="s">
        <v>117</v>
      </c>
      <c r="D6010" t="s">
        <v>118</v>
      </c>
      <c r="E6010">
        <v>2013</v>
      </c>
      <c r="F6010">
        <v>2013</v>
      </c>
      <c r="G6010" t="s">
        <v>126</v>
      </c>
      <c r="H6010" t="s">
        <v>121</v>
      </c>
      <c r="I6010" t="s">
        <v>15</v>
      </c>
      <c r="J6010" s="10">
        <v>33.288762759999997</v>
      </c>
    </row>
    <row r="6011" spans="1:10" x14ac:dyDescent="0.35">
      <c r="A6011" t="s">
        <v>33</v>
      </c>
      <c r="B6011" t="s">
        <v>39</v>
      </c>
      <c r="C6011" t="s">
        <v>117</v>
      </c>
      <c r="D6011" t="s">
        <v>118</v>
      </c>
      <c r="E6011">
        <v>2013</v>
      </c>
      <c r="F6011">
        <v>2013</v>
      </c>
      <c r="G6011" t="s">
        <v>126</v>
      </c>
      <c r="H6011" t="s">
        <v>122</v>
      </c>
      <c r="I6011" t="s">
        <v>15</v>
      </c>
      <c r="J6011" s="10">
        <v>20.08131856</v>
      </c>
    </row>
    <row r="6012" spans="1:10" x14ac:dyDescent="0.35">
      <c r="A6012" t="s">
        <v>33</v>
      </c>
      <c r="B6012" t="s">
        <v>39</v>
      </c>
      <c r="C6012" t="s">
        <v>117</v>
      </c>
      <c r="D6012" t="s">
        <v>118</v>
      </c>
      <c r="E6012">
        <v>2013</v>
      </c>
      <c r="F6012">
        <v>2013</v>
      </c>
      <c r="G6012" t="s">
        <v>126</v>
      </c>
      <c r="H6012" t="s">
        <v>123</v>
      </c>
      <c r="I6012" t="s">
        <v>15</v>
      </c>
      <c r="J6012" s="10">
        <v>16.645745779999999</v>
      </c>
    </row>
    <row r="6013" spans="1:10" x14ac:dyDescent="0.35">
      <c r="A6013" t="s">
        <v>33</v>
      </c>
      <c r="B6013" t="s">
        <v>39</v>
      </c>
      <c r="C6013" t="s">
        <v>117</v>
      </c>
      <c r="D6013" t="s">
        <v>118</v>
      </c>
      <c r="E6013">
        <v>2013</v>
      </c>
      <c r="F6013">
        <v>2013</v>
      </c>
      <c r="G6013" t="s">
        <v>126</v>
      </c>
      <c r="H6013" t="s">
        <v>124</v>
      </c>
      <c r="I6013" t="s">
        <v>15</v>
      </c>
      <c r="J6013" s="10">
        <v>2.559624516</v>
      </c>
    </row>
    <row r="6014" spans="1:10" x14ac:dyDescent="0.35">
      <c r="A6014" t="s">
        <v>33</v>
      </c>
      <c r="B6014" t="s">
        <v>39</v>
      </c>
      <c r="C6014" t="s">
        <v>117</v>
      </c>
      <c r="D6014" t="s">
        <v>118</v>
      </c>
      <c r="E6014">
        <v>2012</v>
      </c>
      <c r="F6014">
        <v>2012</v>
      </c>
      <c r="G6014" t="s">
        <v>14</v>
      </c>
      <c r="H6014" t="s">
        <v>119</v>
      </c>
      <c r="I6014" t="s">
        <v>15</v>
      </c>
      <c r="J6014" s="10">
        <v>18.562614549999999</v>
      </c>
    </row>
    <row r="6015" spans="1:10" x14ac:dyDescent="0.35">
      <c r="A6015" t="s">
        <v>33</v>
      </c>
      <c r="B6015" t="s">
        <v>39</v>
      </c>
      <c r="C6015" t="s">
        <v>117</v>
      </c>
      <c r="D6015" t="s">
        <v>118</v>
      </c>
      <c r="E6015">
        <v>2012</v>
      </c>
      <c r="F6015">
        <v>2012</v>
      </c>
      <c r="G6015" t="s">
        <v>14</v>
      </c>
      <c r="H6015" t="s">
        <v>120</v>
      </c>
      <c r="I6015" t="s">
        <v>15</v>
      </c>
      <c r="J6015" s="10">
        <v>10.365572139999999</v>
      </c>
    </row>
    <row r="6016" spans="1:10" x14ac:dyDescent="0.35">
      <c r="A6016" t="s">
        <v>33</v>
      </c>
      <c r="B6016" t="s">
        <v>39</v>
      </c>
      <c r="C6016" t="s">
        <v>117</v>
      </c>
      <c r="D6016" t="s">
        <v>118</v>
      </c>
      <c r="E6016">
        <v>2012</v>
      </c>
      <c r="F6016">
        <v>2012</v>
      </c>
      <c r="G6016" t="s">
        <v>14</v>
      </c>
      <c r="H6016" t="s">
        <v>121</v>
      </c>
      <c r="I6016" t="s">
        <v>15</v>
      </c>
      <c r="J6016" s="10">
        <v>33.635994799999999</v>
      </c>
    </row>
    <row r="6017" spans="1:10" x14ac:dyDescent="0.35">
      <c r="A6017" t="s">
        <v>33</v>
      </c>
      <c r="B6017" t="s">
        <v>39</v>
      </c>
      <c r="C6017" t="s">
        <v>117</v>
      </c>
      <c r="D6017" t="s">
        <v>118</v>
      </c>
      <c r="E6017">
        <v>2012</v>
      </c>
      <c r="F6017">
        <v>2012</v>
      </c>
      <c r="G6017" t="s">
        <v>14</v>
      </c>
      <c r="H6017" t="s">
        <v>122</v>
      </c>
      <c r="I6017" t="s">
        <v>15</v>
      </c>
      <c r="J6017" s="10">
        <v>20.28064972</v>
      </c>
    </row>
    <row r="6018" spans="1:10" x14ac:dyDescent="0.35">
      <c r="A6018" t="s">
        <v>33</v>
      </c>
      <c r="B6018" t="s">
        <v>39</v>
      </c>
      <c r="C6018" t="s">
        <v>117</v>
      </c>
      <c r="D6018" t="s">
        <v>118</v>
      </c>
      <c r="E6018">
        <v>2012</v>
      </c>
      <c r="F6018">
        <v>2012</v>
      </c>
      <c r="G6018" t="s">
        <v>14</v>
      </c>
      <c r="H6018" t="s">
        <v>123</v>
      </c>
      <c r="I6018" t="s">
        <v>15</v>
      </c>
      <c r="J6018" s="10">
        <v>15.19649678</v>
      </c>
    </row>
    <row r="6019" spans="1:10" x14ac:dyDescent="0.35">
      <c r="A6019" t="s">
        <v>33</v>
      </c>
      <c r="B6019" t="s">
        <v>39</v>
      </c>
      <c r="C6019" t="s">
        <v>117</v>
      </c>
      <c r="D6019" t="s">
        <v>118</v>
      </c>
      <c r="E6019">
        <v>2012</v>
      </c>
      <c r="F6019">
        <v>2012</v>
      </c>
      <c r="G6019" t="s">
        <v>14</v>
      </c>
      <c r="H6019" t="s">
        <v>124</v>
      </c>
      <c r="I6019" t="s">
        <v>15</v>
      </c>
      <c r="J6019" s="10">
        <v>1.9586720200000001</v>
      </c>
    </row>
    <row r="6020" spans="1:10" x14ac:dyDescent="0.35">
      <c r="A6020" t="s">
        <v>33</v>
      </c>
      <c r="B6020" t="s">
        <v>39</v>
      </c>
      <c r="C6020" t="s">
        <v>117</v>
      </c>
      <c r="D6020" t="s">
        <v>118</v>
      </c>
      <c r="E6020">
        <v>2012</v>
      </c>
      <c r="F6020">
        <v>2012</v>
      </c>
      <c r="G6020" t="s">
        <v>125</v>
      </c>
      <c r="H6020" t="s">
        <v>119</v>
      </c>
      <c r="I6020" t="s">
        <v>15</v>
      </c>
      <c r="J6020" s="10">
        <v>19.42281264</v>
      </c>
    </row>
    <row r="6021" spans="1:10" x14ac:dyDescent="0.35">
      <c r="A6021" t="s">
        <v>33</v>
      </c>
      <c r="B6021" t="s">
        <v>39</v>
      </c>
      <c r="C6021" t="s">
        <v>117</v>
      </c>
      <c r="D6021" t="s">
        <v>118</v>
      </c>
      <c r="E6021">
        <v>2012</v>
      </c>
      <c r="F6021">
        <v>2012</v>
      </c>
      <c r="G6021" t="s">
        <v>125</v>
      </c>
      <c r="H6021" t="s">
        <v>120</v>
      </c>
      <c r="I6021" t="s">
        <v>15</v>
      </c>
      <c r="J6021" s="10">
        <v>10.93964727</v>
      </c>
    </row>
    <row r="6022" spans="1:10" x14ac:dyDescent="0.35">
      <c r="A6022" t="s">
        <v>33</v>
      </c>
      <c r="B6022" t="s">
        <v>39</v>
      </c>
      <c r="C6022" t="s">
        <v>117</v>
      </c>
      <c r="D6022" t="s">
        <v>118</v>
      </c>
      <c r="E6022">
        <v>2012</v>
      </c>
      <c r="F6022">
        <v>2012</v>
      </c>
      <c r="G6022" t="s">
        <v>125</v>
      </c>
      <c r="H6022" t="s">
        <v>121</v>
      </c>
      <c r="I6022" t="s">
        <v>15</v>
      </c>
      <c r="J6022" s="10">
        <v>33.4774393</v>
      </c>
    </row>
    <row r="6023" spans="1:10" x14ac:dyDescent="0.35">
      <c r="A6023" t="s">
        <v>33</v>
      </c>
      <c r="B6023" t="s">
        <v>39</v>
      </c>
      <c r="C6023" t="s">
        <v>117</v>
      </c>
      <c r="D6023" t="s">
        <v>118</v>
      </c>
      <c r="E6023">
        <v>2012</v>
      </c>
      <c r="F6023">
        <v>2012</v>
      </c>
      <c r="G6023" t="s">
        <v>125</v>
      </c>
      <c r="H6023" t="s">
        <v>122</v>
      </c>
      <c r="I6023" t="s">
        <v>15</v>
      </c>
      <c r="J6023" s="10">
        <v>20.559436560000002</v>
      </c>
    </row>
    <row r="6024" spans="1:10" x14ac:dyDescent="0.35">
      <c r="A6024" t="s">
        <v>33</v>
      </c>
      <c r="B6024" t="s">
        <v>39</v>
      </c>
      <c r="C6024" t="s">
        <v>117</v>
      </c>
      <c r="D6024" t="s">
        <v>118</v>
      </c>
      <c r="E6024">
        <v>2012</v>
      </c>
      <c r="F6024">
        <v>2012</v>
      </c>
      <c r="G6024" t="s">
        <v>125</v>
      </c>
      <c r="H6024" t="s">
        <v>123</v>
      </c>
      <c r="I6024" t="s">
        <v>15</v>
      </c>
      <c r="J6024" s="10">
        <v>14.266491070000001</v>
      </c>
    </row>
    <row r="6025" spans="1:10" x14ac:dyDescent="0.35">
      <c r="A6025" t="s">
        <v>33</v>
      </c>
      <c r="B6025" t="s">
        <v>39</v>
      </c>
      <c r="C6025" t="s">
        <v>117</v>
      </c>
      <c r="D6025" t="s">
        <v>118</v>
      </c>
      <c r="E6025">
        <v>2012</v>
      </c>
      <c r="F6025">
        <v>2012</v>
      </c>
      <c r="G6025" t="s">
        <v>125</v>
      </c>
      <c r="H6025" t="s">
        <v>124</v>
      </c>
      <c r="I6025" t="s">
        <v>15</v>
      </c>
      <c r="J6025" s="10">
        <v>1.3341731560000001</v>
      </c>
    </row>
    <row r="6026" spans="1:10" x14ac:dyDescent="0.35">
      <c r="A6026" t="s">
        <v>33</v>
      </c>
      <c r="B6026" t="s">
        <v>39</v>
      </c>
      <c r="C6026" t="s">
        <v>117</v>
      </c>
      <c r="D6026" t="s">
        <v>118</v>
      </c>
      <c r="E6026">
        <v>2012</v>
      </c>
      <c r="F6026">
        <v>2012</v>
      </c>
      <c r="G6026" t="s">
        <v>126</v>
      </c>
      <c r="H6026" t="s">
        <v>119</v>
      </c>
      <c r="I6026" t="s">
        <v>15</v>
      </c>
      <c r="J6026" s="10">
        <v>17.740567460000001</v>
      </c>
    </row>
    <row r="6027" spans="1:10" x14ac:dyDescent="0.35">
      <c r="A6027" t="s">
        <v>33</v>
      </c>
      <c r="B6027" t="s">
        <v>39</v>
      </c>
      <c r="C6027" t="s">
        <v>117</v>
      </c>
      <c r="D6027" t="s">
        <v>118</v>
      </c>
      <c r="E6027">
        <v>2012</v>
      </c>
      <c r="F6027">
        <v>2012</v>
      </c>
      <c r="G6027" t="s">
        <v>126</v>
      </c>
      <c r="H6027" t="s">
        <v>120</v>
      </c>
      <c r="I6027" t="s">
        <v>15</v>
      </c>
      <c r="J6027" s="10">
        <v>9.8169580560000007</v>
      </c>
    </row>
    <row r="6028" spans="1:10" x14ac:dyDescent="0.35">
      <c r="A6028" t="s">
        <v>33</v>
      </c>
      <c r="B6028" t="s">
        <v>39</v>
      </c>
      <c r="C6028" t="s">
        <v>117</v>
      </c>
      <c r="D6028" t="s">
        <v>118</v>
      </c>
      <c r="E6028">
        <v>2012</v>
      </c>
      <c r="F6028">
        <v>2012</v>
      </c>
      <c r="G6028" t="s">
        <v>126</v>
      </c>
      <c r="H6028" t="s">
        <v>121</v>
      </c>
      <c r="I6028" t="s">
        <v>15</v>
      </c>
      <c r="J6028" s="10">
        <v>33.787518130000002</v>
      </c>
    </row>
    <row r="6029" spans="1:10" x14ac:dyDescent="0.35">
      <c r="A6029" t="s">
        <v>33</v>
      </c>
      <c r="B6029" t="s">
        <v>39</v>
      </c>
      <c r="C6029" t="s">
        <v>117</v>
      </c>
      <c r="D6029" t="s">
        <v>118</v>
      </c>
      <c r="E6029">
        <v>2012</v>
      </c>
      <c r="F6029">
        <v>2012</v>
      </c>
      <c r="G6029" t="s">
        <v>126</v>
      </c>
      <c r="H6029" t="s">
        <v>122</v>
      </c>
      <c r="I6029" t="s">
        <v>15</v>
      </c>
      <c r="J6029" s="10">
        <v>20.014227479999999</v>
      </c>
    </row>
    <row r="6030" spans="1:10" x14ac:dyDescent="0.35">
      <c r="A6030" t="s">
        <v>33</v>
      </c>
      <c r="B6030" t="s">
        <v>39</v>
      </c>
      <c r="C6030" t="s">
        <v>117</v>
      </c>
      <c r="D6030" t="s">
        <v>118</v>
      </c>
      <c r="E6030">
        <v>2012</v>
      </c>
      <c r="F6030">
        <v>2012</v>
      </c>
      <c r="G6030" t="s">
        <v>126</v>
      </c>
      <c r="H6030" t="s">
        <v>123</v>
      </c>
      <c r="I6030" t="s">
        <v>15</v>
      </c>
      <c r="J6030" s="10">
        <v>16.085255409999998</v>
      </c>
    </row>
    <row r="6031" spans="1:10" x14ac:dyDescent="0.35">
      <c r="A6031" t="s">
        <v>33</v>
      </c>
      <c r="B6031" t="s">
        <v>39</v>
      </c>
      <c r="C6031" t="s">
        <v>117</v>
      </c>
      <c r="D6031" t="s">
        <v>118</v>
      </c>
      <c r="E6031">
        <v>2012</v>
      </c>
      <c r="F6031">
        <v>2012</v>
      </c>
      <c r="G6031" t="s">
        <v>126</v>
      </c>
      <c r="H6031" t="s">
        <v>124</v>
      </c>
      <c r="I6031" t="s">
        <v>15</v>
      </c>
      <c r="J6031" s="10">
        <v>2.5554734739999998</v>
      </c>
    </row>
    <row r="6032" spans="1:10" x14ac:dyDescent="0.35">
      <c r="A6032" t="s">
        <v>33</v>
      </c>
      <c r="B6032" t="s">
        <v>39</v>
      </c>
      <c r="C6032" t="s">
        <v>117</v>
      </c>
      <c r="D6032" t="s">
        <v>118</v>
      </c>
      <c r="E6032">
        <v>2011</v>
      </c>
      <c r="F6032">
        <v>2011</v>
      </c>
      <c r="G6032" t="s">
        <v>14</v>
      </c>
      <c r="H6032" t="s">
        <v>119</v>
      </c>
      <c r="I6032" t="s">
        <v>15</v>
      </c>
      <c r="J6032" s="10">
        <v>18.679995519999999</v>
      </c>
    </row>
    <row r="6033" spans="1:10" x14ac:dyDescent="0.35">
      <c r="A6033" t="s">
        <v>33</v>
      </c>
      <c r="B6033" t="s">
        <v>39</v>
      </c>
      <c r="C6033" t="s">
        <v>117</v>
      </c>
      <c r="D6033" t="s">
        <v>118</v>
      </c>
      <c r="E6033">
        <v>2011</v>
      </c>
      <c r="F6033">
        <v>2011</v>
      </c>
      <c r="G6033" t="s">
        <v>14</v>
      </c>
      <c r="H6033" t="s">
        <v>120</v>
      </c>
      <c r="I6033" t="s">
        <v>15</v>
      </c>
      <c r="J6033" s="10">
        <v>10.42086694</v>
      </c>
    </row>
    <row r="6034" spans="1:10" x14ac:dyDescent="0.35">
      <c r="A6034" t="s">
        <v>33</v>
      </c>
      <c r="B6034" t="s">
        <v>39</v>
      </c>
      <c r="C6034" t="s">
        <v>117</v>
      </c>
      <c r="D6034" t="s">
        <v>118</v>
      </c>
      <c r="E6034">
        <v>2011</v>
      </c>
      <c r="F6034">
        <v>2011</v>
      </c>
      <c r="G6034" t="s">
        <v>14</v>
      </c>
      <c r="H6034" t="s">
        <v>121</v>
      </c>
      <c r="I6034" t="s">
        <v>15</v>
      </c>
      <c r="J6034" s="10">
        <v>33.954973119999998</v>
      </c>
    </row>
    <row r="6035" spans="1:10" x14ac:dyDescent="0.35">
      <c r="A6035" t="s">
        <v>33</v>
      </c>
      <c r="B6035" t="s">
        <v>39</v>
      </c>
      <c r="C6035" t="s">
        <v>117</v>
      </c>
      <c r="D6035" t="s">
        <v>118</v>
      </c>
      <c r="E6035">
        <v>2011</v>
      </c>
      <c r="F6035">
        <v>2011</v>
      </c>
      <c r="G6035" t="s">
        <v>14</v>
      </c>
      <c r="H6035" t="s">
        <v>122</v>
      </c>
      <c r="I6035" t="s">
        <v>15</v>
      </c>
      <c r="J6035" s="10">
        <v>20.44550851</v>
      </c>
    </row>
    <row r="6036" spans="1:10" x14ac:dyDescent="0.35">
      <c r="A6036" t="s">
        <v>33</v>
      </c>
      <c r="B6036" t="s">
        <v>39</v>
      </c>
      <c r="C6036" t="s">
        <v>117</v>
      </c>
      <c r="D6036" t="s">
        <v>118</v>
      </c>
      <c r="E6036">
        <v>2011</v>
      </c>
      <c r="F6036">
        <v>2011</v>
      </c>
      <c r="G6036" t="s">
        <v>14</v>
      </c>
      <c r="H6036" t="s">
        <v>123</v>
      </c>
      <c r="I6036" t="s">
        <v>15</v>
      </c>
      <c r="J6036" s="10">
        <v>14.58193324</v>
      </c>
    </row>
    <row r="6037" spans="1:10" x14ac:dyDescent="0.35">
      <c r="A6037" t="s">
        <v>33</v>
      </c>
      <c r="B6037" t="s">
        <v>39</v>
      </c>
      <c r="C6037" t="s">
        <v>117</v>
      </c>
      <c r="D6037" t="s">
        <v>118</v>
      </c>
      <c r="E6037">
        <v>2011</v>
      </c>
      <c r="F6037">
        <v>2011</v>
      </c>
      <c r="G6037" t="s">
        <v>14</v>
      </c>
      <c r="H6037" t="s">
        <v>124</v>
      </c>
      <c r="I6037" t="s">
        <v>15</v>
      </c>
      <c r="J6037" s="10">
        <v>1.91672267</v>
      </c>
    </row>
    <row r="6038" spans="1:10" x14ac:dyDescent="0.35">
      <c r="A6038" t="s">
        <v>33</v>
      </c>
      <c r="B6038" t="s">
        <v>39</v>
      </c>
      <c r="C6038" t="s">
        <v>117</v>
      </c>
      <c r="D6038" t="s">
        <v>118</v>
      </c>
      <c r="E6038">
        <v>2011</v>
      </c>
      <c r="F6038">
        <v>2011</v>
      </c>
      <c r="G6038" t="s">
        <v>125</v>
      </c>
      <c r="H6038" t="s">
        <v>119</v>
      </c>
      <c r="I6038" t="s">
        <v>15</v>
      </c>
      <c r="J6038" s="10">
        <v>19.572075949999999</v>
      </c>
    </row>
    <row r="6039" spans="1:10" x14ac:dyDescent="0.35">
      <c r="A6039" t="s">
        <v>33</v>
      </c>
      <c r="B6039" t="s">
        <v>39</v>
      </c>
      <c r="C6039" t="s">
        <v>117</v>
      </c>
      <c r="D6039" t="s">
        <v>118</v>
      </c>
      <c r="E6039">
        <v>2011</v>
      </c>
      <c r="F6039">
        <v>2011</v>
      </c>
      <c r="G6039" t="s">
        <v>125</v>
      </c>
      <c r="H6039" t="s">
        <v>120</v>
      </c>
      <c r="I6039" t="s">
        <v>15</v>
      </c>
      <c r="J6039" s="10">
        <v>10.76406815</v>
      </c>
    </row>
    <row r="6040" spans="1:10" x14ac:dyDescent="0.35">
      <c r="A6040" t="s">
        <v>33</v>
      </c>
      <c r="B6040" t="s">
        <v>39</v>
      </c>
      <c r="C6040" t="s">
        <v>117</v>
      </c>
      <c r="D6040" t="s">
        <v>118</v>
      </c>
      <c r="E6040">
        <v>2011</v>
      </c>
      <c r="F6040">
        <v>2011</v>
      </c>
      <c r="G6040" t="s">
        <v>125</v>
      </c>
      <c r="H6040" t="s">
        <v>121</v>
      </c>
      <c r="I6040" t="s">
        <v>15</v>
      </c>
      <c r="J6040" s="10">
        <v>33.901221820000004</v>
      </c>
    </row>
    <row r="6041" spans="1:10" x14ac:dyDescent="0.35">
      <c r="A6041" t="s">
        <v>33</v>
      </c>
      <c r="B6041" t="s">
        <v>39</v>
      </c>
      <c r="C6041" t="s">
        <v>117</v>
      </c>
      <c r="D6041" t="s">
        <v>118</v>
      </c>
      <c r="E6041">
        <v>2011</v>
      </c>
      <c r="F6041">
        <v>2011</v>
      </c>
      <c r="G6041" t="s">
        <v>125</v>
      </c>
      <c r="H6041" t="s">
        <v>122</v>
      </c>
      <c r="I6041" t="s">
        <v>15</v>
      </c>
      <c r="J6041" s="10">
        <v>20.917225949999999</v>
      </c>
    </row>
    <row r="6042" spans="1:10" x14ac:dyDescent="0.35">
      <c r="A6042" t="s">
        <v>33</v>
      </c>
      <c r="B6042" t="s">
        <v>39</v>
      </c>
      <c r="C6042" t="s">
        <v>117</v>
      </c>
      <c r="D6042" t="s">
        <v>118</v>
      </c>
      <c r="E6042">
        <v>2011</v>
      </c>
      <c r="F6042">
        <v>2011</v>
      </c>
      <c r="G6042" t="s">
        <v>125</v>
      </c>
      <c r="H6042" t="s">
        <v>123</v>
      </c>
      <c r="I6042" t="s">
        <v>15</v>
      </c>
      <c r="J6042" s="10">
        <v>13.60924683</v>
      </c>
    </row>
    <row r="6043" spans="1:10" x14ac:dyDescent="0.35">
      <c r="A6043" t="s">
        <v>33</v>
      </c>
      <c r="B6043" t="s">
        <v>39</v>
      </c>
      <c r="C6043" t="s">
        <v>117</v>
      </c>
      <c r="D6043" t="s">
        <v>118</v>
      </c>
      <c r="E6043">
        <v>2011</v>
      </c>
      <c r="F6043">
        <v>2011</v>
      </c>
      <c r="G6043" t="s">
        <v>125</v>
      </c>
      <c r="H6043" t="s">
        <v>124</v>
      </c>
      <c r="I6043" t="s">
        <v>15</v>
      </c>
      <c r="J6043" s="10">
        <v>1.236161303</v>
      </c>
    </row>
    <row r="6044" spans="1:10" x14ac:dyDescent="0.35">
      <c r="A6044" t="s">
        <v>33</v>
      </c>
      <c r="B6044" t="s">
        <v>39</v>
      </c>
      <c r="C6044" t="s">
        <v>117</v>
      </c>
      <c r="D6044" t="s">
        <v>118</v>
      </c>
      <c r="E6044">
        <v>2011</v>
      </c>
      <c r="F6044">
        <v>2011</v>
      </c>
      <c r="G6044" t="s">
        <v>126</v>
      </c>
      <c r="H6044" t="s">
        <v>119</v>
      </c>
      <c r="I6044" t="s">
        <v>15</v>
      </c>
      <c r="J6044" s="10">
        <v>17.829202909999999</v>
      </c>
    </row>
    <row r="6045" spans="1:10" x14ac:dyDescent="0.35">
      <c r="A6045" t="s">
        <v>33</v>
      </c>
      <c r="B6045" t="s">
        <v>39</v>
      </c>
      <c r="C6045" t="s">
        <v>117</v>
      </c>
      <c r="D6045" t="s">
        <v>118</v>
      </c>
      <c r="E6045">
        <v>2011</v>
      </c>
      <c r="F6045">
        <v>2011</v>
      </c>
      <c r="G6045" t="s">
        <v>126</v>
      </c>
      <c r="H6045" t="s">
        <v>120</v>
      </c>
      <c r="I6045" t="s">
        <v>15</v>
      </c>
      <c r="J6045" s="10">
        <v>10.093549980000001</v>
      </c>
    </row>
    <row r="6046" spans="1:10" x14ac:dyDescent="0.35">
      <c r="A6046" t="s">
        <v>33</v>
      </c>
      <c r="B6046" t="s">
        <v>39</v>
      </c>
      <c r="C6046" t="s">
        <v>117</v>
      </c>
      <c r="D6046" t="s">
        <v>118</v>
      </c>
      <c r="E6046">
        <v>2011</v>
      </c>
      <c r="F6046">
        <v>2011</v>
      </c>
      <c r="G6046" t="s">
        <v>126</v>
      </c>
      <c r="H6046" t="s">
        <v>121</v>
      </c>
      <c r="I6046" t="s">
        <v>15</v>
      </c>
      <c r="J6046" s="10">
        <v>34.00623667</v>
      </c>
    </row>
    <row r="6047" spans="1:10" x14ac:dyDescent="0.35">
      <c r="A6047" t="s">
        <v>33</v>
      </c>
      <c r="B6047" t="s">
        <v>39</v>
      </c>
      <c r="C6047" t="s">
        <v>117</v>
      </c>
      <c r="D6047" t="s">
        <v>118</v>
      </c>
      <c r="E6047">
        <v>2011</v>
      </c>
      <c r="F6047">
        <v>2011</v>
      </c>
      <c r="G6047" t="s">
        <v>126</v>
      </c>
      <c r="H6047" t="s">
        <v>122</v>
      </c>
      <c r="I6047" t="s">
        <v>15</v>
      </c>
      <c r="J6047" s="10">
        <v>19.995623389999999</v>
      </c>
    </row>
    <row r="6048" spans="1:10" x14ac:dyDescent="0.35">
      <c r="A6048" t="s">
        <v>33</v>
      </c>
      <c r="B6048" t="s">
        <v>39</v>
      </c>
      <c r="C6048" t="s">
        <v>117</v>
      </c>
      <c r="D6048" t="s">
        <v>118</v>
      </c>
      <c r="E6048">
        <v>2011</v>
      </c>
      <c r="F6048">
        <v>2011</v>
      </c>
      <c r="G6048" t="s">
        <v>126</v>
      </c>
      <c r="H6048" t="s">
        <v>123</v>
      </c>
      <c r="I6048" t="s">
        <v>15</v>
      </c>
      <c r="J6048" s="10">
        <v>15.509601180000001</v>
      </c>
    </row>
    <row r="6049" spans="1:10" x14ac:dyDescent="0.35">
      <c r="A6049" t="s">
        <v>33</v>
      </c>
      <c r="B6049" t="s">
        <v>39</v>
      </c>
      <c r="C6049" t="s">
        <v>117</v>
      </c>
      <c r="D6049" t="s">
        <v>118</v>
      </c>
      <c r="E6049">
        <v>2011</v>
      </c>
      <c r="F6049">
        <v>2011</v>
      </c>
      <c r="G6049" t="s">
        <v>126</v>
      </c>
      <c r="H6049" t="s">
        <v>124</v>
      </c>
      <c r="I6049" t="s">
        <v>15</v>
      </c>
      <c r="J6049" s="10">
        <v>2.565785875</v>
      </c>
    </row>
    <row r="6050" spans="1:10" x14ac:dyDescent="0.35">
      <c r="A6050" t="s">
        <v>20</v>
      </c>
      <c r="B6050" t="s">
        <v>40</v>
      </c>
      <c r="C6050" t="s">
        <v>117</v>
      </c>
      <c r="D6050" t="s">
        <v>118</v>
      </c>
      <c r="E6050">
        <v>2020</v>
      </c>
      <c r="F6050">
        <v>2020</v>
      </c>
      <c r="G6050" t="s">
        <v>14</v>
      </c>
      <c r="H6050" t="s">
        <v>119</v>
      </c>
      <c r="I6050" t="s">
        <v>15</v>
      </c>
      <c r="J6050" s="10">
        <v>17.741784330000002</v>
      </c>
    </row>
    <row r="6051" spans="1:10" x14ac:dyDescent="0.35">
      <c r="A6051" t="s">
        <v>20</v>
      </c>
      <c r="B6051" t="s">
        <v>40</v>
      </c>
      <c r="C6051" t="s">
        <v>117</v>
      </c>
      <c r="D6051" t="s">
        <v>118</v>
      </c>
      <c r="E6051">
        <v>2020</v>
      </c>
      <c r="F6051">
        <v>2020</v>
      </c>
      <c r="G6051" t="s">
        <v>14</v>
      </c>
      <c r="H6051" t="s">
        <v>120</v>
      </c>
      <c r="I6051" t="s">
        <v>15</v>
      </c>
      <c r="J6051" s="10">
        <v>10.88654255</v>
      </c>
    </row>
    <row r="6052" spans="1:10" x14ac:dyDescent="0.35">
      <c r="A6052" t="s">
        <v>20</v>
      </c>
      <c r="B6052" t="s">
        <v>40</v>
      </c>
      <c r="C6052" t="s">
        <v>117</v>
      </c>
      <c r="D6052" t="s">
        <v>118</v>
      </c>
      <c r="E6052">
        <v>2020</v>
      </c>
      <c r="F6052">
        <v>2020</v>
      </c>
      <c r="G6052" t="s">
        <v>14</v>
      </c>
      <c r="H6052" t="s">
        <v>121</v>
      </c>
      <c r="I6052" t="s">
        <v>15</v>
      </c>
      <c r="J6052" s="10">
        <v>30.744720730000001</v>
      </c>
    </row>
    <row r="6053" spans="1:10" x14ac:dyDescent="0.35">
      <c r="A6053" t="s">
        <v>20</v>
      </c>
      <c r="B6053" t="s">
        <v>40</v>
      </c>
      <c r="C6053" t="s">
        <v>117</v>
      </c>
      <c r="D6053" t="s">
        <v>118</v>
      </c>
      <c r="E6053">
        <v>2020</v>
      </c>
      <c r="F6053">
        <v>2020</v>
      </c>
      <c r="G6053" t="s">
        <v>14</v>
      </c>
      <c r="H6053" t="s">
        <v>122</v>
      </c>
      <c r="I6053" t="s">
        <v>15</v>
      </c>
      <c r="J6053" s="10">
        <v>21.72154192</v>
      </c>
    </row>
    <row r="6054" spans="1:10" x14ac:dyDescent="0.35">
      <c r="A6054" t="s">
        <v>20</v>
      </c>
      <c r="B6054" t="s">
        <v>40</v>
      </c>
      <c r="C6054" t="s">
        <v>117</v>
      </c>
      <c r="D6054" t="s">
        <v>118</v>
      </c>
      <c r="E6054">
        <v>2020</v>
      </c>
      <c r="F6054">
        <v>2020</v>
      </c>
      <c r="G6054" t="s">
        <v>14</v>
      </c>
      <c r="H6054" t="s">
        <v>123</v>
      </c>
      <c r="I6054" t="s">
        <v>15</v>
      </c>
      <c r="J6054" s="10">
        <v>17.173247530000001</v>
      </c>
    </row>
    <row r="6055" spans="1:10" x14ac:dyDescent="0.35">
      <c r="A6055" t="s">
        <v>20</v>
      </c>
      <c r="B6055" t="s">
        <v>40</v>
      </c>
      <c r="C6055" t="s">
        <v>117</v>
      </c>
      <c r="D6055" t="s">
        <v>118</v>
      </c>
      <c r="E6055">
        <v>2020</v>
      </c>
      <c r="F6055">
        <v>2020</v>
      </c>
      <c r="G6055" t="s">
        <v>14</v>
      </c>
      <c r="H6055" t="s">
        <v>124</v>
      </c>
      <c r="I6055" t="s">
        <v>15</v>
      </c>
      <c r="J6055" s="10">
        <v>1.732162939</v>
      </c>
    </row>
    <row r="6056" spans="1:10" x14ac:dyDescent="0.35">
      <c r="A6056" t="s">
        <v>20</v>
      </c>
      <c r="B6056" t="s">
        <v>40</v>
      </c>
      <c r="C6056" t="s">
        <v>117</v>
      </c>
      <c r="D6056" t="s">
        <v>118</v>
      </c>
      <c r="E6056">
        <v>2020</v>
      </c>
      <c r="F6056">
        <v>2020</v>
      </c>
      <c r="G6056" t="s">
        <v>125</v>
      </c>
      <c r="H6056" t="s">
        <v>119</v>
      </c>
      <c r="I6056" t="s">
        <v>15</v>
      </c>
      <c r="J6056" s="10">
        <v>18.886466429999999</v>
      </c>
    </row>
    <row r="6057" spans="1:10" x14ac:dyDescent="0.35">
      <c r="A6057" t="s">
        <v>20</v>
      </c>
      <c r="B6057" t="s">
        <v>40</v>
      </c>
      <c r="C6057" t="s">
        <v>117</v>
      </c>
      <c r="D6057" t="s">
        <v>118</v>
      </c>
      <c r="E6057">
        <v>2020</v>
      </c>
      <c r="F6057">
        <v>2020</v>
      </c>
      <c r="G6057" t="s">
        <v>125</v>
      </c>
      <c r="H6057" t="s">
        <v>120</v>
      </c>
      <c r="I6057" t="s">
        <v>15</v>
      </c>
      <c r="J6057" s="10">
        <v>11.639712340000001</v>
      </c>
    </row>
    <row r="6058" spans="1:10" x14ac:dyDescent="0.35">
      <c r="A6058" t="s">
        <v>20</v>
      </c>
      <c r="B6058" t="s">
        <v>40</v>
      </c>
      <c r="C6058" t="s">
        <v>117</v>
      </c>
      <c r="D6058" t="s">
        <v>118</v>
      </c>
      <c r="E6058">
        <v>2020</v>
      </c>
      <c r="F6058">
        <v>2020</v>
      </c>
      <c r="G6058" t="s">
        <v>125</v>
      </c>
      <c r="H6058" t="s">
        <v>121</v>
      </c>
      <c r="I6058" t="s">
        <v>15</v>
      </c>
      <c r="J6058" s="10">
        <v>31.141192929999999</v>
      </c>
    </row>
    <row r="6059" spans="1:10" x14ac:dyDescent="0.35">
      <c r="A6059" t="s">
        <v>20</v>
      </c>
      <c r="B6059" t="s">
        <v>40</v>
      </c>
      <c r="C6059" t="s">
        <v>117</v>
      </c>
      <c r="D6059" t="s">
        <v>118</v>
      </c>
      <c r="E6059">
        <v>2020</v>
      </c>
      <c r="F6059">
        <v>2020</v>
      </c>
      <c r="G6059" t="s">
        <v>125</v>
      </c>
      <c r="H6059" t="s">
        <v>122</v>
      </c>
      <c r="I6059" t="s">
        <v>15</v>
      </c>
      <c r="J6059" s="10">
        <v>21.216361330000002</v>
      </c>
    </row>
    <row r="6060" spans="1:10" x14ac:dyDescent="0.35">
      <c r="A6060" t="s">
        <v>20</v>
      </c>
      <c r="B6060" t="s">
        <v>40</v>
      </c>
      <c r="C6060" t="s">
        <v>117</v>
      </c>
      <c r="D6060" t="s">
        <v>118</v>
      </c>
      <c r="E6060">
        <v>2020</v>
      </c>
      <c r="F6060">
        <v>2020</v>
      </c>
      <c r="G6060" t="s">
        <v>125</v>
      </c>
      <c r="H6060" t="s">
        <v>123</v>
      </c>
      <c r="I6060" t="s">
        <v>15</v>
      </c>
      <c r="J6060" s="10">
        <v>15.720282449999999</v>
      </c>
    </row>
    <row r="6061" spans="1:10" x14ac:dyDescent="0.35">
      <c r="A6061" t="s">
        <v>20</v>
      </c>
      <c r="B6061" t="s">
        <v>40</v>
      </c>
      <c r="C6061" t="s">
        <v>117</v>
      </c>
      <c r="D6061" t="s">
        <v>118</v>
      </c>
      <c r="E6061">
        <v>2020</v>
      </c>
      <c r="F6061">
        <v>2020</v>
      </c>
      <c r="G6061" t="s">
        <v>125</v>
      </c>
      <c r="H6061" t="s">
        <v>124</v>
      </c>
      <c r="I6061" t="s">
        <v>15</v>
      </c>
      <c r="J6061" s="10">
        <v>1.395984511</v>
      </c>
    </row>
    <row r="6062" spans="1:10" x14ac:dyDescent="0.35">
      <c r="A6062" t="s">
        <v>20</v>
      </c>
      <c r="B6062" t="s">
        <v>40</v>
      </c>
      <c r="C6062" t="s">
        <v>117</v>
      </c>
      <c r="D6062" t="s">
        <v>118</v>
      </c>
      <c r="E6062">
        <v>2020</v>
      </c>
      <c r="F6062">
        <v>2020</v>
      </c>
      <c r="G6062" t="s">
        <v>126</v>
      </c>
      <c r="H6062" t="s">
        <v>119</v>
      </c>
      <c r="I6062" t="s">
        <v>15</v>
      </c>
      <c r="J6062" s="10">
        <v>16.685189080000001</v>
      </c>
    </row>
    <row r="6063" spans="1:10" x14ac:dyDescent="0.35">
      <c r="A6063" t="s">
        <v>20</v>
      </c>
      <c r="B6063" t="s">
        <v>40</v>
      </c>
      <c r="C6063" t="s">
        <v>117</v>
      </c>
      <c r="D6063" t="s">
        <v>118</v>
      </c>
      <c r="E6063">
        <v>2020</v>
      </c>
      <c r="F6063">
        <v>2020</v>
      </c>
      <c r="G6063" t="s">
        <v>126</v>
      </c>
      <c r="H6063" t="s">
        <v>120</v>
      </c>
      <c r="I6063" t="s">
        <v>15</v>
      </c>
      <c r="J6063" s="10">
        <v>10.191331509999999</v>
      </c>
    </row>
    <row r="6064" spans="1:10" x14ac:dyDescent="0.35">
      <c r="A6064" t="s">
        <v>20</v>
      </c>
      <c r="B6064" t="s">
        <v>40</v>
      </c>
      <c r="C6064" t="s">
        <v>117</v>
      </c>
      <c r="D6064" t="s">
        <v>118</v>
      </c>
      <c r="E6064">
        <v>2020</v>
      </c>
      <c r="F6064">
        <v>2020</v>
      </c>
      <c r="G6064" t="s">
        <v>126</v>
      </c>
      <c r="H6064" t="s">
        <v>121</v>
      </c>
      <c r="I6064" t="s">
        <v>15</v>
      </c>
      <c r="J6064" s="10">
        <v>30.378758300000001</v>
      </c>
    </row>
    <row r="6065" spans="1:10" x14ac:dyDescent="0.35">
      <c r="A6065" t="s">
        <v>20</v>
      </c>
      <c r="B6065" t="s">
        <v>40</v>
      </c>
      <c r="C6065" t="s">
        <v>117</v>
      </c>
      <c r="D6065" t="s">
        <v>118</v>
      </c>
      <c r="E6065">
        <v>2020</v>
      </c>
      <c r="F6065">
        <v>2020</v>
      </c>
      <c r="G6065" t="s">
        <v>126</v>
      </c>
      <c r="H6065" t="s">
        <v>122</v>
      </c>
      <c r="I6065" t="s">
        <v>15</v>
      </c>
      <c r="J6065" s="10">
        <v>22.187847300000001</v>
      </c>
    </row>
    <row r="6066" spans="1:10" x14ac:dyDescent="0.35">
      <c r="A6066" t="s">
        <v>20</v>
      </c>
      <c r="B6066" t="s">
        <v>40</v>
      </c>
      <c r="C6066" t="s">
        <v>117</v>
      </c>
      <c r="D6066" t="s">
        <v>118</v>
      </c>
      <c r="E6066">
        <v>2020</v>
      </c>
      <c r="F6066">
        <v>2020</v>
      </c>
      <c r="G6066" t="s">
        <v>126</v>
      </c>
      <c r="H6066" t="s">
        <v>123</v>
      </c>
      <c r="I6066" t="s">
        <v>15</v>
      </c>
      <c r="J6066" s="10">
        <v>18.514402430000001</v>
      </c>
    </row>
    <row r="6067" spans="1:10" x14ac:dyDescent="0.35">
      <c r="A6067" t="s">
        <v>20</v>
      </c>
      <c r="B6067" t="s">
        <v>40</v>
      </c>
      <c r="C6067" t="s">
        <v>117</v>
      </c>
      <c r="D6067" t="s">
        <v>118</v>
      </c>
      <c r="E6067">
        <v>2020</v>
      </c>
      <c r="F6067">
        <v>2020</v>
      </c>
      <c r="G6067" t="s">
        <v>126</v>
      </c>
      <c r="H6067" t="s">
        <v>124</v>
      </c>
      <c r="I6067" t="s">
        <v>15</v>
      </c>
      <c r="J6067" s="10">
        <v>2.0424713900000002</v>
      </c>
    </row>
    <row r="6068" spans="1:10" x14ac:dyDescent="0.35">
      <c r="A6068" t="s">
        <v>20</v>
      </c>
      <c r="B6068" t="s">
        <v>40</v>
      </c>
      <c r="C6068" t="s">
        <v>117</v>
      </c>
      <c r="D6068" t="s">
        <v>118</v>
      </c>
      <c r="E6068">
        <v>2019</v>
      </c>
      <c r="F6068">
        <v>2019</v>
      </c>
      <c r="G6068" t="s">
        <v>14</v>
      </c>
      <c r="H6068" t="s">
        <v>119</v>
      </c>
      <c r="I6068" t="s">
        <v>15</v>
      </c>
      <c r="J6068" s="10">
        <v>17.895097700000001</v>
      </c>
    </row>
    <row r="6069" spans="1:10" x14ac:dyDescent="0.35">
      <c r="A6069" t="s">
        <v>20</v>
      </c>
      <c r="B6069" t="s">
        <v>40</v>
      </c>
      <c r="C6069" t="s">
        <v>117</v>
      </c>
      <c r="D6069" t="s">
        <v>118</v>
      </c>
      <c r="E6069">
        <v>2019</v>
      </c>
      <c r="F6069">
        <v>2019</v>
      </c>
      <c r="G6069" t="s">
        <v>14</v>
      </c>
      <c r="H6069" t="s">
        <v>120</v>
      </c>
      <c r="I6069" t="s">
        <v>15</v>
      </c>
      <c r="J6069" s="10">
        <v>10.91251909</v>
      </c>
    </row>
    <row r="6070" spans="1:10" x14ac:dyDescent="0.35">
      <c r="A6070" t="s">
        <v>20</v>
      </c>
      <c r="B6070" t="s">
        <v>40</v>
      </c>
      <c r="C6070" t="s">
        <v>117</v>
      </c>
      <c r="D6070" t="s">
        <v>118</v>
      </c>
      <c r="E6070">
        <v>2019</v>
      </c>
      <c r="F6070">
        <v>2019</v>
      </c>
      <c r="G6070" t="s">
        <v>14</v>
      </c>
      <c r="H6070" t="s">
        <v>121</v>
      </c>
      <c r="I6070" t="s">
        <v>15</v>
      </c>
      <c r="J6070" s="10">
        <v>30.978277810000002</v>
      </c>
    </row>
    <row r="6071" spans="1:10" x14ac:dyDescent="0.35">
      <c r="A6071" t="s">
        <v>20</v>
      </c>
      <c r="B6071" t="s">
        <v>40</v>
      </c>
      <c r="C6071" t="s">
        <v>117</v>
      </c>
      <c r="D6071" t="s">
        <v>118</v>
      </c>
      <c r="E6071">
        <v>2019</v>
      </c>
      <c r="F6071">
        <v>2019</v>
      </c>
      <c r="G6071" t="s">
        <v>14</v>
      </c>
      <c r="H6071" t="s">
        <v>122</v>
      </c>
      <c r="I6071" t="s">
        <v>15</v>
      </c>
      <c r="J6071" s="10">
        <v>21.599089970000001</v>
      </c>
    </row>
    <row r="6072" spans="1:10" x14ac:dyDescent="0.35">
      <c r="A6072" t="s">
        <v>20</v>
      </c>
      <c r="B6072" t="s">
        <v>40</v>
      </c>
      <c r="C6072" t="s">
        <v>117</v>
      </c>
      <c r="D6072" t="s">
        <v>118</v>
      </c>
      <c r="E6072">
        <v>2019</v>
      </c>
      <c r="F6072">
        <v>2019</v>
      </c>
      <c r="G6072" t="s">
        <v>14</v>
      </c>
      <c r="H6072" t="s">
        <v>123</v>
      </c>
      <c r="I6072" t="s">
        <v>15</v>
      </c>
      <c r="J6072" s="10">
        <v>16.946115249999998</v>
      </c>
    </row>
    <row r="6073" spans="1:10" x14ac:dyDescent="0.35">
      <c r="A6073" t="s">
        <v>20</v>
      </c>
      <c r="B6073" t="s">
        <v>40</v>
      </c>
      <c r="C6073" t="s">
        <v>117</v>
      </c>
      <c r="D6073" t="s">
        <v>118</v>
      </c>
      <c r="E6073">
        <v>2019</v>
      </c>
      <c r="F6073">
        <v>2019</v>
      </c>
      <c r="G6073" t="s">
        <v>14</v>
      </c>
      <c r="H6073" t="s">
        <v>124</v>
      </c>
      <c r="I6073" t="s">
        <v>15</v>
      </c>
      <c r="J6073" s="10">
        <v>1.6689001779999999</v>
      </c>
    </row>
    <row r="6074" spans="1:10" x14ac:dyDescent="0.35">
      <c r="A6074" t="s">
        <v>20</v>
      </c>
      <c r="B6074" t="s">
        <v>40</v>
      </c>
      <c r="C6074" t="s">
        <v>117</v>
      </c>
      <c r="D6074" t="s">
        <v>118</v>
      </c>
      <c r="E6074">
        <v>2019</v>
      </c>
      <c r="F6074">
        <v>2019</v>
      </c>
      <c r="G6074" t="s">
        <v>125</v>
      </c>
      <c r="H6074" t="s">
        <v>119</v>
      </c>
      <c r="I6074" t="s">
        <v>15</v>
      </c>
      <c r="J6074" s="10">
        <v>18.995498850000001</v>
      </c>
    </row>
    <row r="6075" spans="1:10" x14ac:dyDescent="0.35">
      <c r="A6075" t="s">
        <v>20</v>
      </c>
      <c r="B6075" t="s">
        <v>40</v>
      </c>
      <c r="C6075" t="s">
        <v>117</v>
      </c>
      <c r="D6075" t="s">
        <v>118</v>
      </c>
      <c r="E6075">
        <v>2019</v>
      </c>
      <c r="F6075">
        <v>2019</v>
      </c>
      <c r="G6075" t="s">
        <v>125</v>
      </c>
      <c r="H6075" t="s">
        <v>120</v>
      </c>
      <c r="I6075" t="s">
        <v>15</v>
      </c>
      <c r="J6075" s="10">
        <v>11.83251838</v>
      </c>
    </row>
    <row r="6076" spans="1:10" x14ac:dyDescent="0.35">
      <c r="A6076" t="s">
        <v>20</v>
      </c>
      <c r="B6076" t="s">
        <v>40</v>
      </c>
      <c r="C6076" t="s">
        <v>117</v>
      </c>
      <c r="D6076" t="s">
        <v>118</v>
      </c>
      <c r="E6076">
        <v>2019</v>
      </c>
      <c r="F6076">
        <v>2019</v>
      </c>
      <c r="G6076" t="s">
        <v>125</v>
      </c>
      <c r="H6076" t="s">
        <v>121</v>
      </c>
      <c r="I6076" t="s">
        <v>15</v>
      </c>
      <c r="J6076" s="10">
        <v>31.187461549999998</v>
      </c>
    </row>
    <row r="6077" spans="1:10" x14ac:dyDescent="0.35">
      <c r="A6077" t="s">
        <v>20</v>
      </c>
      <c r="B6077" t="s">
        <v>40</v>
      </c>
      <c r="C6077" t="s">
        <v>117</v>
      </c>
      <c r="D6077" t="s">
        <v>118</v>
      </c>
      <c r="E6077">
        <v>2019</v>
      </c>
      <c r="F6077">
        <v>2019</v>
      </c>
      <c r="G6077" t="s">
        <v>125</v>
      </c>
      <c r="H6077" t="s">
        <v>122</v>
      </c>
      <c r="I6077" t="s">
        <v>15</v>
      </c>
      <c r="J6077" s="10">
        <v>21.09387649</v>
      </c>
    </row>
    <row r="6078" spans="1:10" x14ac:dyDescent="0.35">
      <c r="A6078" t="s">
        <v>20</v>
      </c>
      <c r="B6078" t="s">
        <v>40</v>
      </c>
      <c r="C6078" t="s">
        <v>117</v>
      </c>
      <c r="D6078" t="s">
        <v>118</v>
      </c>
      <c r="E6078">
        <v>2019</v>
      </c>
      <c r="F6078">
        <v>2019</v>
      </c>
      <c r="G6078" t="s">
        <v>125</v>
      </c>
      <c r="H6078" t="s">
        <v>123</v>
      </c>
      <c r="I6078" t="s">
        <v>15</v>
      </c>
      <c r="J6078" s="10">
        <v>15.55001457</v>
      </c>
    </row>
    <row r="6079" spans="1:10" x14ac:dyDescent="0.35">
      <c r="A6079" t="s">
        <v>20</v>
      </c>
      <c r="B6079" t="s">
        <v>40</v>
      </c>
      <c r="C6079" t="s">
        <v>117</v>
      </c>
      <c r="D6079" t="s">
        <v>118</v>
      </c>
      <c r="E6079">
        <v>2019</v>
      </c>
      <c r="F6079">
        <v>2019</v>
      </c>
      <c r="G6079" t="s">
        <v>125</v>
      </c>
      <c r="H6079" t="s">
        <v>124</v>
      </c>
      <c r="I6079" t="s">
        <v>15</v>
      </c>
      <c r="J6079" s="10">
        <v>1.340630161</v>
      </c>
    </row>
    <row r="6080" spans="1:10" x14ac:dyDescent="0.35">
      <c r="A6080" t="s">
        <v>20</v>
      </c>
      <c r="B6080" t="s">
        <v>40</v>
      </c>
      <c r="C6080" t="s">
        <v>117</v>
      </c>
      <c r="D6080" t="s">
        <v>118</v>
      </c>
      <c r="E6080">
        <v>2019</v>
      </c>
      <c r="F6080">
        <v>2019</v>
      </c>
      <c r="G6080" t="s">
        <v>126</v>
      </c>
      <c r="H6080" t="s">
        <v>119</v>
      </c>
      <c r="I6080" t="s">
        <v>15</v>
      </c>
      <c r="J6080" s="10">
        <v>16.874418049999999</v>
      </c>
    </row>
    <row r="6081" spans="1:10" x14ac:dyDescent="0.35">
      <c r="A6081" t="s">
        <v>20</v>
      </c>
      <c r="B6081" t="s">
        <v>40</v>
      </c>
      <c r="C6081" t="s">
        <v>117</v>
      </c>
      <c r="D6081" t="s">
        <v>118</v>
      </c>
      <c r="E6081">
        <v>2019</v>
      </c>
      <c r="F6081">
        <v>2019</v>
      </c>
      <c r="G6081" t="s">
        <v>126</v>
      </c>
      <c r="H6081" t="s">
        <v>120</v>
      </c>
      <c r="I6081" t="s">
        <v>15</v>
      </c>
      <c r="J6081" s="10">
        <v>10.059171600000001</v>
      </c>
    </row>
    <row r="6082" spans="1:10" x14ac:dyDescent="0.35">
      <c r="A6082" t="s">
        <v>20</v>
      </c>
      <c r="B6082" t="s">
        <v>40</v>
      </c>
      <c r="C6082" t="s">
        <v>117</v>
      </c>
      <c r="D6082" t="s">
        <v>118</v>
      </c>
      <c r="E6082">
        <v>2019</v>
      </c>
      <c r="F6082">
        <v>2019</v>
      </c>
      <c r="G6082" t="s">
        <v>126</v>
      </c>
      <c r="H6082" t="s">
        <v>121</v>
      </c>
      <c r="I6082" t="s">
        <v>15</v>
      </c>
      <c r="J6082" s="10">
        <v>30.784248940000001</v>
      </c>
    </row>
    <row r="6083" spans="1:10" x14ac:dyDescent="0.35">
      <c r="A6083" t="s">
        <v>20</v>
      </c>
      <c r="B6083" t="s">
        <v>40</v>
      </c>
      <c r="C6083" t="s">
        <v>117</v>
      </c>
      <c r="D6083" t="s">
        <v>118</v>
      </c>
      <c r="E6083">
        <v>2019</v>
      </c>
      <c r="F6083">
        <v>2019</v>
      </c>
      <c r="G6083" t="s">
        <v>126</v>
      </c>
      <c r="H6083" t="s">
        <v>122</v>
      </c>
      <c r="I6083" t="s">
        <v>15</v>
      </c>
      <c r="J6083" s="10">
        <v>22.067701920000001</v>
      </c>
    </row>
    <row r="6084" spans="1:10" x14ac:dyDescent="0.35">
      <c r="A6084" t="s">
        <v>20</v>
      </c>
      <c r="B6084" t="s">
        <v>40</v>
      </c>
      <c r="C6084" t="s">
        <v>117</v>
      </c>
      <c r="D6084" t="s">
        <v>118</v>
      </c>
      <c r="E6084">
        <v>2019</v>
      </c>
      <c r="F6084">
        <v>2019</v>
      </c>
      <c r="G6084" t="s">
        <v>126</v>
      </c>
      <c r="H6084" t="s">
        <v>123</v>
      </c>
      <c r="I6084" t="s">
        <v>15</v>
      </c>
      <c r="J6084" s="10">
        <v>18.241071699999999</v>
      </c>
    </row>
    <row r="6085" spans="1:10" x14ac:dyDescent="0.35">
      <c r="A6085" t="s">
        <v>20</v>
      </c>
      <c r="B6085" t="s">
        <v>40</v>
      </c>
      <c r="C6085" t="s">
        <v>117</v>
      </c>
      <c r="D6085" t="s">
        <v>118</v>
      </c>
      <c r="E6085">
        <v>2019</v>
      </c>
      <c r="F6085">
        <v>2019</v>
      </c>
      <c r="G6085" t="s">
        <v>126</v>
      </c>
      <c r="H6085" t="s">
        <v>124</v>
      </c>
      <c r="I6085" t="s">
        <v>15</v>
      </c>
      <c r="J6085" s="10">
        <v>1.9733877989999999</v>
      </c>
    </row>
    <row r="6086" spans="1:10" x14ac:dyDescent="0.35">
      <c r="A6086" t="s">
        <v>20</v>
      </c>
      <c r="B6086" t="s">
        <v>40</v>
      </c>
      <c r="C6086" t="s">
        <v>117</v>
      </c>
      <c r="D6086" t="s">
        <v>118</v>
      </c>
      <c r="E6086">
        <v>2018</v>
      </c>
      <c r="F6086">
        <v>2018</v>
      </c>
      <c r="G6086" t="s">
        <v>14</v>
      </c>
      <c r="H6086" t="s">
        <v>119</v>
      </c>
      <c r="I6086" t="s">
        <v>15</v>
      </c>
      <c r="J6086" s="10">
        <v>18.127545789999999</v>
      </c>
    </row>
    <row r="6087" spans="1:10" x14ac:dyDescent="0.35">
      <c r="A6087" t="s">
        <v>20</v>
      </c>
      <c r="B6087" t="s">
        <v>40</v>
      </c>
      <c r="C6087" t="s">
        <v>117</v>
      </c>
      <c r="D6087" t="s">
        <v>118</v>
      </c>
      <c r="E6087">
        <v>2018</v>
      </c>
      <c r="F6087">
        <v>2018</v>
      </c>
      <c r="G6087" t="s">
        <v>14</v>
      </c>
      <c r="H6087" t="s">
        <v>120</v>
      </c>
      <c r="I6087" t="s">
        <v>15</v>
      </c>
      <c r="J6087" s="10">
        <v>11.002456390000001</v>
      </c>
    </row>
    <row r="6088" spans="1:10" x14ac:dyDescent="0.35">
      <c r="A6088" t="s">
        <v>20</v>
      </c>
      <c r="B6088" t="s">
        <v>40</v>
      </c>
      <c r="C6088" t="s">
        <v>117</v>
      </c>
      <c r="D6088" t="s">
        <v>118</v>
      </c>
      <c r="E6088">
        <v>2018</v>
      </c>
      <c r="F6088">
        <v>2018</v>
      </c>
      <c r="G6088" t="s">
        <v>14</v>
      </c>
      <c r="H6088" t="s">
        <v>121</v>
      </c>
      <c r="I6088" t="s">
        <v>15</v>
      </c>
      <c r="J6088" s="10">
        <v>31.29100463</v>
      </c>
    </row>
    <row r="6089" spans="1:10" x14ac:dyDescent="0.35">
      <c r="A6089" t="s">
        <v>20</v>
      </c>
      <c r="B6089" t="s">
        <v>40</v>
      </c>
      <c r="C6089" t="s">
        <v>117</v>
      </c>
      <c r="D6089" t="s">
        <v>118</v>
      </c>
      <c r="E6089">
        <v>2018</v>
      </c>
      <c r="F6089">
        <v>2018</v>
      </c>
      <c r="G6089" t="s">
        <v>14</v>
      </c>
      <c r="H6089" t="s">
        <v>122</v>
      </c>
      <c r="I6089" t="s">
        <v>15</v>
      </c>
      <c r="J6089" s="10">
        <v>21.378377539999999</v>
      </c>
    </row>
    <row r="6090" spans="1:10" x14ac:dyDescent="0.35">
      <c r="A6090" t="s">
        <v>20</v>
      </c>
      <c r="B6090" t="s">
        <v>40</v>
      </c>
      <c r="C6090" t="s">
        <v>117</v>
      </c>
      <c r="D6090" t="s">
        <v>118</v>
      </c>
      <c r="E6090">
        <v>2018</v>
      </c>
      <c r="F6090">
        <v>2018</v>
      </c>
      <c r="G6090" t="s">
        <v>14</v>
      </c>
      <c r="H6090" t="s">
        <v>123</v>
      </c>
      <c r="I6090" t="s">
        <v>15</v>
      </c>
      <c r="J6090" s="10">
        <v>16.599297289999999</v>
      </c>
    </row>
    <row r="6091" spans="1:10" x14ac:dyDescent="0.35">
      <c r="A6091" t="s">
        <v>20</v>
      </c>
      <c r="B6091" t="s">
        <v>40</v>
      </c>
      <c r="C6091" t="s">
        <v>117</v>
      </c>
      <c r="D6091" t="s">
        <v>118</v>
      </c>
      <c r="E6091">
        <v>2018</v>
      </c>
      <c r="F6091">
        <v>2018</v>
      </c>
      <c r="G6091" t="s">
        <v>14</v>
      </c>
      <c r="H6091" t="s">
        <v>124</v>
      </c>
      <c r="I6091" t="s">
        <v>15</v>
      </c>
      <c r="J6091" s="10">
        <v>1.601318367</v>
      </c>
    </row>
    <row r="6092" spans="1:10" x14ac:dyDescent="0.35">
      <c r="A6092" t="s">
        <v>20</v>
      </c>
      <c r="B6092" t="s">
        <v>40</v>
      </c>
      <c r="C6092" t="s">
        <v>117</v>
      </c>
      <c r="D6092" t="s">
        <v>118</v>
      </c>
      <c r="E6092">
        <v>2018</v>
      </c>
      <c r="F6092">
        <v>2018</v>
      </c>
      <c r="G6092" t="s">
        <v>125</v>
      </c>
      <c r="H6092" t="s">
        <v>119</v>
      </c>
      <c r="I6092" t="s">
        <v>15</v>
      </c>
      <c r="J6092" s="10">
        <v>19.292968500000001</v>
      </c>
    </row>
    <row r="6093" spans="1:10" x14ac:dyDescent="0.35">
      <c r="A6093" t="s">
        <v>20</v>
      </c>
      <c r="B6093" t="s">
        <v>40</v>
      </c>
      <c r="C6093" t="s">
        <v>117</v>
      </c>
      <c r="D6093" t="s">
        <v>118</v>
      </c>
      <c r="E6093">
        <v>2018</v>
      </c>
      <c r="F6093">
        <v>2018</v>
      </c>
      <c r="G6093" t="s">
        <v>125</v>
      </c>
      <c r="H6093" t="s">
        <v>120</v>
      </c>
      <c r="I6093" t="s">
        <v>15</v>
      </c>
      <c r="J6093" s="10">
        <v>11.88627984</v>
      </c>
    </row>
    <row r="6094" spans="1:10" x14ac:dyDescent="0.35">
      <c r="A6094" t="s">
        <v>20</v>
      </c>
      <c r="B6094" t="s">
        <v>40</v>
      </c>
      <c r="C6094" t="s">
        <v>117</v>
      </c>
      <c r="D6094" t="s">
        <v>118</v>
      </c>
      <c r="E6094">
        <v>2018</v>
      </c>
      <c r="F6094">
        <v>2018</v>
      </c>
      <c r="G6094" t="s">
        <v>125</v>
      </c>
      <c r="H6094" t="s">
        <v>121</v>
      </c>
      <c r="I6094" t="s">
        <v>15</v>
      </c>
      <c r="J6094" s="10">
        <v>31.399184940000001</v>
      </c>
    </row>
    <row r="6095" spans="1:10" x14ac:dyDescent="0.35">
      <c r="A6095" t="s">
        <v>20</v>
      </c>
      <c r="B6095" t="s">
        <v>40</v>
      </c>
      <c r="C6095" t="s">
        <v>117</v>
      </c>
      <c r="D6095" t="s">
        <v>118</v>
      </c>
      <c r="E6095">
        <v>2018</v>
      </c>
      <c r="F6095">
        <v>2018</v>
      </c>
      <c r="G6095" t="s">
        <v>125</v>
      </c>
      <c r="H6095" t="s">
        <v>122</v>
      </c>
      <c r="I6095" t="s">
        <v>15</v>
      </c>
      <c r="J6095" s="10">
        <v>20.958664859999999</v>
      </c>
    </row>
    <row r="6096" spans="1:10" x14ac:dyDescent="0.35">
      <c r="A6096" t="s">
        <v>20</v>
      </c>
      <c r="B6096" t="s">
        <v>40</v>
      </c>
      <c r="C6096" t="s">
        <v>117</v>
      </c>
      <c r="D6096" t="s">
        <v>118</v>
      </c>
      <c r="E6096">
        <v>2018</v>
      </c>
      <c r="F6096">
        <v>2018</v>
      </c>
      <c r="G6096" t="s">
        <v>125</v>
      </c>
      <c r="H6096" t="s">
        <v>123</v>
      </c>
      <c r="I6096" t="s">
        <v>15</v>
      </c>
      <c r="J6096" s="10">
        <v>15.20473511</v>
      </c>
    </row>
    <row r="6097" spans="1:10" x14ac:dyDescent="0.35">
      <c r="A6097" t="s">
        <v>20</v>
      </c>
      <c r="B6097" t="s">
        <v>40</v>
      </c>
      <c r="C6097" t="s">
        <v>117</v>
      </c>
      <c r="D6097" t="s">
        <v>118</v>
      </c>
      <c r="E6097">
        <v>2018</v>
      </c>
      <c r="F6097">
        <v>2018</v>
      </c>
      <c r="G6097" t="s">
        <v>125</v>
      </c>
      <c r="H6097" t="s">
        <v>124</v>
      </c>
      <c r="I6097" t="s">
        <v>15</v>
      </c>
      <c r="J6097" s="10">
        <v>1.258166764</v>
      </c>
    </row>
    <row r="6098" spans="1:10" x14ac:dyDescent="0.35">
      <c r="A6098" t="s">
        <v>20</v>
      </c>
      <c r="B6098" t="s">
        <v>40</v>
      </c>
      <c r="C6098" t="s">
        <v>117</v>
      </c>
      <c r="D6098" t="s">
        <v>118</v>
      </c>
      <c r="E6098">
        <v>2018</v>
      </c>
      <c r="F6098">
        <v>2018</v>
      </c>
      <c r="G6098" t="s">
        <v>126</v>
      </c>
      <c r="H6098" t="s">
        <v>119</v>
      </c>
      <c r="I6098" t="s">
        <v>15</v>
      </c>
      <c r="J6098" s="10">
        <v>17.04885642</v>
      </c>
    </row>
    <row r="6099" spans="1:10" x14ac:dyDescent="0.35">
      <c r="A6099" t="s">
        <v>20</v>
      </c>
      <c r="B6099" t="s">
        <v>40</v>
      </c>
      <c r="C6099" t="s">
        <v>117</v>
      </c>
      <c r="D6099" t="s">
        <v>118</v>
      </c>
      <c r="E6099">
        <v>2018</v>
      </c>
      <c r="F6099">
        <v>2018</v>
      </c>
      <c r="G6099" t="s">
        <v>126</v>
      </c>
      <c r="H6099" t="s">
        <v>120</v>
      </c>
      <c r="I6099" t="s">
        <v>15</v>
      </c>
      <c r="J6099" s="10">
        <v>10.184409049999999</v>
      </c>
    </row>
    <row r="6100" spans="1:10" x14ac:dyDescent="0.35">
      <c r="A6100" t="s">
        <v>20</v>
      </c>
      <c r="B6100" t="s">
        <v>40</v>
      </c>
      <c r="C6100" t="s">
        <v>117</v>
      </c>
      <c r="D6100" t="s">
        <v>118</v>
      </c>
      <c r="E6100">
        <v>2018</v>
      </c>
      <c r="F6100">
        <v>2018</v>
      </c>
      <c r="G6100" t="s">
        <v>126</v>
      </c>
      <c r="H6100" t="s">
        <v>121</v>
      </c>
      <c r="I6100" t="s">
        <v>15</v>
      </c>
      <c r="J6100" s="10">
        <v>31.190875340000002</v>
      </c>
    </row>
    <row r="6101" spans="1:10" x14ac:dyDescent="0.35">
      <c r="A6101" t="s">
        <v>20</v>
      </c>
      <c r="B6101" t="s">
        <v>40</v>
      </c>
      <c r="C6101" t="s">
        <v>117</v>
      </c>
      <c r="D6101" t="s">
        <v>118</v>
      </c>
      <c r="E6101">
        <v>2018</v>
      </c>
      <c r="F6101">
        <v>2018</v>
      </c>
      <c r="G6101" t="s">
        <v>126</v>
      </c>
      <c r="H6101" t="s">
        <v>122</v>
      </c>
      <c r="I6101" t="s">
        <v>15</v>
      </c>
      <c r="J6101" s="10">
        <v>21.76685427</v>
      </c>
    </row>
    <row r="6102" spans="1:10" x14ac:dyDescent="0.35">
      <c r="A6102" t="s">
        <v>20</v>
      </c>
      <c r="B6102" t="s">
        <v>40</v>
      </c>
      <c r="C6102" t="s">
        <v>117</v>
      </c>
      <c r="D6102" t="s">
        <v>118</v>
      </c>
      <c r="E6102">
        <v>2018</v>
      </c>
      <c r="F6102">
        <v>2018</v>
      </c>
      <c r="G6102" t="s">
        <v>126</v>
      </c>
      <c r="H6102" t="s">
        <v>123</v>
      </c>
      <c r="I6102" t="s">
        <v>15</v>
      </c>
      <c r="J6102" s="10">
        <v>17.890073050000002</v>
      </c>
    </row>
    <row r="6103" spans="1:10" x14ac:dyDescent="0.35">
      <c r="A6103" t="s">
        <v>20</v>
      </c>
      <c r="B6103" t="s">
        <v>40</v>
      </c>
      <c r="C6103" t="s">
        <v>117</v>
      </c>
      <c r="D6103" t="s">
        <v>118</v>
      </c>
      <c r="E6103">
        <v>2018</v>
      </c>
      <c r="F6103">
        <v>2018</v>
      </c>
      <c r="G6103" t="s">
        <v>126</v>
      </c>
      <c r="H6103" t="s">
        <v>124</v>
      </c>
      <c r="I6103" t="s">
        <v>15</v>
      </c>
      <c r="J6103" s="10">
        <v>1.9189318639999999</v>
      </c>
    </row>
    <row r="6104" spans="1:10" x14ac:dyDescent="0.35">
      <c r="A6104" t="s">
        <v>20</v>
      </c>
      <c r="B6104" t="s">
        <v>40</v>
      </c>
      <c r="C6104" t="s">
        <v>117</v>
      </c>
      <c r="D6104" t="s">
        <v>118</v>
      </c>
      <c r="E6104">
        <v>2017</v>
      </c>
      <c r="F6104">
        <v>2017</v>
      </c>
      <c r="G6104" t="s">
        <v>14</v>
      </c>
      <c r="H6104" t="s">
        <v>119</v>
      </c>
      <c r="I6104" t="s">
        <v>15</v>
      </c>
      <c r="J6104" s="10">
        <v>18.14167548</v>
      </c>
    </row>
    <row r="6105" spans="1:10" x14ac:dyDescent="0.35">
      <c r="A6105" t="s">
        <v>20</v>
      </c>
      <c r="B6105" t="s">
        <v>40</v>
      </c>
      <c r="C6105" t="s">
        <v>117</v>
      </c>
      <c r="D6105" t="s">
        <v>118</v>
      </c>
      <c r="E6105">
        <v>2017</v>
      </c>
      <c r="F6105">
        <v>2017</v>
      </c>
      <c r="G6105" t="s">
        <v>14</v>
      </c>
      <c r="H6105" t="s">
        <v>120</v>
      </c>
      <c r="I6105" t="s">
        <v>15</v>
      </c>
      <c r="J6105" s="10">
        <v>11.17295852</v>
      </c>
    </row>
    <row r="6106" spans="1:10" x14ac:dyDescent="0.35">
      <c r="A6106" t="s">
        <v>20</v>
      </c>
      <c r="B6106" t="s">
        <v>40</v>
      </c>
      <c r="C6106" t="s">
        <v>117</v>
      </c>
      <c r="D6106" t="s">
        <v>118</v>
      </c>
      <c r="E6106">
        <v>2017</v>
      </c>
      <c r="F6106">
        <v>2017</v>
      </c>
      <c r="G6106" t="s">
        <v>14</v>
      </c>
      <c r="H6106" t="s">
        <v>121</v>
      </c>
      <c r="I6106" t="s">
        <v>15</v>
      </c>
      <c r="J6106" s="10">
        <v>31.709061510000002</v>
      </c>
    </row>
    <row r="6107" spans="1:10" x14ac:dyDescent="0.35">
      <c r="A6107" t="s">
        <v>20</v>
      </c>
      <c r="B6107" t="s">
        <v>40</v>
      </c>
      <c r="C6107" t="s">
        <v>117</v>
      </c>
      <c r="D6107" t="s">
        <v>118</v>
      </c>
      <c r="E6107">
        <v>2017</v>
      </c>
      <c r="F6107">
        <v>2017</v>
      </c>
      <c r="G6107" t="s">
        <v>14</v>
      </c>
      <c r="H6107" t="s">
        <v>122</v>
      </c>
      <c r="I6107" t="s">
        <v>15</v>
      </c>
      <c r="J6107" s="10">
        <v>21.109832699999998</v>
      </c>
    </row>
    <row r="6108" spans="1:10" x14ac:dyDescent="0.35">
      <c r="A6108" t="s">
        <v>20</v>
      </c>
      <c r="B6108" t="s">
        <v>40</v>
      </c>
      <c r="C6108" t="s">
        <v>117</v>
      </c>
      <c r="D6108" t="s">
        <v>118</v>
      </c>
      <c r="E6108">
        <v>2017</v>
      </c>
      <c r="F6108">
        <v>2017</v>
      </c>
      <c r="G6108" t="s">
        <v>14</v>
      </c>
      <c r="H6108" t="s">
        <v>123</v>
      </c>
      <c r="I6108" t="s">
        <v>15</v>
      </c>
      <c r="J6108" s="10">
        <v>16.33341626</v>
      </c>
    </row>
    <row r="6109" spans="1:10" x14ac:dyDescent="0.35">
      <c r="A6109" t="s">
        <v>20</v>
      </c>
      <c r="B6109" t="s">
        <v>40</v>
      </c>
      <c r="C6109" t="s">
        <v>117</v>
      </c>
      <c r="D6109" t="s">
        <v>118</v>
      </c>
      <c r="E6109">
        <v>2017</v>
      </c>
      <c r="F6109">
        <v>2017</v>
      </c>
      <c r="G6109" t="s">
        <v>14</v>
      </c>
      <c r="H6109" t="s">
        <v>124</v>
      </c>
      <c r="I6109" t="s">
        <v>15</v>
      </c>
      <c r="J6109" s="10">
        <v>1.5330555379999999</v>
      </c>
    </row>
    <row r="6110" spans="1:10" x14ac:dyDescent="0.35">
      <c r="A6110" t="s">
        <v>20</v>
      </c>
      <c r="B6110" t="s">
        <v>40</v>
      </c>
      <c r="C6110" t="s">
        <v>117</v>
      </c>
      <c r="D6110" t="s">
        <v>118</v>
      </c>
      <c r="E6110">
        <v>2017</v>
      </c>
      <c r="F6110">
        <v>2017</v>
      </c>
      <c r="G6110" t="s">
        <v>125</v>
      </c>
      <c r="H6110" t="s">
        <v>119</v>
      </c>
      <c r="I6110" t="s">
        <v>15</v>
      </c>
      <c r="J6110" s="10">
        <v>19.341709999999999</v>
      </c>
    </row>
    <row r="6111" spans="1:10" x14ac:dyDescent="0.35">
      <c r="A6111" t="s">
        <v>20</v>
      </c>
      <c r="B6111" t="s">
        <v>40</v>
      </c>
      <c r="C6111" t="s">
        <v>117</v>
      </c>
      <c r="D6111" t="s">
        <v>118</v>
      </c>
      <c r="E6111">
        <v>2017</v>
      </c>
      <c r="F6111">
        <v>2017</v>
      </c>
      <c r="G6111" t="s">
        <v>125</v>
      </c>
      <c r="H6111" t="s">
        <v>120</v>
      </c>
      <c r="I6111" t="s">
        <v>15</v>
      </c>
      <c r="J6111" s="10">
        <v>11.986821279999999</v>
      </c>
    </row>
    <row r="6112" spans="1:10" x14ac:dyDescent="0.35">
      <c r="A6112" t="s">
        <v>20</v>
      </c>
      <c r="B6112" t="s">
        <v>40</v>
      </c>
      <c r="C6112" t="s">
        <v>117</v>
      </c>
      <c r="D6112" t="s">
        <v>118</v>
      </c>
      <c r="E6112">
        <v>2017</v>
      </c>
      <c r="F6112">
        <v>2017</v>
      </c>
      <c r="G6112" t="s">
        <v>125</v>
      </c>
      <c r="H6112" t="s">
        <v>121</v>
      </c>
      <c r="I6112" t="s">
        <v>15</v>
      </c>
      <c r="J6112" s="10">
        <v>31.712910619999999</v>
      </c>
    </row>
    <row r="6113" spans="1:10" x14ac:dyDescent="0.35">
      <c r="A6113" t="s">
        <v>20</v>
      </c>
      <c r="B6113" t="s">
        <v>40</v>
      </c>
      <c r="C6113" t="s">
        <v>117</v>
      </c>
      <c r="D6113" t="s">
        <v>118</v>
      </c>
      <c r="E6113">
        <v>2017</v>
      </c>
      <c r="F6113">
        <v>2017</v>
      </c>
      <c r="G6113" t="s">
        <v>125</v>
      </c>
      <c r="H6113" t="s">
        <v>122</v>
      </c>
      <c r="I6113" t="s">
        <v>15</v>
      </c>
      <c r="J6113" s="10">
        <v>20.846926580000002</v>
      </c>
    </row>
    <row r="6114" spans="1:10" x14ac:dyDescent="0.35">
      <c r="A6114" t="s">
        <v>20</v>
      </c>
      <c r="B6114" t="s">
        <v>40</v>
      </c>
      <c r="C6114" t="s">
        <v>117</v>
      </c>
      <c r="D6114" t="s">
        <v>118</v>
      </c>
      <c r="E6114">
        <v>2017</v>
      </c>
      <c r="F6114">
        <v>2017</v>
      </c>
      <c r="G6114" t="s">
        <v>125</v>
      </c>
      <c r="H6114" t="s">
        <v>123</v>
      </c>
      <c r="I6114" t="s">
        <v>15</v>
      </c>
      <c r="J6114" s="10">
        <v>14.95849349</v>
      </c>
    </row>
    <row r="6115" spans="1:10" x14ac:dyDescent="0.35">
      <c r="A6115" t="s">
        <v>20</v>
      </c>
      <c r="B6115" t="s">
        <v>40</v>
      </c>
      <c r="C6115" t="s">
        <v>117</v>
      </c>
      <c r="D6115" t="s">
        <v>118</v>
      </c>
      <c r="E6115">
        <v>2017</v>
      </c>
      <c r="F6115">
        <v>2017</v>
      </c>
      <c r="G6115" t="s">
        <v>125</v>
      </c>
      <c r="H6115" t="s">
        <v>124</v>
      </c>
      <c r="I6115" t="s">
        <v>15</v>
      </c>
      <c r="J6115" s="10">
        <v>1.153138021</v>
      </c>
    </row>
    <row r="6116" spans="1:10" x14ac:dyDescent="0.35">
      <c r="A6116" t="s">
        <v>20</v>
      </c>
      <c r="B6116" t="s">
        <v>40</v>
      </c>
      <c r="C6116" t="s">
        <v>117</v>
      </c>
      <c r="D6116" t="s">
        <v>118</v>
      </c>
      <c r="E6116">
        <v>2017</v>
      </c>
      <c r="F6116">
        <v>2017</v>
      </c>
      <c r="G6116" t="s">
        <v>126</v>
      </c>
      <c r="H6116" t="s">
        <v>119</v>
      </c>
      <c r="I6116" t="s">
        <v>15</v>
      </c>
      <c r="J6116" s="10">
        <v>17.027910179999999</v>
      </c>
    </row>
    <row r="6117" spans="1:10" x14ac:dyDescent="0.35">
      <c r="A6117" t="s">
        <v>20</v>
      </c>
      <c r="B6117" t="s">
        <v>40</v>
      </c>
      <c r="C6117" t="s">
        <v>117</v>
      </c>
      <c r="D6117" t="s">
        <v>118</v>
      </c>
      <c r="E6117">
        <v>2017</v>
      </c>
      <c r="F6117">
        <v>2017</v>
      </c>
      <c r="G6117" t="s">
        <v>126</v>
      </c>
      <c r="H6117" t="s">
        <v>120</v>
      </c>
      <c r="I6117" t="s">
        <v>15</v>
      </c>
      <c r="J6117" s="10">
        <v>10.4176035</v>
      </c>
    </row>
    <row r="6118" spans="1:10" x14ac:dyDescent="0.35">
      <c r="A6118" t="s">
        <v>20</v>
      </c>
      <c r="B6118" t="s">
        <v>40</v>
      </c>
      <c r="C6118" t="s">
        <v>117</v>
      </c>
      <c r="D6118" t="s">
        <v>118</v>
      </c>
      <c r="E6118">
        <v>2017</v>
      </c>
      <c r="F6118">
        <v>2017</v>
      </c>
      <c r="G6118" t="s">
        <v>126</v>
      </c>
      <c r="H6118" t="s">
        <v>121</v>
      </c>
      <c r="I6118" t="s">
        <v>15</v>
      </c>
      <c r="J6118" s="10">
        <v>31.705489100000001</v>
      </c>
    </row>
    <row r="6119" spans="1:10" x14ac:dyDescent="0.35">
      <c r="A6119" t="s">
        <v>20</v>
      </c>
      <c r="B6119" t="s">
        <v>40</v>
      </c>
      <c r="C6119" t="s">
        <v>117</v>
      </c>
      <c r="D6119" t="s">
        <v>118</v>
      </c>
      <c r="E6119">
        <v>2017</v>
      </c>
      <c r="F6119">
        <v>2017</v>
      </c>
      <c r="G6119" t="s">
        <v>126</v>
      </c>
      <c r="H6119" t="s">
        <v>122</v>
      </c>
      <c r="I6119" t="s">
        <v>15</v>
      </c>
      <c r="J6119" s="10">
        <v>21.353838769999999</v>
      </c>
    </row>
    <row r="6120" spans="1:10" x14ac:dyDescent="0.35">
      <c r="A6120" t="s">
        <v>20</v>
      </c>
      <c r="B6120" t="s">
        <v>40</v>
      </c>
      <c r="C6120" t="s">
        <v>117</v>
      </c>
      <c r="D6120" t="s">
        <v>118</v>
      </c>
      <c r="E6120">
        <v>2017</v>
      </c>
      <c r="F6120">
        <v>2017</v>
      </c>
      <c r="G6120" t="s">
        <v>126</v>
      </c>
      <c r="H6120" t="s">
        <v>123</v>
      </c>
      <c r="I6120" t="s">
        <v>15</v>
      </c>
      <c r="J6120" s="10">
        <v>17.609497260000001</v>
      </c>
    </row>
    <row r="6121" spans="1:10" x14ac:dyDescent="0.35">
      <c r="A6121" t="s">
        <v>20</v>
      </c>
      <c r="B6121" t="s">
        <v>40</v>
      </c>
      <c r="C6121" t="s">
        <v>117</v>
      </c>
      <c r="D6121" t="s">
        <v>118</v>
      </c>
      <c r="E6121">
        <v>2017</v>
      </c>
      <c r="F6121">
        <v>2017</v>
      </c>
      <c r="G6121" t="s">
        <v>126</v>
      </c>
      <c r="H6121" t="s">
        <v>124</v>
      </c>
      <c r="I6121" t="s">
        <v>15</v>
      </c>
      <c r="J6121" s="10">
        <v>1.8856611809999999</v>
      </c>
    </row>
    <row r="6122" spans="1:10" x14ac:dyDescent="0.35">
      <c r="A6122" t="s">
        <v>20</v>
      </c>
      <c r="B6122" t="s">
        <v>40</v>
      </c>
      <c r="C6122" t="s">
        <v>117</v>
      </c>
      <c r="D6122" t="s">
        <v>118</v>
      </c>
      <c r="E6122">
        <v>2016</v>
      </c>
      <c r="F6122">
        <v>2016</v>
      </c>
      <c r="G6122" t="s">
        <v>14</v>
      </c>
      <c r="H6122" t="s">
        <v>119</v>
      </c>
      <c r="I6122" t="s">
        <v>15</v>
      </c>
      <c r="J6122" s="10">
        <v>18.281934889999999</v>
      </c>
    </row>
    <row r="6123" spans="1:10" x14ac:dyDescent="0.35">
      <c r="A6123" t="s">
        <v>20</v>
      </c>
      <c r="B6123" t="s">
        <v>40</v>
      </c>
      <c r="C6123" t="s">
        <v>117</v>
      </c>
      <c r="D6123" t="s">
        <v>118</v>
      </c>
      <c r="E6123">
        <v>2016</v>
      </c>
      <c r="F6123">
        <v>2016</v>
      </c>
      <c r="G6123" t="s">
        <v>14</v>
      </c>
      <c r="H6123" t="s">
        <v>120</v>
      </c>
      <c r="I6123" t="s">
        <v>15</v>
      </c>
      <c r="J6123" s="10">
        <v>11.476125850000001</v>
      </c>
    </row>
    <row r="6124" spans="1:10" x14ac:dyDescent="0.35">
      <c r="A6124" t="s">
        <v>20</v>
      </c>
      <c r="B6124" t="s">
        <v>40</v>
      </c>
      <c r="C6124" t="s">
        <v>117</v>
      </c>
      <c r="D6124" t="s">
        <v>118</v>
      </c>
      <c r="E6124">
        <v>2016</v>
      </c>
      <c r="F6124">
        <v>2016</v>
      </c>
      <c r="G6124" t="s">
        <v>14</v>
      </c>
      <c r="H6124" t="s">
        <v>121</v>
      </c>
      <c r="I6124" t="s">
        <v>15</v>
      </c>
      <c r="J6124" s="10">
        <v>31.848316100000002</v>
      </c>
    </row>
    <row r="6125" spans="1:10" x14ac:dyDescent="0.35">
      <c r="A6125" t="s">
        <v>20</v>
      </c>
      <c r="B6125" t="s">
        <v>40</v>
      </c>
      <c r="C6125" t="s">
        <v>117</v>
      </c>
      <c r="D6125" t="s">
        <v>118</v>
      </c>
      <c r="E6125">
        <v>2016</v>
      </c>
      <c r="F6125">
        <v>2016</v>
      </c>
      <c r="G6125" t="s">
        <v>14</v>
      </c>
      <c r="H6125" t="s">
        <v>122</v>
      </c>
      <c r="I6125" t="s">
        <v>15</v>
      </c>
      <c r="J6125" s="10">
        <v>20.835478179999999</v>
      </c>
    </row>
    <row r="6126" spans="1:10" x14ac:dyDescent="0.35">
      <c r="A6126" t="s">
        <v>20</v>
      </c>
      <c r="B6126" t="s">
        <v>40</v>
      </c>
      <c r="C6126" t="s">
        <v>117</v>
      </c>
      <c r="D6126" t="s">
        <v>118</v>
      </c>
      <c r="E6126">
        <v>2016</v>
      </c>
      <c r="F6126">
        <v>2016</v>
      </c>
      <c r="G6126" t="s">
        <v>14</v>
      </c>
      <c r="H6126" t="s">
        <v>123</v>
      </c>
      <c r="I6126" t="s">
        <v>15</v>
      </c>
      <c r="J6126" s="10">
        <v>16.10588547</v>
      </c>
    </row>
    <row r="6127" spans="1:10" x14ac:dyDescent="0.35">
      <c r="A6127" t="s">
        <v>20</v>
      </c>
      <c r="B6127" t="s">
        <v>40</v>
      </c>
      <c r="C6127" t="s">
        <v>117</v>
      </c>
      <c r="D6127" t="s">
        <v>118</v>
      </c>
      <c r="E6127">
        <v>2016</v>
      </c>
      <c r="F6127">
        <v>2016</v>
      </c>
      <c r="G6127" t="s">
        <v>14</v>
      </c>
      <c r="H6127" t="s">
        <v>124</v>
      </c>
      <c r="I6127" t="s">
        <v>15</v>
      </c>
      <c r="J6127" s="10">
        <v>1.4522595039999999</v>
      </c>
    </row>
    <row r="6128" spans="1:10" x14ac:dyDescent="0.35">
      <c r="A6128" t="s">
        <v>20</v>
      </c>
      <c r="B6128" t="s">
        <v>40</v>
      </c>
      <c r="C6128" t="s">
        <v>117</v>
      </c>
      <c r="D6128" t="s">
        <v>118</v>
      </c>
      <c r="E6128">
        <v>2016</v>
      </c>
      <c r="F6128">
        <v>2016</v>
      </c>
      <c r="G6128" t="s">
        <v>125</v>
      </c>
      <c r="H6128" t="s">
        <v>119</v>
      </c>
      <c r="I6128" t="s">
        <v>15</v>
      </c>
      <c r="J6128" s="10">
        <v>19.612731920000002</v>
      </c>
    </row>
    <row r="6129" spans="1:10" x14ac:dyDescent="0.35">
      <c r="A6129" t="s">
        <v>20</v>
      </c>
      <c r="B6129" t="s">
        <v>40</v>
      </c>
      <c r="C6129" t="s">
        <v>117</v>
      </c>
      <c r="D6129" t="s">
        <v>118</v>
      </c>
      <c r="E6129">
        <v>2016</v>
      </c>
      <c r="F6129">
        <v>2016</v>
      </c>
      <c r="G6129" t="s">
        <v>125</v>
      </c>
      <c r="H6129" t="s">
        <v>120</v>
      </c>
      <c r="I6129" t="s">
        <v>15</v>
      </c>
      <c r="J6129" s="10">
        <v>12.223553409999999</v>
      </c>
    </row>
    <row r="6130" spans="1:10" x14ac:dyDescent="0.35">
      <c r="A6130" t="s">
        <v>20</v>
      </c>
      <c r="B6130" t="s">
        <v>40</v>
      </c>
      <c r="C6130" t="s">
        <v>117</v>
      </c>
      <c r="D6130" t="s">
        <v>118</v>
      </c>
      <c r="E6130">
        <v>2016</v>
      </c>
      <c r="F6130">
        <v>2016</v>
      </c>
      <c r="G6130" t="s">
        <v>125</v>
      </c>
      <c r="H6130" t="s">
        <v>121</v>
      </c>
      <c r="I6130" t="s">
        <v>15</v>
      </c>
      <c r="J6130" s="10">
        <v>31.888093770000001</v>
      </c>
    </row>
    <row r="6131" spans="1:10" x14ac:dyDescent="0.35">
      <c r="A6131" t="s">
        <v>20</v>
      </c>
      <c r="B6131" t="s">
        <v>40</v>
      </c>
      <c r="C6131" t="s">
        <v>117</v>
      </c>
      <c r="D6131" t="s">
        <v>118</v>
      </c>
      <c r="E6131">
        <v>2016</v>
      </c>
      <c r="F6131">
        <v>2016</v>
      </c>
      <c r="G6131" t="s">
        <v>125</v>
      </c>
      <c r="H6131" t="s">
        <v>122</v>
      </c>
      <c r="I6131" t="s">
        <v>15</v>
      </c>
      <c r="J6131" s="10">
        <v>20.516141569999998</v>
      </c>
    </row>
    <row r="6132" spans="1:10" x14ac:dyDescent="0.35">
      <c r="A6132" t="s">
        <v>20</v>
      </c>
      <c r="B6132" t="s">
        <v>40</v>
      </c>
      <c r="C6132" t="s">
        <v>117</v>
      </c>
      <c r="D6132" t="s">
        <v>118</v>
      </c>
      <c r="E6132">
        <v>2016</v>
      </c>
      <c r="F6132">
        <v>2016</v>
      </c>
      <c r="G6132" t="s">
        <v>125</v>
      </c>
      <c r="H6132" t="s">
        <v>123</v>
      </c>
      <c r="I6132" t="s">
        <v>15</v>
      </c>
      <c r="J6132" s="10">
        <v>14.690930290000001</v>
      </c>
    </row>
    <row r="6133" spans="1:10" x14ac:dyDescent="0.35">
      <c r="A6133" t="s">
        <v>20</v>
      </c>
      <c r="B6133" t="s">
        <v>40</v>
      </c>
      <c r="C6133" t="s">
        <v>117</v>
      </c>
      <c r="D6133" t="s">
        <v>118</v>
      </c>
      <c r="E6133">
        <v>2016</v>
      </c>
      <c r="F6133">
        <v>2016</v>
      </c>
      <c r="G6133" t="s">
        <v>125</v>
      </c>
      <c r="H6133" t="s">
        <v>124</v>
      </c>
      <c r="I6133" t="s">
        <v>15</v>
      </c>
      <c r="J6133" s="10">
        <v>1.06854904</v>
      </c>
    </row>
    <row r="6134" spans="1:10" x14ac:dyDescent="0.35">
      <c r="A6134" t="s">
        <v>20</v>
      </c>
      <c r="B6134" t="s">
        <v>40</v>
      </c>
      <c r="C6134" t="s">
        <v>117</v>
      </c>
      <c r="D6134" t="s">
        <v>118</v>
      </c>
      <c r="E6134">
        <v>2016</v>
      </c>
      <c r="F6134">
        <v>2016</v>
      </c>
      <c r="G6134" t="s">
        <v>126</v>
      </c>
      <c r="H6134" t="s">
        <v>119</v>
      </c>
      <c r="I6134" t="s">
        <v>15</v>
      </c>
      <c r="J6134" s="10">
        <v>17.044907299999998</v>
      </c>
    </row>
    <row r="6135" spans="1:10" x14ac:dyDescent="0.35">
      <c r="A6135" t="s">
        <v>20</v>
      </c>
      <c r="B6135" t="s">
        <v>40</v>
      </c>
      <c r="C6135" t="s">
        <v>117</v>
      </c>
      <c r="D6135" t="s">
        <v>118</v>
      </c>
      <c r="E6135">
        <v>2016</v>
      </c>
      <c r="F6135">
        <v>2016</v>
      </c>
      <c r="G6135" t="s">
        <v>126</v>
      </c>
      <c r="H6135" t="s">
        <v>120</v>
      </c>
      <c r="I6135" t="s">
        <v>15</v>
      </c>
      <c r="J6135" s="10">
        <v>10.781362870000001</v>
      </c>
    </row>
    <row r="6136" spans="1:10" x14ac:dyDescent="0.35">
      <c r="A6136" t="s">
        <v>20</v>
      </c>
      <c r="B6136" t="s">
        <v>40</v>
      </c>
      <c r="C6136" t="s">
        <v>117</v>
      </c>
      <c r="D6136" t="s">
        <v>118</v>
      </c>
      <c r="E6136">
        <v>2016</v>
      </c>
      <c r="F6136">
        <v>2016</v>
      </c>
      <c r="G6136" t="s">
        <v>126</v>
      </c>
      <c r="H6136" t="s">
        <v>121</v>
      </c>
      <c r="I6136" t="s">
        <v>15</v>
      </c>
      <c r="J6136" s="10">
        <v>31.811341200000001</v>
      </c>
    </row>
    <row r="6137" spans="1:10" x14ac:dyDescent="0.35">
      <c r="A6137" t="s">
        <v>20</v>
      </c>
      <c r="B6137" t="s">
        <v>40</v>
      </c>
      <c r="C6137" t="s">
        <v>117</v>
      </c>
      <c r="D6137" t="s">
        <v>118</v>
      </c>
      <c r="E6137">
        <v>2016</v>
      </c>
      <c r="F6137">
        <v>2016</v>
      </c>
      <c r="G6137" t="s">
        <v>126</v>
      </c>
      <c r="H6137" t="s">
        <v>122</v>
      </c>
      <c r="I6137" t="s">
        <v>15</v>
      </c>
      <c r="J6137" s="10">
        <v>21.13231399</v>
      </c>
    </row>
    <row r="6138" spans="1:10" x14ac:dyDescent="0.35">
      <c r="A6138" t="s">
        <v>20</v>
      </c>
      <c r="B6138" t="s">
        <v>40</v>
      </c>
      <c r="C6138" t="s">
        <v>117</v>
      </c>
      <c r="D6138" t="s">
        <v>118</v>
      </c>
      <c r="E6138">
        <v>2016</v>
      </c>
      <c r="F6138">
        <v>2016</v>
      </c>
      <c r="G6138" t="s">
        <v>126</v>
      </c>
      <c r="H6138" t="s">
        <v>123</v>
      </c>
      <c r="I6138" t="s">
        <v>15</v>
      </c>
      <c r="J6138" s="10">
        <v>17.421141339999998</v>
      </c>
    </row>
    <row r="6139" spans="1:10" x14ac:dyDescent="0.35">
      <c r="A6139" t="s">
        <v>20</v>
      </c>
      <c r="B6139" t="s">
        <v>40</v>
      </c>
      <c r="C6139" t="s">
        <v>117</v>
      </c>
      <c r="D6139" t="s">
        <v>118</v>
      </c>
      <c r="E6139">
        <v>2016</v>
      </c>
      <c r="F6139">
        <v>2016</v>
      </c>
      <c r="G6139" t="s">
        <v>126</v>
      </c>
      <c r="H6139" t="s">
        <v>124</v>
      </c>
      <c r="I6139" t="s">
        <v>15</v>
      </c>
      <c r="J6139" s="10">
        <v>1.8089333009999999</v>
      </c>
    </row>
    <row r="6140" spans="1:10" x14ac:dyDescent="0.35">
      <c r="A6140" t="s">
        <v>20</v>
      </c>
      <c r="B6140" t="s">
        <v>40</v>
      </c>
      <c r="C6140" t="s">
        <v>117</v>
      </c>
      <c r="D6140" t="s">
        <v>118</v>
      </c>
      <c r="E6140">
        <v>2015</v>
      </c>
      <c r="F6140">
        <v>2015</v>
      </c>
      <c r="G6140" t="s">
        <v>14</v>
      </c>
      <c r="H6140" t="s">
        <v>119</v>
      </c>
      <c r="I6140" t="s">
        <v>15</v>
      </c>
      <c r="J6140" s="10">
        <v>18.305715939999999</v>
      </c>
    </row>
    <row r="6141" spans="1:10" x14ac:dyDescent="0.35">
      <c r="A6141" t="s">
        <v>20</v>
      </c>
      <c r="B6141" t="s">
        <v>40</v>
      </c>
      <c r="C6141" t="s">
        <v>117</v>
      </c>
      <c r="D6141" t="s">
        <v>118</v>
      </c>
      <c r="E6141">
        <v>2015</v>
      </c>
      <c r="F6141">
        <v>2015</v>
      </c>
      <c r="G6141" t="s">
        <v>14</v>
      </c>
      <c r="H6141" t="s">
        <v>120</v>
      </c>
      <c r="I6141" t="s">
        <v>15</v>
      </c>
      <c r="J6141" s="10">
        <v>11.702577099999999</v>
      </c>
    </row>
    <row r="6142" spans="1:10" x14ac:dyDescent="0.35">
      <c r="A6142" t="s">
        <v>20</v>
      </c>
      <c r="B6142" t="s">
        <v>40</v>
      </c>
      <c r="C6142" t="s">
        <v>117</v>
      </c>
      <c r="D6142" t="s">
        <v>118</v>
      </c>
      <c r="E6142">
        <v>2015</v>
      </c>
      <c r="F6142">
        <v>2015</v>
      </c>
      <c r="G6142" t="s">
        <v>14</v>
      </c>
      <c r="H6142" t="s">
        <v>121</v>
      </c>
      <c r="I6142" t="s">
        <v>15</v>
      </c>
      <c r="J6142" s="10">
        <v>32.114412680000001</v>
      </c>
    </row>
    <row r="6143" spans="1:10" x14ac:dyDescent="0.35">
      <c r="A6143" t="s">
        <v>20</v>
      </c>
      <c r="B6143" t="s">
        <v>40</v>
      </c>
      <c r="C6143" t="s">
        <v>117</v>
      </c>
      <c r="D6143" t="s">
        <v>118</v>
      </c>
      <c r="E6143">
        <v>2015</v>
      </c>
      <c r="F6143">
        <v>2015</v>
      </c>
      <c r="G6143" t="s">
        <v>14</v>
      </c>
      <c r="H6143" t="s">
        <v>122</v>
      </c>
      <c r="I6143" t="s">
        <v>15</v>
      </c>
      <c r="J6143" s="10">
        <v>20.666885730000001</v>
      </c>
    </row>
    <row r="6144" spans="1:10" x14ac:dyDescent="0.35">
      <c r="A6144" t="s">
        <v>20</v>
      </c>
      <c r="B6144" t="s">
        <v>40</v>
      </c>
      <c r="C6144" t="s">
        <v>117</v>
      </c>
      <c r="D6144" t="s">
        <v>118</v>
      </c>
      <c r="E6144">
        <v>2015</v>
      </c>
      <c r="F6144">
        <v>2015</v>
      </c>
      <c r="G6144" t="s">
        <v>14</v>
      </c>
      <c r="H6144" t="s">
        <v>123</v>
      </c>
      <c r="I6144" t="s">
        <v>15</v>
      </c>
      <c r="J6144" s="10">
        <v>15.85692156</v>
      </c>
    </row>
    <row r="6145" spans="1:10" x14ac:dyDescent="0.35">
      <c r="A6145" t="s">
        <v>20</v>
      </c>
      <c r="B6145" t="s">
        <v>40</v>
      </c>
      <c r="C6145" t="s">
        <v>117</v>
      </c>
      <c r="D6145" t="s">
        <v>118</v>
      </c>
      <c r="E6145">
        <v>2015</v>
      </c>
      <c r="F6145">
        <v>2015</v>
      </c>
      <c r="G6145" t="s">
        <v>14</v>
      </c>
      <c r="H6145" t="s">
        <v>124</v>
      </c>
      <c r="I6145" t="s">
        <v>15</v>
      </c>
      <c r="J6145" s="10">
        <v>1.3534869890000001</v>
      </c>
    </row>
    <row r="6146" spans="1:10" x14ac:dyDescent="0.35">
      <c r="A6146" t="s">
        <v>20</v>
      </c>
      <c r="B6146" t="s">
        <v>40</v>
      </c>
      <c r="C6146" t="s">
        <v>117</v>
      </c>
      <c r="D6146" t="s">
        <v>118</v>
      </c>
      <c r="E6146">
        <v>2015</v>
      </c>
      <c r="F6146">
        <v>2015</v>
      </c>
      <c r="G6146" t="s">
        <v>125</v>
      </c>
      <c r="H6146" t="s">
        <v>119</v>
      </c>
      <c r="I6146" t="s">
        <v>15</v>
      </c>
      <c r="J6146" s="10">
        <v>19.695003239999998</v>
      </c>
    </row>
    <row r="6147" spans="1:10" x14ac:dyDescent="0.35">
      <c r="A6147" t="s">
        <v>20</v>
      </c>
      <c r="B6147" t="s">
        <v>40</v>
      </c>
      <c r="C6147" t="s">
        <v>117</v>
      </c>
      <c r="D6147" t="s">
        <v>118</v>
      </c>
      <c r="E6147">
        <v>2015</v>
      </c>
      <c r="F6147">
        <v>2015</v>
      </c>
      <c r="G6147" t="s">
        <v>125</v>
      </c>
      <c r="H6147" t="s">
        <v>120</v>
      </c>
      <c r="I6147" t="s">
        <v>15</v>
      </c>
      <c r="J6147" s="10">
        <v>12.569759899999999</v>
      </c>
    </row>
    <row r="6148" spans="1:10" x14ac:dyDescent="0.35">
      <c r="A6148" t="s">
        <v>20</v>
      </c>
      <c r="B6148" t="s">
        <v>40</v>
      </c>
      <c r="C6148" t="s">
        <v>117</v>
      </c>
      <c r="D6148" t="s">
        <v>118</v>
      </c>
      <c r="E6148">
        <v>2015</v>
      </c>
      <c r="F6148">
        <v>2015</v>
      </c>
      <c r="G6148" t="s">
        <v>125</v>
      </c>
      <c r="H6148" t="s">
        <v>121</v>
      </c>
      <c r="I6148" t="s">
        <v>15</v>
      </c>
      <c r="J6148" s="10">
        <v>32.008436080000003</v>
      </c>
    </row>
    <row r="6149" spans="1:10" x14ac:dyDescent="0.35">
      <c r="A6149" t="s">
        <v>20</v>
      </c>
      <c r="B6149" t="s">
        <v>40</v>
      </c>
      <c r="C6149" t="s">
        <v>117</v>
      </c>
      <c r="D6149" t="s">
        <v>118</v>
      </c>
      <c r="E6149">
        <v>2015</v>
      </c>
      <c r="F6149">
        <v>2015</v>
      </c>
      <c r="G6149" t="s">
        <v>125</v>
      </c>
      <c r="H6149" t="s">
        <v>122</v>
      </c>
      <c r="I6149" t="s">
        <v>15</v>
      </c>
      <c r="J6149" s="10">
        <v>20.282284229999998</v>
      </c>
    </row>
    <row r="6150" spans="1:10" x14ac:dyDescent="0.35">
      <c r="A6150" t="s">
        <v>20</v>
      </c>
      <c r="B6150" t="s">
        <v>40</v>
      </c>
      <c r="C6150" t="s">
        <v>117</v>
      </c>
      <c r="D6150" t="s">
        <v>118</v>
      </c>
      <c r="E6150">
        <v>2015</v>
      </c>
      <c r="F6150">
        <v>2015</v>
      </c>
      <c r="G6150" t="s">
        <v>125</v>
      </c>
      <c r="H6150" t="s">
        <v>123</v>
      </c>
      <c r="I6150" t="s">
        <v>15</v>
      </c>
      <c r="J6150" s="10">
        <v>14.48085659</v>
      </c>
    </row>
    <row r="6151" spans="1:10" x14ac:dyDescent="0.35">
      <c r="A6151" t="s">
        <v>20</v>
      </c>
      <c r="B6151" t="s">
        <v>40</v>
      </c>
      <c r="C6151" t="s">
        <v>117</v>
      </c>
      <c r="D6151" t="s">
        <v>118</v>
      </c>
      <c r="E6151">
        <v>2015</v>
      </c>
      <c r="F6151">
        <v>2015</v>
      </c>
      <c r="G6151" t="s">
        <v>125</v>
      </c>
      <c r="H6151" t="s">
        <v>124</v>
      </c>
      <c r="I6151" t="s">
        <v>15</v>
      </c>
      <c r="J6151" s="10">
        <v>0.96365996099999995</v>
      </c>
    </row>
    <row r="6152" spans="1:10" x14ac:dyDescent="0.35">
      <c r="A6152" t="s">
        <v>20</v>
      </c>
      <c r="B6152" t="s">
        <v>40</v>
      </c>
      <c r="C6152" t="s">
        <v>117</v>
      </c>
      <c r="D6152" t="s">
        <v>118</v>
      </c>
      <c r="E6152">
        <v>2015</v>
      </c>
      <c r="F6152">
        <v>2015</v>
      </c>
      <c r="G6152" t="s">
        <v>126</v>
      </c>
      <c r="H6152" t="s">
        <v>119</v>
      </c>
      <c r="I6152" t="s">
        <v>15</v>
      </c>
      <c r="J6152" s="10">
        <v>17.01169573</v>
      </c>
    </row>
    <row r="6153" spans="1:10" x14ac:dyDescent="0.35">
      <c r="A6153" t="s">
        <v>20</v>
      </c>
      <c r="B6153" t="s">
        <v>40</v>
      </c>
      <c r="C6153" t="s">
        <v>117</v>
      </c>
      <c r="D6153" t="s">
        <v>118</v>
      </c>
      <c r="E6153">
        <v>2015</v>
      </c>
      <c r="F6153">
        <v>2015</v>
      </c>
      <c r="G6153" t="s">
        <v>126</v>
      </c>
      <c r="H6153" t="s">
        <v>120</v>
      </c>
      <c r="I6153" t="s">
        <v>15</v>
      </c>
      <c r="J6153" s="10">
        <v>10.89485932</v>
      </c>
    </row>
    <row r="6154" spans="1:10" x14ac:dyDescent="0.35">
      <c r="A6154" t="s">
        <v>20</v>
      </c>
      <c r="B6154" t="s">
        <v>40</v>
      </c>
      <c r="C6154" t="s">
        <v>117</v>
      </c>
      <c r="D6154" t="s">
        <v>118</v>
      </c>
      <c r="E6154">
        <v>2015</v>
      </c>
      <c r="F6154">
        <v>2015</v>
      </c>
      <c r="G6154" t="s">
        <v>126</v>
      </c>
      <c r="H6154" t="s">
        <v>121</v>
      </c>
      <c r="I6154" t="s">
        <v>15</v>
      </c>
      <c r="J6154" s="10">
        <v>32.21312219</v>
      </c>
    </row>
    <row r="6155" spans="1:10" x14ac:dyDescent="0.35">
      <c r="A6155" t="s">
        <v>20</v>
      </c>
      <c r="B6155" t="s">
        <v>40</v>
      </c>
      <c r="C6155" t="s">
        <v>117</v>
      </c>
      <c r="D6155" t="s">
        <v>118</v>
      </c>
      <c r="E6155">
        <v>2015</v>
      </c>
      <c r="F6155">
        <v>2015</v>
      </c>
      <c r="G6155" t="s">
        <v>126</v>
      </c>
      <c r="H6155" t="s">
        <v>122</v>
      </c>
      <c r="I6155" t="s">
        <v>15</v>
      </c>
      <c r="J6155" s="10">
        <v>21.025114089999999</v>
      </c>
    </row>
    <row r="6156" spans="1:10" x14ac:dyDescent="0.35">
      <c r="A6156" t="s">
        <v>20</v>
      </c>
      <c r="B6156" t="s">
        <v>40</v>
      </c>
      <c r="C6156" t="s">
        <v>117</v>
      </c>
      <c r="D6156" t="s">
        <v>118</v>
      </c>
      <c r="E6156">
        <v>2015</v>
      </c>
      <c r="F6156">
        <v>2015</v>
      </c>
      <c r="G6156" t="s">
        <v>126</v>
      </c>
      <c r="H6156" t="s">
        <v>123</v>
      </c>
      <c r="I6156" t="s">
        <v>15</v>
      </c>
      <c r="J6156" s="10">
        <v>17.138626129999999</v>
      </c>
    </row>
    <row r="6157" spans="1:10" x14ac:dyDescent="0.35">
      <c r="A6157" t="s">
        <v>20</v>
      </c>
      <c r="B6157" t="s">
        <v>40</v>
      </c>
      <c r="C6157" t="s">
        <v>117</v>
      </c>
      <c r="D6157" t="s">
        <v>118</v>
      </c>
      <c r="E6157">
        <v>2015</v>
      </c>
      <c r="F6157">
        <v>2015</v>
      </c>
      <c r="G6157" t="s">
        <v>126</v>
      </c>
      <c r="H6157" t="s">
        <v>124</v>
      </c>
      <c r="I6157" t="s">
        <v>15</v>
      </c>
      <c r="J6157" s="10">
        <v>1.71658255</v>
      </c>
    </row>
    <row r="6158" spans="1:10" x14ac:dyDescent="0.35">
      <c r="A6158" t="s">
        <v>20</v>
      </c>
      <c r="B6158" t="s">
        <v>40</v>
      </c>
      <c r="C6158" t="s">
        <v>117</v>
      </c>
      <c r="D6158" t="s">
        <v>118</v>
      </c>
      <c r="E6158">
        <v>2014</v>
      </c>
      <c r="F6158">
        <v>2014</v>
      </c>
      <c r="G6158" t="s">
        <v>14</v>
      </c>
      <c r="H6158" t="s">
        <v>119</v>
      </c>
      <c r="I6158" t="s">
        <v>15</v>
      </c>
      <c r="J6158" s="10">
        <v>18.6214668</v>
      </c>
    </row>
    <row r="6159" spans="1:10" x14ac:dyDescent="0.35">
      <c r="A6159" t="s">
        <v>20</v>
      </c>
      <c r="B6159" t="s">
        <v>40</v>
      </c>
      <c r="C6159" t="s">
        <v>117</v>
      </c>
      <c r="D6159" t="s">
        <v>118</v>
      </c>
      <c r="E6159">
        <v>2014</v>
      </c>
      <c r="F6159">
        <v>2014</v>
      </c>
      <c r="G6159" t="s">
        <v>14</v>
      </c>
      <c r="H6159" t="s">
        <v>120</v>
      </c>
      <c r="I6159" t="s">
        <v>15</v>
      </c>
      <c r="J6159" s="10">
        <v>11.566031239999999</v>
      </c>
    </row>
    <row r="6160" spans="1:10" x14ac:dyDescent="0.35">
      <c r="A6160" t="s">
        <v>20</v>
      </c>
      <c r="B6160" t="s">
        <v>40</v>
      </c>
      <c r="C6160" t="s">
        <v>117</v>
      </c>
      <c r="D6160" t="s">
        <v>118</v>
      </c>
      <c r="E6160">
        <v>2014</v>
      </c>
      <c r="F6160">
        <v>2014</v>
      </c>
      <c r="G6160" t="s">
        <v>14</v>
      </c>
      <c r="H6160" t="s">
        <v>121</v>
      </c>
      <c r="I6160" t="s">
        <v>15</v>
      </c>
      <c r="J6160" s="10">
        <v>32.607130560000002</v>
      </c>
    </row>
    <row r="6161" spans="1:10" x14ac:dyDescent="0.35">
      <c r="A6161" t="s">
        <v>20</v>
      </c>
      <c r="B6161" t="s">
        <v>40</v>
      </c>
      <c r="C6161" t="s">
        <v>117</v>
      </c>
      <c r="D6161" t="s">
        <v>118</v>
      </c>
      <c r="E6161">
        <v>2014</v>
      </c>
      <c r="F6161">
        <v>2014</v>
      </c>
      <c r="G6161" t="s">
        <v>14</v>
      </c>
      <c r="H6161" t="s">
        <v>122</v>
      </c>
      <c r="I6161" t="s">
        <v>15</v>
      </c>
      <c r="J6161" s="10">
        <v>20.410367170000001</v>
      </c>
    </row>
    <row r="6162" spans="1:10" x14ac:dyDescent="0.35">
      <c r="A6162" t="s">
        <v>20</v>
      </c>
      <c r="B6162" t="s">
        <v>40</v>
      </c>
      <c r="C6162" t="s">
        <v>117</v>
      </c>
      <c r="D6162" t="s">
        <v>118</v>
      </c>
      <c r="E6162">
        <v>2014</v>
      </c>
      <c r="F6162">
        <v>2014</v>
      </c>
      <c r="G6162" t="s">
        <v>14</v>
      </c>
      <c r="H6162" t="s">
        <v>123</v>
      </c>
      <c r="I6162" t="s">
        <v>15</v>
      </c>
      <c r="J6162" s="10">
        <v>15.519454100000001</v>
      </c>
    </row>
    <row r="6163" spans="1:10" x14ac:dyDescent="0.35">
      <c r="A6163" t="s">
        <v>20</v>
      </c>
      <c r="B6163" t="s">
        <v>40</v>
      </c>
      <c r="C6163" t="s">
        <v>117</v>
      </c>
      <c r="D6163" t="s">
        <v>118</v>
      </c>
      <c r="E6163">
        <v>2014</v>
      </c>
      <c r="F6163">
        <v>2014</v>
      </c>
      <c r="G6163" t="s">
        <v>14</v>
      </c>
      <c r="H6163" t="s">
        <v>124</v>
      </c>
      <c r="I6163" t="s">
        <v>15</v>
      </c>
      <c r="J6163" s="10">
        <v>1.2755501300000001</v>
      </c>
    </row>
    <row r="6164" spans="1:10" x14ac:dyDescent="0.35">
      <c r="A6164" t="s">
        <v>20</v>
      </c>
      <c r="B6164" t="s">
        <v>40</v>
      </c>
      <c r="C6164" t="s">
        <v>117</v>
      </c>
      <c r="D6164" t="s">
        <v>118</v>
      </c>
      <c r="E6164">
        <v>2014</v>
      </c>
      <c r="F6164">
        <v>2014</v>
      </c>
      <c r="G6164" t="s">
        <v>125</v>
      </c>
      <c r="H6164" t="s">
        <v>119</v>
      </c>
      <c r="I6164" t="s">
        <v>15</v>
      </c>
      <c r="J6164" s="10">
        <v>19.89561045</v>
      </c>
    </row>
    <row r="6165" spans="1:10" x14ac:dyDescent="0.35">
      <c r="A6165" t="s">
        <v>20</v>
      </c>
      <c r="B6165" t="s">
        <v>40</v>
      </c>
      <c r="C6165" t="s">
        <v>117</v>
      </c>
      <c r="D6165" t="s">
        <v>118</v>
      </c>
      <c r="E6165">
        <v>2014</v>
      </c>
      <c r="F6165">
        <v>2014</v>
      </c>
      <c r="G6165" t="s">
        <v>125</v>
      </c>
      <c r="H6165" t="s">
        <v>120</v>
      </c>
      <c r="I6165" t="s">
        <v>15</v>
      </c>
      <c r="J6165" s="10">
        <v>12.4781171</v>
      </c>
    </row>
    <row r="6166" spans="1:10" x14ac:dyDescent="0.35">
      <c r="A6166" t="s">
        <v>20</v>
      </c>
      <c r="B6166" t="s">
        <v>40</v>
      </c>
      <c r="C6166" t="s">
        <v>117</v>
      </c>
      <c r="D6166" t="s">
        <v>118</v>
      </c>
      <c r="E6166">
        <v>2014</v>
      </c>
      <c r="F6166">
        <v>2014</v>
      </c>
      <c r="G6166" t="s">
        <v>125</v>
      </c>
      <c r="H6166" t="s">
        <v>121</v>
      </c>
      <c r="I6166" t="s">
        <v>15</v>
      </c>
      <c r="J6166" s="10">
        <v>32.548790769999997</v>
      </c>
    </row>
    <row r="6167" spans="1:10" x14ac:dyDescent="0.35">
      <c r="A6167" t="s">
        <v>20</v>
      </c>
      <c r="B6167" t="s">
        <v>40</v>
      </c>
      <c r="C6167" t="s">
        <v>117</v>
      </c>
      <c r="D6167" t="s">
        <v>118</v>
      </c>
      <c r="E6167">
        <v>2014</v>
      </c>
      <c r="F6167">
        <v>2014</v>
      </c>
      <c r="G6167" t="s">
        <v>125</v>
      </c>
      <c r="H6167" t="s">
        <v>122</v>
      </c>
      <c r="I6167" t="s">
        <v>15</v>
      </c>
      <c r="J6167" s="10">
        <v>20.022044999999999</v>
      </c>
    </row>
    <row r="6168" spans="1:10" x14ac:dyDescent="0.35">
      <c r="A6168" t="s">
        <v>20</v>
      </c>
      <c r="B6168" t="s">
        <v>40</v>
      </c>
      <c r="C6168" t="s">
        <v>117</v>
      </c>
      <c r="D6168" t="s">
        <v>118</v>
      </c>
      <c r="E6168">
        <v>2014</v>
      </c>
      <c r="F6168">
        <v>2014</v>
      </c>
      <c r="G6168" t="s">
        <v>125</v>
      </c>
      <c r="H6168" t="s">
        <v>123</v>
      </c>
      <c r="I6168" t="s">
        <v>15</v>
      </c>
      <c r="J6168" s="10">
        <v>14.173636780000001</v>
      </c>
    </row>
    <row r="6169" spans="1:10" x14ac:dyDescent="0.35">
      <c r="A6169" t="s">
        <v>20</v>
      </c>
      <c r="B6169" t="s">
        <v>40</v>
      </c>
      <c r="C6169" t="s">
        <v>117</v>
      </c>
      <c r="D6169" t="s">
        <v>118</v>
      </c>
      <c r="E6169">
        <v>2014</v>
      </c>
      <c r="F6169">
        <v>2014</v>
      </c>
      <c r="G6169" t="s">
        <v>125</v>
      </c>
      <c r="H6169" t="s">
        <v>124</v>
      </c>
      <c r="I6169" t="s">
        <v>15</v>
      </c>
      <c r="J6169" s="10">
        <v>0.88179990900000005</v>
      </c>
    </row>
    <row r="6170" spans="1:10" x14ac:dyDescent="0.35">
      <c r="A6170" t="s">
        <v>20</v>
      </c>
      <c r="B6170" t="s">
        <v>40</v>
      </c>
      <c r="C6170" t="s">
        <v>117</v>
      </c>
      <c r="D6170" t="s">
        <v>118</v>
      </c>
      <c r="E6170">
        <v>2014</v>
      </c>
      <c r="F6170">
        <v>2014</v>
      </c>
      <c r="G6170" t="s">
        <v>126</v>
      </c>
      <c r="H6170" t="s">
        <v>119</v>
      </c>
      <c r="I6170" t="s">
        <v>15</v>
      </c>
      <c r="J6170" s="10">
        <v>17.432219799999999</v>
      </c>
    </row>
    <row r="6171" spans="1:10" x14ac:dyDescent="0.35">
      <c r="A6171" t="s">
        <v>20</v>
      </c>
      <c r="B6171" t="s">
        <v>40</v>
      </c>
      <c r="C6171" t="s">
        <v>117</v>
      </c>
      <c r="D6171" t="s">
        <v>118</v>
      </c>
      <c r="E6171">
        <v>2014</v>
      </c>
      <c r="F6171">
        <v>2014</v>
      </c>
      <c r="G6171" t="s">
        <v>126</v>
      </c>
      <c r="H6171" t="s">
        <v>120</v>
      </c>
      <c r="I6171" t="s">
        <v>15</v>
      </c>
      <c r="J6171" s="10">
        <v>10.71471799</v>
      </c>
    </row>
    <row r="6172" spans="1:10" x14ac:dyDescent="0.35">
      <c r="A6172" t="s">
        <v>20</v>
      </c>
      <c r="B6172" t="s">
        <v>40</v>
      </c>
      <c r="C6172" t="s">
        <v>117</v>
      </c>
      <c r="D6172" t="s">
        <v>118</v>
      </c>
      <c r="E6172">
        <v>2014</v>
      </c>
      <c r="F6172">
        <v>2014</v>
      </c>
      <c r="G6172" t="s">
        <v>126</v>
      </c>
      <c r="H6172" t="s">
        <v>121</v>
      </c>
      <c r="I6172" t="s">
        <v>15</v>
      </c>
      <c r="J6172" s="10">
        <v>32.661583149999998</v>
      </c>
    </row>
    <row r="6173" spans="1:10" x14ac:dyDescent="0.35">
      <c r="A6173" t="s">
        <v>20</v>
      </c>
      <c r="B6173" t="s">
        <v>40</v>
      </c>
      <c r="C6173" t="s">
        <v>117</v>
      </c>
      <c r="D6173" t="s">
        <v>118</v>
      </c>
      <c r="E6173">
        <v>2014</v>
      </c>
      <c r="F6173">
        <v>2014</v>
      </c>
      <c r="G6173" t="s">
        <v>126</v>
      </c>
      <c r="H6173" t="s">
        <v>122</v>
      </c>
      <c r="I6173" t="s">
        <v>15</v>
      </c>
      <c r="J6173" s="10">
        <v>20.772815300000001</v>
      </c>
    </row>
    <row r="6174" spans="1:10" x14ac:dyDescent="0.35">
      <c r="A6174" t="s">
        <v>20</v>
      </c>
      <c r="B6174" t="s">
        <v>40</v>
      </c>
      <c r="C6174" t="s">
        <v>117</v>
      </c>
      <c r="D6174" t="s">
        <v>118</v>
      </c>
      <c r="E6174">
        <v>2014</v>
      </c>
      <c r="F6174">
        <v>2014</v>
      </c>
      <c r="G6174" t="s">
        <v>126</v>
      </c>
      <c r="H6174" t="s">
        <v>123</v>
      </c>
      <c r="I6174" t="s">
        <v>15</v>
      </c>
      <c r="J6174" s="10">
        <v>16.77559913</v>
      </c>
    </row>
    <row r="6175" spans="1:10" x14ac:dyDescent="0.35">
      <c r="A6175" t="s">
        <v>20</v>
      </c>
      <c r="B6175" t="s">
        <v>40</v>
      </c>
      <c r="C6175" t="s">
        <v>117</v>
      </c>
      <c r="D6175" t="s">
        <v>118</v>
      </c>
      <c r="E6175">
        <v>2014</v>
      </c>
      <c r="F6175">
        <v>2014</v>
      </c>
      <c r="G6175" t="s">
        <v>126</v>
      </c>
      <c r="H6175" t="s">
        <v>124</v>
      </c>
      <c r="I6175" t="s">
        <v>15</v>
      </c>
      <c r="J6175" s="10">
        <v>1.6430646330000001</v>
      </c>
    </row>
    <row r="6176" spans="1:10" x14ac:dyDescent="0.35">
      <c r="A6176" t="s">
        <v>20</v>
      </c>
      <c r="B6176" t="s">
        <v>40</v>
      </c>
      <c r="C6176" t="s">
        <v>117</v>
      </c>
      <c r="D6176" t="s">
        <v>118</v>
      </c>
      <c r="E6176">
        <v>2013</v>
      </c>
      <c r="F6176">
        <v>2013</v>
      </c>
      <c r="G6176" t="s">
        <v>14</v>
      </c>
      <c r="H6176" t="s">
        <v>119</v>
      </c>
      <c r="I6176" t="s">
        <v>15</v>
      </c>
      <c r="J6176" s="10">
        <v>18.808596789999999</v>
      </c>
    </row>
    <row r="6177" spans="1:10" x14ac:dyDescent="0.35">
      <c r="A6177" t="s">
        <v>20</v>
      </c>
      <c r="B6177" t="s">
        <v>40</v>
      </c>
      <c r="C6177" t="s">
        <v>117</v>
      </c>
      <c r="D6177" t="s">
        <v>118</v>
      </c>
      <c r="E6177">
        <v>2013</v>
      </c>
      <c r="F6177">
        <v>2013</v>
      </c>
      <c r="G6177" t="s">
        <v>14</v>
      </c>
      <c r="H6177" t="s">
        <v>120</v>
      </c>
      <c r="I6177" t="s">
        <v>15</v>
      </c>
      <c r="J6177" s="10">
        <v>11.613455849999999</v>
      </c>
    </row>
    <row r="6178" spans="1:10" x14ac:dyDescent="0.35">
      <c r="A6178" t="s">
        <v>20</v>
      </c>
      <c r="B6178" t="s">
        <v>40</v>
      </c>
      <c r="C6178" t="s">
        <v>117</v>
      </c>
      <c r="D6178" t="s">
        <v>118</v>
      </c>
      <c r="E6178">
        <v>2013</v>
      </c>
      <c r="F6178">
        <v>2013</v>
      </c>
      <c r="G6178" t="s">
        <v>14</v>
      </c>
      <c r="H6178" t="s">
        <v>121</v>
      </c>
      <c r="I6178" t="s">
        <v>15</v>
      </c>
      <c r="J6178" s="10">
        <v>33.177075219999999</v>
      </c>
    </row>
    <row r="6179" spans="1:10" x14ac:dyDescent="0.35">
      <c r="A6179" t="s">
        <v>20</v>
      </c>
      <c r="B6179" t="s">
        <v>40</v>
      </c>
      <c r="C6179" t="s">
        <v>117</v>
      </c>
      <c r="D6179" t="s">
        <v>118</v>
      </c>
      <c r="E6179">
        <v>2013</v>
      </c>
      <c r="F6179">
        <v>2013</v>
      </c>
      <c r="G6179" t="s">
        <v>14</v>
      </c>
      <c r="H6179" t="s">
        <v>122</v>
      </c>
      <c r="I6179" t="s">
        <v>15</v>
      </c>
      <c r="J6179" s="10">
        <v>20.149509420000001</v>
      </c>
    </row>
    <row r="6180" spans="1:10" x14ac:dyDescent="0.35">
      <c r="A6180" t="s">
        <v>20</v>
      </c>
      <c r="B6180" t="s">
        <v>40</v>
      </c>
      <c r="C6180" t="s">
        <v>117</v>
      </c>
      <c r="D6180" t="s">
        <v>118</v>
      </c>
      <c r="E6180">
        <v>2013</v>
      </c>
      <c r="F6180">
        <v>2013</v>
      </c>
      <c r="G6180" t="s">
        <v>14</v>
      </c>
      <c r="H6180" t="s">
        <v>123</v>
      </c>
      <c r="I6180" t="s">
        <v>15</v>
      </c>
      <c r="J6180" s="10">
        <v>15.028811709999999</v>
      </c>
    </row>
    <row r="6181" spans="1:10" x14ac:dyDescent="0.35">
      <c r="A6181" t="s">
        <v>20</v>
      </c>
      <c r="B6181" t="s">
        <v>40</v>
      </c>
      <c r="C6181" t="s">
        <v>117</v>
      </c>
      <c r="D6181" t="s">
        <v>118</v>
      </c>
      <c r="E6181">
        <v>2013</v>
      </c>
      <c r="F6181">
        <v>2013</v>
      </c>
      <c r="G6181" t="s">
        <v>14</v>
      </c>
      <c r="H6181" t="s">
        <v>124</v>
      </c>
      <c r="I6181" t="s">
        <v>15</v>
      </c>
      <c r="J6181" s="10">
        <v>1.2225510049999999</v>
      </c>
    </row>
    <row r="6182" spans="1:10" x14ac:dyDescent="0.35">
      <c r="A6182" t="s">
        <v>20</v>
      </c>
      <c r="B6182" t="s">
        <v>40</v>
      </c>
      <c r="C6182" t="s">
        <v>117</v>
      </c>
      <c r="D6182" t="s">
        <v>118</v>
      </c>
      <c r="E6182">
        <v>2013</v>
      </c>
      <c r="F6182">
        <v>2013</v>
      </c>
      <c r="G6182" t="s">
        <v>125</v>
      </c>
      <c r="H6182" t="s">
        <v>119</v>
      </c>
      <c r="I6182" t="s">
        <v>15</v>
      </c>
      <c r="J6182" s="10">
        <v>19.99871246</v>
      </c>
    </row>
    <row r="6183" spans="1:10" x14ac:dyDescent="0.35">
      <c r="A6183" t="s">
        <v>20</v>
      </c>
      <c r="B6183" t="s">
        <v>40</v>
      </c>
      <c r="C6183" t="s">
        <v>117</v>
      </c>
      <c r="D6183" t="s">
        <v>118</v>
      </c>
      <c r="E6183">
        <v>2013</v>
      </c>
      <c r="F6183">
        <v>2013</v>
      </c>
      <c r="G6183" t="s">
        <v>125</v>
      </c>
      <c r="H6183" t="s">
        <v>120</v>
      </c>
      <c r="I6183" t="s">
        <v>15</v>
      </c>
      <c r="J6183" s="10">
        <v>12.592139570000001</v>
      </c>
    </row>
    <row r="6184" spans="1:10" x14ac:dyDescent="0.35">
      <c r="A6184" t="s">
        <v>20</v>
      </c>
      <c r="B6184" t="s">
        <v>40</v>
      </c>
      <c r="C6184" t="s">
        <v>117</v>
      </c>
      <c r="D6184" t="s">
        <v>118</v>
      </c>
      <c r="E6184">
        <v>2013</v>
      </c>
      <c r="F6184">
        <v>2013</v>
      </c>
      <c r="G6184" t="s">
        <v>125</v>
      </c>
      <c r="H6184" t="s">
        <v>121</v>
      </c>
      <c r="I6184" t="s">
        <v>15</v>
      </c>
      <c r="J6184" s="10">
        <v>33.080117170000001</v>
      </c>
    </row>
    <row r="6185" spans="1:10" x14ac:dyDescent="0.35">
      <c r="A6185" t="s">
        <v>20</v>
      </c>
      <c r="B6185" t="s">
        <v>40</v>
      </c>
      <c r="C6185" t="s">
        <v>117</v>
      </c>
      <c r="D6185" t="s">
        <v>118</v>
      </c>
      <c r="E6185">
        <v>2013</v>
      </c>
      <c r="F6185">
        <v>2013</v>
      </c>
      <c r="G6185" t="s">
        <v>125</v>
      </c>
      <c r="H6185" t="s">
        <v>122</v>
      </c>
      <c r="I6185" t="s">
        <v>15</v>
      </c>
      <c r="J6185" s="10">
        <v>19.81523803</v>
      </c>
    </row>
    <row r="6186" spans="1:10" x14ac:dyDescent="0.35">
      <c r="A6186" t="s">
        <v>20</v>
      </c>
      <c r="B6186" t="s">
        <v>40</v>
      </c>
      <c r="C6186" t="s">
        <v>117</v>
      </c>
      <c r="D6186" t="s">
        <v>118</v>
      </c>
      <c r="E6186">
        <v>2013</v>
      </c>
      <c r="F6186">
        <v>2013</v>
      </c>
      <c r="G6186" t="s">
        <v>125</v>
      </c>
      <c r="H6186" t="s">
        <v>123</v>
      </c>
      <c r="I6186" t="s">
        <v>15</v>
      </c>
      <c r="J6186" s="10">
        <v>13.680110730000001</v>
      </c>
    </row>
    <row r="6187" spans="1:10" x14ac:dyDescent="0.35">
      <c r="A6187" t="s">
        <v>20</v>
      </c>
      <c r="B6187" t="s">
        <v>40</v>
      </c>
      <c r="C6187" t="s">
        <v>117</v>
      </c>
      <c r="D6187" t="s">
        <v>118</v>
      </c>
      <c r="E6187">
        <v>2013</v>
      </c>
      <c r="F6187">
        <v>2013</v>
      </c>
      <c r="G6187" t="s">
        <v>125</v>
      </c>
      <c r="H6187" t="s">
        <v>124</v>
      </c>
      <c r="I6187" t="s">
        <v>15</v>
      </c>
      <c r="J6187" s="10">
        <v>0.83368204199999996</v>
      </c>
    </row>
    <row r="6188" spans="1:10" x14ac:dyDescent="0.35">
      <c r="A6188" t="s">
        <v>20</v>
      </c>
      <c r="B6188" t="s">
        <v>40</v>
      </c>
      <c r="C6188" t="s">
        <v>117</v>
      </c>
      <c r="D6188" t="s">
        <v>118</v>
      </c>
      <c r="E6188">
        <v>2013</v>
      </c>
      <c r="F6188">
        <v>2013</v>
      </c>
      <c r="G6188" t="s">
        <v>126</v>
      </c>
      <c r="H6188" t="s">
        <v>119</v>
      </c>
      <c r="I6188" t="s">
        <v>15</v>
      </c>
      <c r="J6188" s="10">
        <v>17.693027189999999</v>
      </c>
    </row>
    <row r="6189" spans="1:10" x14ac:dyDescent="0.35">
      <c r="A6189" t="s">
        <v>20</v>
      </c>
      <c r="B6189" t="s">
        <v>40</v>
      </c>
      <c r="C6189" t="s">
        <v>117</v>
      </c>
      <c r="D6189" t="s">
        <v>118</v>
      </c>
      <c r="E6189">
        <v>2013</v>
      </c>
      <c r="F6189">
        <v>2013</v>
      </c>
      <c r="G6189" t="s">
        <v>126</v>
      </c>
      <c r="H6189" t="s">
        <v>120</v>
      </c>
      <c r="I6189" t="s">
        <v>15</v>
      </c>
      <c r="J6189" s="10">
        <v>10.69607459</v>
      </c>
    </row>
    <row r="6190" spans="1:10" x14ac:dyDescent="0.35">
      <c r="A6190" t="s">
        <v>20</v>
      </c>
      <c r="B6190" t="s">
        <v>40</v>
      </c>
      <c r="C6190" t="s">
        <v>117</v>
      </c>
      <c r="D6190" t="s">
        <v>118</v>
      </c>
      <c r="E6190">
        <v>2013</v>
      </c>
      <c r="F6190">
        <v>2013</v>
      </c>
      <c r="G6190" t="s">
        <v>126</v>
      </c>
      <c r="H6190" t="s">
        <v>121</v>
      </c>
      <c r="I6190" t="s">
        <v>15</v>
      </c>
      <c r="J6190" s="10">
        <v>33.267960049999999</v>
      </c>
    </row>
    <row r="6191" spans="1:10" x14ac:dyDescent="0.35">
      <c r="A6191" t="s">
        <v>20</v>
      </c>
      <c r="B6191" t="s">
        <v>40</v>
      </c>
      <c r="C6191" t="s">
        <v>117</v>
      </c>
      <c r="D6191" t="s">
        <v>118</v>
      </c>
      <c r="E6191">
        <v>2013</v>
      </c>
      <c r="F6191">
        <v>2013</v>
      </c>
      <c r="G6191" t="s">
        <v>126</v>
      </c>
      <c r="H6191" t="s">
        <v>122</v>
      </c>
      <c r="I6191" t="s">
        <v>15</v>
      </c>
      <c r="J6191" s="10">
        <v>20.46284283</v>
      </c>
    </row>
    <row r="6192" spans="1:10" x14ac:dyDescent="0.35">
      <c r="A6192" t="s">
        <v>20</v>
      </c>
      <c r="B6192" t="s">
        <v>40</v>
      </c>
      <c r="C6192" t="s">
        <v>117</v>
      </c>
      <c r="D6192" t="s">
        <v>118</v>
      </c>
      <c r="E6192">
        <v>2013</v>
      </c>
      <c r="F6192">
        <v>2013</v>
      </c>
      <c r="G6192" t="s">
        <v>126</v>
      </c>
      <c r="H6192" t="s">
        <v>123</v>
      </c>
      <c r="I6192" t="s">
        <v>15</v>
      </c>
      <c r="J6192" s="10">
        <v>16.293033220000002</v>
      </c>
    </row>
    <row r="6193" spans="1:10" x14ac:dyDescent="0.35">
      <c r="A6193" t="s">
        <v>20</v>
      </c>
      <c r="B6193" t="s">
        <v>40</v>
      </c>
      <c r="C6193" t="s">
        <v>117</v>
      </c>
      <c r="D6193" t="s">
        <v>118</v>
      </c>
      <c r="E6193">
        <v>2013</v>
      </c>
      <c r="F6193">
        <v>2013</v>
      </c>
      <c r="G6193" t="s">
        <v>126</v>
      </c>
      <c r="H6193" t="s">
        <v>124</v>
      </c>
      <c r="I6193" t="s">
        <v>15</v>
      </c>
      <c r="J6193" s="10">
        <v>1.5870621250000001</v>
      </c>
    </row>
    <row r="6194" spans="1:10" x14ac:dyDescent="0.35">
      <c r="A6194" t="s">
        <v>20</v>
      </c>
      <c r="B6194" t="s">
        <v>40</v>
      </c>
      <c r="C6194" t="s">
        <v>117</v>
      </c>
      <c r="D6194" t="s">
        <v>118</v>
      </c>
      <c r="E6194">
        <v>2012</v>
      </c>
      <c r="F6194">
        <v>2012</v>
      </c>
      <c r="G6194" t="s">
        <v>14</v>
      </c>
      <c r="H6194" t="s">
        <v>119</v>
      </c>
      <c r="I6194" t="s">
        <v>15</v>
      </c>
      <c r="J6194" s="10">
        <v>19.12118624</v>
      </c>
    </row>
    <row r="6195" spans="1:10" x14ac:dyDescent="0.35">
      <c r="A6195" t="s">
        <v>20</v>
      </c>
      <c r="B6195" t="s">
        <v>40</v>
      </c>
      <c r="C6195" t="s">
        <v>117</v>
      </c>
      <c r="D6195" t="s">
        <v>118</v>
      </c>
      <c r="E6195">
        <v>2012</v>
      </c>
      <c r="F6195">
        <v>2012</v>
      </c>
      <c r="G6195" t="s">
        <v>14</v>
      </c>
      <c r="H6195" t="s">
        <v>120</v>
      </c>
      <c r="I6195" t="s">
        <v>15</v>
      </c>
      <c r="J6195" s="10">
        <v>11.426131509999999</v>
      </c>
    </row>
    <row r="6196" spans="1:10" x14ac:dyDescent="0.35">
      <c r="A6196" t="s">
        <v>20</v>
      </c>
      <c r="B6196" t="s">
        <v>40</v>
      </c>
      <c r="C6196" t="s">
        <v>117</v>
      </c>
      <c r="D6196" t="s">
        <v>118</v>
      </c>
      <c r="E6196">
        <v>2012</v>
      </c>
      <c r="F6196">
        <v>2012</v>
      </c>
      <c r="G6196" t="s">
        <v>14</v>
      </c>
      <c r="H6196" t="s">
        <v>121</v>
      </c>
      <c r="I6196" t="s">
        <v>15</v>
      </c>
      <c r="J6196" s="10">
        <v>33.78619672</v>
      </c>
    </row>
    <row r="6197" spans="1:10" x14ac:dyDescent="0.35">
      <c r="A6197" t="s">
        <v>20</v>
      </c>
      <c r="B6197" t="s">
        <v>40</v>
      </c>
      <c r="C6197" t="s">
        <v>117</v>
      </c>
      <c r="D6197" t="s">
        <v>118</v>
      </c>
      <c r="E6197">
        <v>2012</v>
      </c>
      <c r="F6197">
        <v>2012</v>
      </c>
      <c r="G6197" t="s">
        <v>14</v>
      </c>
      <c r="H6197" t="s">
        <v>122</v>
      </c>
      <c r="I6197" t="s">
        <v>15</v>
      </c>
      <c r="J6197" s="10">
        <v>20.049685579999998</v>
      </c>
    </row>
    <row r="6198" spans="1:10" x14ac:dyDescent="0.35">
      <c r="A6198" t="s">
        <v>20</v>
      </c>
      <c r="B6198" t="s">
        <v>40</v>
      </c>
      <c r="C6198" t="s">
        <v>117</v>
      </c>
      <c r="D6198" t="s">
        <v>118</v>
      </c>
      <c r="E6198">
        <v>2012</v>
      </c>
      <c r="F6198">
        <v>2012</v>
      </c>
      <c r="G6198" t="s">
        <v>14</v>
      </c>
      <c r="H6198" t="s">
        <v>123</v>
      </c>
      <c r="I6198" t="s">
        <v>15</v>
      </c>
      <c r="J6198" s="10">
        <v>14.394845119999999</v>
      </c>
    </row>
    <row r="6199" spans="1:10" x14ac:dyDescent="0.35">
      <c r="A6199" t="s">
        <v>20</v>
      </c>
      <c r="B6199" t="s">
        <v>40</v>
      </c>
      <c r="C6199" t="s">
        <v>117</v>
      </c>
      <c r="D6199" t="s">
        <v>118</v>
      </c>
      <c r="E6199">
        <v>2012</v>
      </c>
      <c r="F6199">
        <v>2012</v>
      </c>
      <c r="G6199" t="s">
        <v>14</v>
      </c>
      <c r="H6199" t="s">
        <v>124</v>
      </c>
      <c r="I6199" t="s">
        <v>15</v>
      </c>
      <c r="J6199" s="10">
        <v>1.2219548170000001</v>
      </c>
    </row>
    <row r="6200" spans="1:10" x14ac:dyDescent="0.35">
      <c r="A6200" t="s">
        <v>20</v>
      </c>
      <c r="B6200" t="s">
        <v>40</v>
      </c>
      <c r="C6200" t="s">
        <v>117</v>
      </c>
      <c r="D6200" t="s">
        <v>118</v>
      </c>
      <c r="E6200">
        <v>2012</v>
      </c>
      <c r="F6200">
        <v>2012</v>
      </c>
      <c r="G6200" t="s">
        <v>125</v>
      </c>
      <c r="H6200" t="s">
        <v>119</v>
      </c>
      <c r="I6200" t="s">
        <v>15</v>
      </c>
      <c r="J6200" s="10">
        <v>20.26030647</v>
      </c>
    </row>
    <row r="6201" spans="1:10" x14ac:dyDescent="0.35">
      <c r="A6201" t="s">
        <v>20</v>
      </c>
      <c r="B6201" t="s">
        <v>40</v>
      </c>
      <c r="C6201" t="s">
        <v>117</v>
      </c>
      <c r="D6201" t="s">
        <v>118</v>
      </c>
      <c r="E6201">
        <v>2012</v>
      </c>
      <c r="F6201">
        <v>2012</v>
      </c>
      <c r="G6201" t="s">
        <v>125</v>
      </c>
      <c r="H6201" t="s">
        <v>120</v>
      </c>
      <c r="I6201" t="s">
        <v>15</v>
      </c>
      <c r="J6201" s="10">
        <v>12.332499840000001</v>
      </c>
    </row>
    <row r="6202" spans="1:10" x14ac:dyDescent="0.35">
      <c r="A6202" t="s">
        <v>20</v>
      </c>
      <c r="B6202" t="s">
        <v>40</v>
      </c>
      <c r="C6202" t="s">
        <v>117</v>
      </c>
      <c r="D6202" t="s">
        <v>118</v>
      </c>
      <c r="E6202">
        <v>2012</v>
      </c>
      <c r="F6202">
        <v>2012</v>
      </c>
      <c r="G6202" t="s">
        <v>125</v>
      </c>
      <c r="H6202" t="s">
        <v>121</v>
      </c>
      <c r="I6202" t="s">
        <v>15</v>
      </c>
      <c r="J6202" s="10">
        <v>33.641084820000003</v>
      </c>
    </row>
    <row r="6203" spans="1:10" x14ac:dyDescent="0.35">
      <c r="A6203" t="s">
        <v>20</v>
      </c>
      <c r="B6203" t="s">
        <v>40</v>
      </c>
      <c r="C6203" t="s">
        <v>117</v>
      </c>
      <c r="D6203" t="s">
        <v>118</v>
      </c>
      <c r="E6203">
        <v>2012</v>
      </c>
      <c r="F6203">
        <v>2012</v>
      </c>
      <c r="G6203" t="s">
        <v>125</v>
      </c>
      <c r="H6203" t="s">
        <v>122</v>
      </c>
      <c r="I6203" t="s">
        <v>15</v>
      </c>
      <c r="J6203" s="10">
        <v>19.859588380000002</v>
      </c>
    </row>
    <row r="6204" spans="1:10" x14ac:dyDescent="0.35">
      <c r="A6204" t="s">
        <v>20</v>
      </c>
      <c r="B6204" t="s">
        <v>40</v>
      </c>
      <c r="C6204" t="s">
        <v>117</v>
      </c>
      <c r="D6204" t="s">
        <v>118</v>
      </c>
      <c r="E6204">
        <v>2012</v>
      </c>
      <c r="F6204">
        <v>2012</v>
      </c>
      <c r="G6204" t="s">
        <v>125</v>
      </c>
      <c r="H6204" t="s">
        <v>123</v>
      </c>
      <c r="I6204" t="s">
        <v>15</v>
      </c>
      <c r="J6204" s="10">
        <v>13.066615369999999</v>
      </c>
    </row>
    <row r="6205" spans="1:10" x14ac:dyDescent="0.35">
      <c r="A6205" t="s">
        <v>20</v>
      </c>
      <c r="B6205" t="s">
        <v>40</v>
      </c>
      <c r="C6205" t="s">
        <v>117</v>
      </c>
      <c r="D6205" t="s">
        <v>118</v>
      </c>
      <c r="E6205">
        <v>2012</v>
      </c>
      <c r="F6205">
        <v>2012</v>
      </c>
      <c r="G6205" t="s">
        <v>125</v>
      </c>
      <c r="H6205" t="s">
        <v>124</v>
      </c>
      <c r="I6205" t="s">
        <v>15</v>
      </c>
      <c r="J6205" s="10">
        <v>0.83990511000000001</v>
      </c>
    </row>
    <row r="6206" spans="1:10" x14ac:dyDescent="0.35">
      <c r="A6206" t="s">
        <v>20</v>
      </c>
      <c r="B6206" t="s">
        <v>40</v>
      </c>
      <c r="C6206" t="s">
        <v>117</v>
      </c>
      <c r="D6206" t="s">
        <v>118</v>
      </c>
      <c r="E6206">
        <v>2012</v>
      </c>
      <c r="F6206">
        <v>2012</v>
      </c>
      <c r="G6206" t="s">
        <v>126</v>
      </c>
      <c r="H6206" t="s">
        <v>119</v>
      </c>
      <c r="I6206" t="s">
        <v>15</v>
      </c>
      <c r="J6206" s="10">
        <v>18.051248080000001</v>
      </c>
    </row>
    <row r="6207" spans="1:10" x14ac:dyDescent="0.35">
      <c r="A6207" t="s">
        <v>20</v>
      </c>
      <c r="B6207" t="s">
        <v>40</v>
      </c>
      <c r="C6207" t="s">
        <v>117</v>
      </c>
      <c r="D6207" t="s">
        <v>118</v>
      </c>
      <c r="E6207">
        <v>2012</v>
      </c>
      <c r="F6207">
        <v>2012</v>
      </c>
      <c r="G6207" t="s">
        <v>126</v>
      </c>
      <c r="H6207" t="s">
        <v>120</v>
      </c>
      <c r="I6207" t="s">
        <v>15</v>
      </c>
      <c r="J6207" s="10">
        <v>10.574809549999999</v>
      </c>
    </row>
    <row r="6208" spans="1:10" x14ac:dyDescent="0.35">
      <c r="A6208" t="s">
        <v>20</v>
      </c>
      <c r="B6208" t="s">
        <v>40</v>
      </c>
      <c r="C6208" t="s">
        <v>117</v>
      </c>
      <c r="D6208" t="s">
        <v>118</v>
      </c>
      <c r="E6208">
        <v>2012</v>
      </c>
      <c r="F6208">
        <v>2012</v>
      </c>
      <c r="G6208" t="s">
        <v>126</v>
      </c>
      <c r="H6208" t="s">
        <v>121</v>
      </c>
      <c r="I6208" t="s">
        <v>15</v>
      </c>
      <c r="J6208" s="10">
        <v>33.922495560000002</v>
      </c>
    </row>
    <row r="6209" spans="1:10" x14ac:dyDescent="0.35">
      <c r="A6209" t="s">
        <v>20</v>
      </c>
      <c r="B6209" t="s">
        <v>40</v>
      </c>
      <c r="C6209" t="s">
        <v>117</v>
      </c>
      <c r="D6209" t="s">
        <v>118</v>
      </c>
      <c r="E6209">
        <v>2012</v>
      </c>
      <c r="F6209">
        <v>2012</v>
      </c>
      <c r="G6209" t="s">
        <v>126</v>
      </c>
      <c r="H6209" t="s">
        <v>122</v>
      </c>
      <c r="I6209" t="s">
        <v>15</v>
      </c>
      <c r="J6209" s="10">
        <v>20.228237629999999</v>
      </c>
    </row>
    <row r="6210" spans="1:10" x14ac:dyDescent="0.35">
      <c r="A6210" t="s">
        <v>20</v>
      </c>
      <c r="B6210" t="s">
        <v>40</v>
      </c>
      <c r="C6210" t="s">
        <v>117</v>
      </c>
      <c r="D6210" t="s">
        <v>118</v>
      </c>
      <c r="E6210">
        <v>2012</v>
      </c>
      <c r="F6210">
        <v>2012</v>
      </c>
      <c r="G6210" t="s">
        <v>126</v>
      </c>
      <c r="H6210" t="s">
        <v>123</v>
      </c>
      <c r="I6210" t="s">
        <v>15</v>
      </c>
      <c r="J6210" s="10">
        <v>15.64240764</v>
      </c>
    </row>
    <row r="6211" spans="1:10" x14ac:dyDescent="0.35">
      <c r="A6211" t="s">
        <v>20</v>
      </c>
      <c r="B6211" t="s">
        <v>40</v>
      </c>
      <c r="C6211" t="s">
        <v>117</v>
      </c>
      <c r="D6211" t="s">
        <v>118</v>
      </c>
      <c r="E6211">
        <v>2012</v>
      </c>
      <c r="F6211">
        <v>2012</v>
      </c>
      <c r="G6211" t="s">
        <v>126</v>
      </c>
      <c r="H6211" t="s">
        <v>124</v>
      </c>
      <c r="I6211" t="s">
        <v>15</v>
      </c>
      <c r="J6211" s="10">
        <v>1.5808015419999999</v>
      </c>
    </row>
    <row r="6212" spans="1:10" x14ac:dyDescent="0.35">
      <c r="A6212" t="s">
        <v>20</v>
      </c>
      <c r="B6212" t="s">
        <v>40</v>
      </c>
      <c r="C6212" t="s">
        <v>117</v>
      </c>
      <c r="D6212" t="s">
        <v>118</v>
      </c>
      <c r="E6212">
        <v>2011</v>
      </c>
      <c r="F6212">
        <v>2011</v>
      </c>
      <c r="G6212" t="s">
        <v>14</v>
      </c>
      <c r="H6212" t="s">
        <v>119</v>
      </c>
      <c r="I6212" t="s">
        <v>15</v>
      </c>
      <c r="J6212" s="10">
        <v>19.439041710000001</v>
      </c>
    </row>
    <row r="6213" spans="1:10" x14ac:dyDescent="0.35">
      <c r="A6213" t="s">
        <v>20</v>
      </c>
      <c r="B6213" t="s">
        <v>40</v>
      </c>
      <c r="C6213" t="s">
        <v>117</v>
      </c>
      <c r="D6213" t="s">
        <v>118</v>
      </c>
      <c r="E6213">
        <v>2011</v>
      </c>
      <c r="F6213">
        <v>2011</v>
      </c>
      <c r="G6213" t="s">
        <v>14</v>
      </c>
      <c r="H6213" t="s">
        <v>120</v>
      </c>
      <c r="I6213" t="s">
        <v>15</v>
      </c>
      <c r="J6213" s="10">
        <v>11.27010589</v>
      </c>
    </row>
    <row r="6214" spans="1:10" x14ac:dyDescent="0.35">
      <c r="A6214" t="s">
        <v>20</v>
      </c>
      <c r="B6214" t="s">
        <v>40</v>
      </c>
      <c r="C6214" t="s">
        <v>117</v>
      </c>
      <c r="D6214" t="s">
        <v>118</v>
      </c>
      <c r="E6214">
        <v>2011</v>
      </c>
      <c r="F6214">
        <v>2011</v>
      </c>
      <c r="G6214" t="s">
        <v>14</v>
      </c>
      <c r="H6214" t="s">
        <v>121</v>
      </c>
      <c r="I6214" t="s">
        <v>15</v>
      </c>
      <c r="J6214" s="10">
        <v>34.420054950000001</v>
      </c>
    </row>
    <row r="6215" spans="1:10" x14ac:dyDescent="0.35">
      <c r="A6215" t="s">
        <v>20</v>
      </c>
      <c r="B6215" t="s">
        <v>40</v>
      </c>
      <c r="C6215" t="s">
        <v>117</v>
      </c>
      <c r="D6215" t="s">
        <v>118</v>
      </c>
      <c r="E6215">
        <v>2011</v>
      </c>
      <c r="F6215">
        <v>2011</v>
      </c>
      <c r="G6215" t="s">
        <v>14</v>
      </c>
      <c r="H6215" t="s">
        <v>122</v>
      </c>
      <c r="I6215" t="s">
        <v>15</v>
      </c>
      <c r="J6215" s="10">
        <v>20.019449850000001</v>
      </c>
    </row>
    <row r="6216" spans="1:10" x14ac:dyDescent="0.35">
      <c r="A6216" t="s">
        <v>20</v>
      </c>
      <c r="B6216" t="s">
        <v>40</v>
      </c>
      <c r="C6216" t="s">
        <v>117</v>
      </c>
      <c r="D6216" t="s">
        <v>118</v>
      </c>
      <c r="E6216">
        <v>2011</v>
      </c>
      <c r="F6216">
        <v>2011</v>
      </c>
      <c r="G6216" t="s">
        <v>14</v>
      </c>
      <c r="H6216" t="s">
        <v>123</v>
      </c>
      <c r="I6216" t="s">
        <v>15</v>
      </c>
      <c r="J6216" s="10">
        <v>13.73992776</v>
      </c>
    </row>
    <row r="6217" spans="1:10" x14ac:dyDescent="0.35">
      <c r="A6217" t="s">
        <v>20</v>
      </c>
      <c r="B6217" t="s">
        <v>40</v>
      </c>
      <c r="C6217" t="s">
        <v>117</v>
      </c>
      <c r="D6217" t="s">
        <v>118</v>
      </c>
      <c r="E6217">
        <v>2011</v>
      </c>
      <c r="F6217">
        <v>2011</v>
      </c>
      <c r="G6217" t="s">
        <v>14</v>
      </c>
      <c r="H6217" t="s">
        <v>124</v>
      </c>
      <c r="I6217" t="s">
        <v>15</v>
      </c>
      <c r="J6217" s="10">
        <v>1.1114198390000001</v>
      </c>
    </row>
    <row r="6218" spans="1:10" x14ac:dyDescent="0.35">
      <c r="A6218" t="s">
        <v>20</v>
      </c>
      <c r="B6218" t="s">
        <v>40</v>
      </c>
      <c r="C6218" t="s">
        <v>117</v>
      </c>
      <c r="D6218" t="s">
        <v>118</v>
      </c>
      <c r="E6218">
        <v>2011</v>
      </c>
      <c r="F6218">
        <v>2011</v>
      </c>
      <c r="G6218" t="s">
        <v>125</v>
      </c>
      <c r="H6218" t="s">
        <v>119</v>
      </c>
      <c r="I6218" t="s">
        <v>15</v>
      </c>
      <c r="J6218" s="10">
        <v>20.5730659</v>
      </c>
    </row>
    <row r="6219" spans="1:10" x14ac:dyDescent="0.35">
      <c r="A6219" t="s">
        <v>20</v>
      </c>
      <c r="B6219" t="s">
        <v>40</v>
      </c>
      <c r="C6219" t="s">
        <v>117</v>
      </c>
      <c r="D6219" t="s">
        <v>118</v>
      </c>
      <c r="E6219">
        <v>2011</v>
      </c>
      <c r="F6219">
        <v>2011</v>
      </c>
      <c r="G6219" t="s">
        <v>125</v>
      </c>
      <c r="H6219" t="s">
        <v>120</v>
      </c>
      <c r="I6219" t="s">
        <v>15</v>
      </c>
      <c r="J6219" s="10">
        <v>12.18401783</v>
      </c>
    </row>
    <row r="6220" spans="1:10" x14ac:dyDescent="0.35">
      <c r="A6220" t="s">
        <v>20</v>
      </c>
      <c r="B6220" t="s">
        <v>40</v>
      </c>
      <c r="C6220" t="s">
        <v>117</v>
      </c>
      <c r="D6220" t="s">
        <v>118</v>
      </c>
      <c r="E6220">
        <v>2011</v>
      </c>
      <c r="F6220">
        <v>2011</v>
      </c>
      <c r="G6220" t="s">
        <v>125</v>
      </c>
      <c r="H6220" t="s">
        <v>121</v>
      </c>
      <c r="I6220" t="s">
        <v>15</v>
      </c>
      <c r="J6220" s="10">
        <v>34.390321550000003</v>
      </c>
    </row>
    <row r="6221" spans="1:10" x14ac:dyDescent="0.35">
      <c r="A6221" t="s">
        <v>20</v>
      </c>
      <c r="B6221" t="s">
        <v>40</v>
      </c>
      <c r="C6221" t="s">
        <v>117</v>
      </c>
      <c r="D6221" t="s">
        <v>118</v>
      </c>
      <c r="E6221">
        <v>2011</v>
      </c>
      <c r="F6221">
        <v>2011</v>
      </c>
      <c r="G6221" t="s">
        <v>125</v>
      </c>
      <c r="H6221" t="s">
        <v>122</v>
      </c>
      <c r="I6221" t="s">
        <v>15</v>
      </c>
      <c r="J6221" s="10">
        <v>19.72938555</v>
      </c>
    </row>
    <row r="6222" spans="1:10" x14ac:dyDescent="0.35">
      <c r="A6222" t="s">
        <v>20</v>
      </c>
      <c r="B6222" t="s">
        <v>40</v>
      </c>
      <c r="C6222" t="s">
        <v>117</v>
      </c>
      <c r="D6222" t="s">
        <v>118</v>
      </c>
      <c r="E6222">
        <v>2011</v>
      </c>
      <c r="F6222">
        <v>2011</v>
      </c>
      <c r="G6222" t="s">
        <v>125</v>
      </c>
      <c r="H6222" t="s">
        <v>123</v>
      </c>
      <c r="I6222" t="s">
        <v>15</v>
      </c>
      <c r="J6222" s="10">
        <v>12.39095829</v>
      </c>
    </row>
    <row r="6223" spans="1:10" x14ac:dyDescent="0.35">
      <c r="A6223" t="s">
        <v>20</v>
      </c>
      <c r="B6223" t="s">
        <v>40</v>
      </c>
      <c r="C6223" t="s">
        <v>117</v>
      </c>
      <c r="D6223" t="s">
        <v>118</v>
      </c>
      <c r="E6223">
        <v>2011</v>
      </c>
      <c r="F6223">
        <v>2011</v>
      </c>
      <c r="G6223" t="s">
        <v>125</v>
      </c>
      <c r="H6223" t="s">
        <v>124</v>
      </c>
      <c r="I6223" t="s">
        <v>15</v>
      </c>
      <c r="J6223" s="10">
        <v>0.73225087600000005</v>
      </c>
    </row>
    <row r="6224" spans="1:10" x14ac:dyDescent="0.35">
      <c r="A6224" t="s">
        <v>20</v>
      </c>
      <c r="B6224" t="s">
        <v>40</v>
      </c>
      <c r="C6224" t="s">
        <v>117</v>
      </c>
      <c r="D6224" t="s">
        <v>118</v>
      </c>
      <c r="E6224">
        <v>2011</v>
      </c>
      <c r="F6224">
        <v>2011</v>
      </c>
      <c r="G6224" t="s">
        <v>126</v>
      </c>
      <c r="H6224" t="s">
        <v>119</v>
      </c>
      <c r="I6224" t="s">
        <v>15</v>
      </c>
      <c r="J6224" s="10">
        <v>18.371688840000001</v>
      </c>
    </row>
    <row r="6225" spans="1:10" x14ac:dyDescent="0.35">
      <c r="A6225" t="s">
        <v>20</v>
      </c>
      <c r="B6225" t="s">
        <v>40</v>
      </c>
      <c r="C6225" t="s">
        <v>117</v>
      </c>
      <c r="D6225" t="s">
        <v>118</v>
      </c>
      <c r="E6225">
        <v>2011</v>
      </c>
      <c r="F6225">
        <v>2011</v>
      </c>
      <c r="G6225" t="s">
        <v>126</v>
      </c>
      <c r="H6225" t="s">
        <v>120</v>
      </c>
      <c r="I6225" t="s">
        <v>15</v>
      </c>
      <c r="J6225" s="10">
        <v>10.40992449</v>
      </c>
    </row>
    <row r="6226" spans="1:10" x14ac:dyDescent="0.35">
      <c r="A6226" t="s">
        <v>20</v>
      </c>
      <c r="B6226" t="s">
        <v>40</v>
      </c>
      <c r="C6226" t="s">
        <v>117</v>
      </c>
      <c r="D6226" t="s">
        <v>118</v>
      </c>
      <c r="E6226">
        <v>2011</v>
      </c>
      <c r="F6226">
        <v>2011</v>
      </c>
      <c r="G6226" t="s">
        <v>126</v>
      </c>
      <c r="H6226" t="s">
        <v>121</v>
      </c>
      <c r="I6226" t="s">
        <v>15</v>
      </c>
      <c r="J6226" s="10">
        <v>34.44804027</v>
      </c>
    </row>
    <row r="6227" spans="1:10" x14ac:dyDescent="0.35">
      <c r="A6227" t="s">
        <v>20</v>
      </c>
      <c r="B6227" t="s">
        <v>40</v>
      </c>
      <c r="C6227" t="s">
        <v>117</v>
      </c>
      <c r="D6227" t="s">
        <v>118</v>
      </c>
      <c r="E6227">
        <v>2011</v>
      </c>
      <c r="F6227">
        <v>2011</v>
      </c>
      <c r="G6227" t="s">
        <v>126</v>
      </c>
      <c r="H6227" t="s">
        <v>122</v>
      </c>
      <c r="I6227" t="s">
        <v>15</v>
      </c>
      <c r="J6227" s="10">
        <v>20.29246075</v>
      </c>
    </row>
    <row r="6228" spans="1:10" x14ac:dyDescent="0.35">
      <c r="A6228" t="s">
        <v>20</v>
      </c>
      <c r="B6228" t="s">
        <v>40</v>
      </c>
      <c r="C6228" t="s">
        <v>117</v>
      </c>
      <c r="D6228" t="s">
        <v>118</v>
      </c>
      <c r="E6228">
        <v>2011</v>
      </c>
      <c r="F6228">
        <v>2011</v>
      </c>
      <c r="G6228" t="s">
        <v>126</v>
      </c>
      <c r="H6228" t="s">
        <v>123</v>
      </c>
      <c r="I6228" t="s">
        <v>15</v>
      </c>
      <c r="J6228" s="10">
        <v>15.009588880000001</v>
      </c>
    </row>
    <row r="6229" spans="1:10" x14ac:dyDescent="0.35">
      <c r="A6229" t="s">
        <v>20</v>
      </c>
      <c r="B6229" t="s">
        <v>40</v>
      </c>
      <c r="C6229" t="s">
        <v>117</v>
      </c>
      <c r="D6229" t="s">
        <v>118</v>
      </c>
      <c r="E6229">
        <v>2011</v>
      </c>
      <c r="F6229">
        <v>2011</v>
      </c>
      <c r="G6229" t="s">
        <v>126</v>
      </c>
      <c r="H6229" t="s">
        <v>124</v>
      </c>
      <c r="I6229" t="s">
        <v>15</v>
      </c>
      <c r="J6229" s="10">
        <v>1.4682967760000001</v>
      </c>
    </row>
    <row r="6230" spans="1:10" x14ac:dyDescent="0.35">
      <c r="A6230" t="s">
        <v>35</v>
      </c>
      <c r="B6230" t="s">
        <v>41</v>
      </c>
      <c r="C6230" t="s">
        <v>117</v>
      </c>
      <c r="D6230" t="s">
        <v>118</v>
      </c>
      <c r="E6230">
        <v>2020</v>
      </c>
      <c r="F6230">
        <v>2020</v>
      </c>
      <c r="G6230" t="s">
        <v>14</v>
      </c>
      <c r="H6230" t="s">
        <v>119</v>
      </c>
      <c r="I6230" t="s">
        <v>15</v>
      </c>
      <c r="J6230" s="10">
        <v>15.007650269999999</v>
      </c>
    </row>
    <row r="6231" spans="1:10" x14ac:dyDescent="0.35">
      <c r="A6231" t="s">
        <v>35</v>
      </c>
      <c r="B6231" t="s">
        <v>41</v>
      </c>
      <c r="C6231" t="s">
        <v>117</v>
      </c>
      <c r="D6231" t="s">
        <v>118</v>
      </c>
      <c r="E6231">
        <v>2020</v>
      </c>
      <c r="F6231">
        <v>2020</v>
      </c>
      <c r="G6231" t="s">
        <v>14</v>
      </c>
      <c r="H6231" t="s">
        <v>120</v>
      </c>
      <c r="I6231" t="s">
        <v>15</v>
      </c>
      <c r="J6231" s="10">
        <v>9.4571948999999993</v>
      </c>
    </row>
    <row r="6232" spans="1:10" x14ac:dyDescent="0.35">
      <c r="A6232" t="s">
        <v>35</v>
      </c>
      <c r="B6232" t="s">
        <v>41</v>
      </c>
      <c r="C6232" t="s">
        <v>117</v>
      </c>
      <c r="D6232" t="s">
        <v>118</v>
      </c>
      <c r="E6232">
        <v>2020</v>
      </c>
      <c r="F6232">
        <v>2020</v>
      </c>
      <c r="G6232" t="s">
        <v>14</v>
      </c>
      <c r="H6232" t="s">
        <v>121</v>
      </c>
      <c r="I6232" t="s">
        <v>15</v>
      </c>
      <c r="J6232" s="10">
        <v>25.919125680000001</v>
      </c>
    </row>
    <row r="6233" spans="1:10" x14ac:dyDescent="0.35">
      <c r="A6233" t="s">
        <v>35</v>
      </c>
      <c r="B6233" t="s">
        <v>41</v>
      </c>
      <c r="C6233" t="s">
        <v>117</v>
      </c>
      <c r="D6233" t="s">
        <v>118</v>
      </c>
      <c r="E6233">
        <v>2020</v>
      </c>
      <c r="F6233">
        <v>2020</v>
      </c>
      <c r="G6233" t="s">
        <v>14</v>
      </c>
      <c r="H6233" t="s">
        <v>122</v>
      </c>
      <c r="I6233" t="s">
        <v>15</v>
      </c>
      <c r="J6233" s="10">
        <v>23.919854279999999</v>
      </c>
    </row>
    <row r="6234" spans="1:10" x14ac:dyDescent="0.35">
      <c r="A6234" t="s">
        <v>35</v>
      </c>
      <c r="B6234" t="s">
        <v>41</v>
      </c>
      <c r="C6234" t="s">
        <v>117</v>
      </c>
      <c r="D6234" t="s">
        <v>118</v>
      </c>
      <c r="E6234">
        <v>2020</v>
      </c>
      <c r="F6234">
        <v>2020</v>
      </c>
      <c r="G6234" t="s">
        <v>14</v>
      </c>
      <c r="H6234" t="s">
        <v>123</v>
      </c>
      <c r="I6234" t="s">
        <v>15</v>
      </c>
      <c r="J6234" s="10">
        <v>22.79052823</v>
      </c>
    </row>
    <row r="6235" spans="1:10" x14ac:dyDescent="0.35">
      <c r="A6235" t="s">
        <v>35</v>
      </c>
      <c r="B6235" t="s">
        <v>41</v>
      </c>
      <c r="C6235" t="s">
        <v>117</v>
      </c>
      <c r="D6235" t="s">
        <v>118</v>
      </c>
      <c r="E6235">
        <v>2020</v>
      </c>
      <c r="F6235">
        <v>2020</v>
      </c>
      <c r="G6235" t="s">
        <v>14</v>
      </c>
      <c r="H6235" t="s">
        <v>124</v>
      </c>
      <c r="I6235" t="s">
        <v>15</v>
      </c>
      <c r="J6235" s="10">
        <v>2.9056466300000001</v>
      </c>
    </row>
    <row r="6236" spans="1:10" x14ac:dyDescent="0.35">
      <c r="A6236" t="s">
        <v>35</v>
      </c>
      <c r="B6236" t="s">
        <v>41</v>
      </c>
      <c r="C6236" t="s">
        <v>117</v>
      </c>
      <c r="D6236" t="s">
        <v>118</v>
      </c>
      <c r="E6236">
        <v>2020</v>
      </c>
      <c r="F6236">
        <v>2020</v>
      </c>
      <c r="G6236" t="s">
        <v>125</v>
      </c>
      <c r="H6236" t="s">
        <v>119</v>
      </c>
      <c r="I6236" t="s">
        <v>15</v>
      </c>
      <c r="J6236" s="10">
        <v>16.246361270000001</v>
      </c>
    </row>
    <row r="6237" spans="1:10" x14ac:dyDescent="0.35">
      <c r="A6237" t="s">
        <v>35</v>
      </c>
      <c r="B6237" t="s">
        <v>41</v>
      </c>
      <c r="C6237" t="s">
        <v>117</v>
      </c>
      <c r="D6237" t="s">
        <v>118</v>
      </c>
      <c r="E6237">
        <v>2020</v>
      </c>
      <c r="F6237">
        <v>2020</v>
      </c>
      <c r="G6237" t="s">
        <v>125</v>
      </c>
      <c r="H6237" t="s">
        <v>120</v>
      </c>
      <c r="I6237" t="s">
        <v>15</v>
      </c>
      <c r="J6237" s="10">
        <v>10.12409989</v>
      </c>
    </row>
    <row r="6238" spans="1:10" x14ac:dyDescent="0.35">
      <c r="A6238" t="s">
        <v>35</v>
      </c>
      <c r="B6238" t="s">
        <v>41</v>
      </c>
      <c r="C6238" t="s">
        <v>117</v>
      </c>
      <c r="D6238" t="s">
        <v>118</v>
      </c>
      <c r="E6238">
        <v>2020</v>
      </c>
      <c r="F6238">
        <v>2020</v>
      </c>
      <c r="G6238" t="s">
        <v>125</v>
      </c>
      <c r="H6238" t="s">
        <v>121</v>
      </c>
      <c r="I6238" t="s">
        <v>15</v>
      </c>
      <c r="J6238" s="10">
        <v>25.647311169999998</v>
      </c>
    </row>
    <row r="6239" spans="1:10" x14ac:dyDescent="0.35">
      <c r="A6239" t="s">
        <v>35</v>
      </c>
      <c r="B6239" t="s">
        <v>41</v>
      </c>
      <c r="C6239" t="s">
        <v>117</v>
      </c>
      <c r="D6239" t="s">
        <v>118</v>
      </c>
      <c r="E6239">
        <v>2020</v>
      </c>
      <c r="F6239">
        <v>2020</v>
      </c>
      <c r="G6239" t="s">
        <v>125</v>
      </c>
      <c r="H6239" t="s">
        <v>122</v>
      </c>
      <c r="I6239" t="s">
        <v>15</v>
      </c>
      <c r="J6239" s="10">
        <v>23.775088100000001</v>
      </c>
    </row>
    <row r="6240" spans="1:10" x14ac:dyDescent="0.35">
      <c r="A6240" t="s">
        <v>35</v>
      </c>
      <c r="B6240" t="s">
        <v>41</v>
      </c>
      <c r="C6240" t="s">
        <v>117</v>
      </c>
      <c r="D6240" t="s">
        <v>118</v>
      </c>
      <c r="E6240">
        <v>2020</v>
      </c>
      <c r="F6240">
        <v>2020</v>
      </c>
      <c r="G6240" t="s">
        <v>125</v>
      </c>
      <c r="H6240" t="s">
        <v>123</v>
      </c>
      <c r="I6240" t="s">
        <v>15</v>
      </c>
      <c r="J6240" s="10">
        <v>22.065267349999999</v>
      </c>
    </row>
    <row r="6241" spans="1:10" x14ac:dyDescent="0.35">
      <c r="A6241" t="s">
        <v>35</v>
      </c>
      <c r="B6241" t="s">
        <v>41</v>
      </c>
      <c r="C6241" t="s">
        <v>117</v>
      </c>
      <c r="D6241" t="s">
        <v>118</v>
      </c>
      <c r="E6241">
        <v>2020</v>
      </c>
      <c r="F6241">
        <v>2020</v>
      </c>
      <c r="G6241" t="s">
        <v>125</v>
      </c>
      <c r="H6241" t="s">
        <v>124</v>
      </c>
      <c r="I6241" t="s">
        <v>15</v>
      </c>
      <c r="J6241" s="10">
        <v>2.141872223</v>
      </c>
    </row>
    <row r="6242" spans="1:10" x14ac:dyDescent="0.35">
      <c r="A6242" t="s">
        <v>35</v>
      </c>
      <c r="B6242" t="s">
        <v>41</v>
      </c>
      <c r="C6242" t="s">
        <v>117</v>
      </c>
      <c r="D6242" t="s">
        <v>118</v>
      </c>
      <c r="E6242">
        <v>2020</v>
      </c>
      <c r="F6242">
        <v>2020</v>
      </c>
      <c r="G6242" t="s">
        <v>126</v>
      </c>
      <c r="H6242" t="s">
        <v>119</v>
      </c>
      <c r="I6242" t="s">
        <v>15</v>
      </c>
      <c r="J6242" s="10">
        <v>13.884412340000001</v>
      </c>
    </row>
    <row r="6243" spans="1:10" x14ac:dyDescent="0.35">
      <c r="A6243" t="s">
        <v>35</v>
      </c>
      <c r="B6243" t="s">
        <v>41</v>
      </c>
      <c r="C6243" t="s">
        <v>117</v>
      </c>
      <c r="D6243" t="s">
        <v>118</v>
      </c>
      <c r="E6243">
        <v>2020</v>
      </c>
      <c r="F6243">
        <v>2020</v>
      </c>
      <c r="G6243" t="s">
        <v>126</v>
      </c>
      <c r="H6243" t="s">
        <v>120</v>
      </c>
      <c r="I6243" t="s">
        <v>15</v>
      </c>
      <c r="J6243" s="10">
        <v>8.8524590159999992</v>
      </c>
    </row>
    <row r="6244" spans="1:10" x14ac:dyDescent="0.35">
      <c r="A6244" t="s">
        <v>35</v>
      </c>
      <c r="B6244" t="s">
        <v>41</v>
      </c>
      <c r="C6244" t="s">
        <v>117</v>
      </c>
      <c r="D6244" t="s">
        <v>118</v>
      </c>
      <c r="E6244">
        <v>2020</v>
      </c>
      <c r="F6244">
        <v>2020</v>
      </c>
      <c r="G6244" t="s">
        <v>126</v>
      </c>
      <c r="H6244" t="s">
        <v>121</v>
      </c>
      <c r="I6244" t="s">
        <v>15</v>
      </c>
      <c r="J6244" s="10">
        <v>26.165601559999999</v>
      </c>
    </row>
    <row r="6245" spans="1:10" x14ac:dyDescent="0.35">
      <c r="A6245" t="s">
        <v>35</v>
      </c>
      <c r="B6245" t="s">
        <v>41</v>
      </c>
      <c r="C6245" t="s">
        <v>117</v>
      </c>
      <c r="D6245" t="s">
        <v>118</v>
      </c>
      <c r="E6245">
        <v>2020</v>
      </c>
      <c r="F6245">
        <v>2020</v>
      </c>
      <c r="G6245" t="s">
        <v>126</v>
      </c>
      <c r="H6245" t="s">
        <v>122</v>
      </c>
      <c r="I6245" t="s">
        <v>15</v>
      </c>
      <c r="J6245" s="10">
        <v>24.05112531</v>
      </c>
    </row>
    <row r="6246" spans="1:10" x14ac:dyDescent="0.35">
      <c r="A6246" t="s">
        <v>35</v>
      </c>
      <c r="B6246" t="s">
        <v>41</v>
      </c>
      <c r="C6246" t="s">
        <v>117</v>
      </c>
      <c r="D6246" t="s">
        <v>118</v>
      </c>
      <c r="E6246">
        <v>2020</v>
      </c>
      <c r="F6246">
        <v>2020</v>
      </c>
      <c r="G6246" t="s">
        <v>126</v>
      </c>
      <c r="H6246" t="s">
        <v>123</v>
      </c>
      <c r="I6246" t="s">
        <v>15</v>
      </c>
      <c r="J6246" s="10">
        <v>23.448180050000001</v>
      </c>
    </row>
    <row r="6247" spans="1:10" x14ac:dyDescent="0.35">
      <c r="A6247" t="s">
        <v>35</v>
      </c>
      <c r="B6247" t="s">
        <v>41</v>
      </c>
      <c r="C6247" t="s">
        <v>117</v>
      </c>
      <c r="D6247" t="s">
        <v>118</v>
      </c>
      <c r="E6247">
        <v>2020</v>
      </c>
      <c r="F6247">
        <v>2020</v>
      </c>
      <c r="G6247" t="s">
        <v>126</v>
      </c>
      <c r="H6247" t="s">
        <v>124</v>
      </c>
      <c r="I6247" t="s">
        <v>15</v>
      </c>
      <c r="J6247" s="10">
        <v>3.598221728</v>
      </c>
    </row>
    <row r="6248" spans="1:10" x14ac:dyDescent="0.35">
      <c r="A6248" t="s">
        <v>35</v>
      </c>
      <c r="B6248" t="s">
        <v>41</v>
      </c>
      <c r="C6248" t="s">
        <v>117</v>
      </c>
      <c r="D6248" t="s">
        <v>118</v>
      </c>
      <c r="E6248">
        <v>2019</v>
      </c>
      <c r="F6248">
        <v>2019</v>
      </c>
      <c r="G6248" t="s">
        <v>14</v>
      </c>
      <c r="H6248" t="s">
        <v>119</v>
      </c>
      <c r="I6248" t="s">
        <v>15</v>
      </c>
      <c r="J6248" s="10">
        <v>15.197009</v>
      </c>
    </row>
    <row r="6249" spans="1:10" x14ac:dyDescent="0.35">
      <c r="A6249" t="s">
        <v>35</v>
      </c>
      <c r="B6249" t="s">
        <v>41</v>
      </c>
      <c r="C6249" t="s">
        <v>117</v>
      </c>
      <c r="D6249" t="s">
        <v>118</v>
      </c>
      <c r="E6249">
        <v>2019</v>
      </c>
      <c r="F6249">
        <v>2019</v>
      </c>
      <c r="G6249" t="s">
        <v>14</v>
      </c>
      <c r="H6249" t="s">
        <v>120</v>
      </c>
      <c r="I6249" t="s">
        <v>15</v>
      </c>
      <c r="J6249" s="10">
        <v>9.6019244419999996</v>
      </c>
    </row>
    <row r="6250" spans="1:10" x14ac:dyDescent="0.35">
      <c r="A6250" t="s">
        <v>35</v>
      </c>
      <c r="B6250" t="s">
        <v>41</v>
      </c>
      <c r="C6250" t="s">
        <v>117</v>
      </c>
      <c r="D6250" t="s">
        <v>118</v>
      </c>
      <c r="E6250">
        <v>2019</v>
      </c>
      <c r="F6250">
        <v>2019</v>
      </c>
      <c r="G6250" t="s">
        <v>14</v>
      </c>
      <c r="H6250" t="s">
        <v>121</v>
      </c>
      <c r="I6250" t="s">
        <v>15</v>
      </c>
      <c r="J6250" s="10">
        <v>26.13502978</v>
      </c>
    </row>
    <row r="6251" spans="1:10" x14ac:dyDescent="0.35">
      <c r="A6251" t="s">
        <v>35</v>
      </c>
      <c r="B6251" t="s">
        <v>41</v>
      </c>
      <c r="C6251" t="s">
        <v>117</v>
      </c>
      <c r="D6251" t="s">
        <v>118</v>
      </c>
      <c r="E6251">
        <v>2019</v>
      </c>
      <c r="F6251">
        <v>2019</v>
      </c>
      <c r="G6251" t="s">
        <v>14</v>
      </c>
      <c r="H6251" t="s">
        <v>122</v>
      </c>
      <c r="I6251" t="s">
        <v>15</v>
      </c>
      <c r="J6251" s="10">
        <v>23.63383425</v>
      </c>
    </row>
    <row r="6252" spans="1:10" x14ac:dyDescent="0.35">
      <c r="A6252" t="s">
        <v>35</v>
      </c>
      <c r="B6252" t="s">
        <v>41</v>
      </c>
      <c r="C6252" t="s">
        <v>117</v>
      </c>
      <c r="D6252" t="s">
        <v>118</v>
      </c>
      <c r="E6252">
        <v>2019</v>
      </c>
      <c r="F6252">
        <v>2019</v>
      </c>
      <c r="G6252" t="s">
        <v>14</v>
      </c>
      <c r="H6252" t="s">
        <v>123</v>
      </c>
      <c r="I6252" t="s">
        <v>15</v>
      </c>
      <c r="J6252" s="10">
        <v>22.465836800000002</v>
      </c>
    </row>
    <row r="6253" spans="1:10" x14ac:dyDescent="0.35">
      <c r="A6253" t="s">
        <v>35</v>
      </c>
      <c r="B6253" t="s">
        <v>41</v>
      </c>
      <c r="C6253" t="s">
        <v>117</v>
      </c>
      <c r="D6253" t="s">
        <v>118</v>
      </c>
      <c r="E6253">
        <v>2019</v>
      </c>
      <c r="F6253">
        <v>2019</v>
      </c>
      <c r="G6253" t="s">
        <v>14</v>
      </c>
      <c r="H6253" t="s">
        <v>124</v>
      </c>
      <c r="I6253" t="s">
        <v>15</v>
      </c>
      <c r="J6253" s="10">
        <v>2.9663657309999998</v>
      </c>
    </row>
    <row r="6254" spans="1:10" x14ac:dyDescent="0.35">
      <c r="A6254" t="s">
        <v>35</v>
      </c>
      <c r="B6254" t="s">
        <v>41</v>
      </c>
      <c r="C6254" t="s">
        <v>117</v>
      </c>
      <c r="D6254" t="s">
        <v>118</v>
      </c>
      <c r="E6254">
        <v>2019</v>
      </c>
      <c r="F6254">
        <v>2019</v>
      </c>
      <c r="G6254" t="s">
        <v>125</v>
      </c>
      <c r="H6254" t="s">
        <v>119</v>
      </c>
      <c r="I6254" t="s">
        <v>15</v>
      </c>
      <c r="J6254" s="10">
        <v>16.383853770000002</v>
      </c>
    </row>
    <row r="6255" spans="1:10" x14ac:dyDescent="0.35">
      <c r="A6255" t="s">
        <v>35</v>
      </c>
      <c r="B6255" t="s">
        <v>41</v>
      </c>
      <c r="C6255" t="s">
        <v>117</v>
      </c>
      <c r="D6255" t="s">
        <v>118</v>
      </c>
      <c r="E6255">
        <v>2019</v>
      </c>
      <c r="F6255">
        <v>2019</v>
      </c>
      <c r="G6255" t="s">
        <v>125</v>
      </c>
      <c r="H6255" t="s">
        <v>120</v>
      </c>
      <c r="I6255" t="s">
        <v>15</v>
      </c>
      <c r="J6255" s="10">
        <v>10.30312262</v>
      </c>
    </row>
    <row r="6256" spans="1:10" x14ac:dyDescent="0.35">
      <c r="A6256" t="s">
        <v>35</v>
      </c>
      <c r="B6256" t="s">
        <v>41</v>
      </c>
      <c r="C6256" t="s">
        <v>117</v>
      </c>
      <c r="D6256" t="s">
        <v>118</v>
      </c>
      <c r="E6256">
        <v>2019</v>
      </c>
      <c r="F6256">
        <v>2019</v>
      </c>
      <c r="G6256" t="s">
        <v>125</v>
      </c>
      <c r="H6256" t="s">
        <v>121</v>
      </c>
      <c r="I6256" t="s">
        <v>15</v>
      </c>
      <c r="J6256" s="10">
        <v>25.803503429999999</v>
      </c>
    </row>
    <row r="6257" spans="1:10" x14ac:dyDescent="0.35">
      <c r="A6257" t="s">
        <v>35</v>
      </c>
      <c r="B6257" t="s">
        <v>41</v>
      </c>
      <c r="C6257" t="s">
        <v>117</v>
      </c>
      <c r="D6257" t="s">
        <v>118</v>
      </c>
      <c r="E6257">
        <v>2019</v>
      </c>
      <c r="F6257">
        <v>2019</v>
      </c>
      <c r="G6257" t="s">
        <v>125</v>
      </c>
      <c r="H6257" t="s">
        <v>122</v>
      </c>
      <c r="I6257" t="s">
        <v>15</v>
      </c>
      <c r="J6257" s="10">
        <v>23.616146229999998</v>
      </c>
    </row>
    <row r="6258" spans="1:10" x14ac:dyDescent="0.35">
      <c r="A6258" t="s">
        <v>35</v>
      </c>
      <c r="B6258" t="s">
        <v>41</v>
      </c>
      <c r="C6258" t="s">
        <v>117</v>
      </c>
      <c r="D6258" t="s">
        <v>118</v>
      </c>
      <c r="E6258">
        <v>2019</v>
      </c>
      <c r="F6258">
        <v>2019</v>
      </c>
      <c r="G6258" t="s">
        <v>125</v>
      </c>
      <c r="H6258" t="s">
        <v>123</v>
      </c>
      <c r="I6258" t="s">
        <v>15</v>
      </c>
      <c r="J6258" s="10">
        <v>21.739527800000001</v>
      </c>
    </row>
    <row r="6259" spans="1:10" x14ac:dyDescent="0.35">
      <c r="A6259" t="s">
        <v>35</v>
      </c>
      <c r="B6259" t="s">
        <v>41</v>
      </c>
      <c r="C6259" t="s">
        <v>117</v>
      </c>
      <c r="D6259" t="s">
        <v>118</v>
      </c>
      <c r="E6259">
        <v>2019</v>
      </c>
      <c r="F6259">
        <v>2019</v>
      </c>
      <c r="G6259" t="s">
        <v>125</v>
      </c>
      <c r="H6259" t="s">
        <v>124</v>
      </c>
      <c r="I6259" t="s">
        <v>15</v>
      </c>
      <c r="J6259" s="10">
        <v>2.153846154</v>
      </c>
    </row>
    <row r="6260" spans="1:10" x14ac:dyDescent="0.35">
      <c r="A6260" t="s">
        <v>35</v>
      </c>
      <c r="B6260" t="s">
        <v>41</v>
      </c>
      <c r="C6260" t="s">
        <v>117</v>
      </c>
      <c r="D6260" t="s">
        <v>118</v>
      </c>
      <c r="E6260">
        <v>2019</v>
      </c>
      <c r="F6260">
        <v>2019</v>
      </c>
      <c r="G6260" t="s">
        <v>126</v>
      </c>
      <c r="H6260" t="s">
        <v>119</v>
      </c>
      <c r="I6260" t="s">
        <v>15</v>
      </c>
      <c r="J6260" s="10">
        <v>14.1202808</v>
      </c>
    </row>
    <row r="6261" spans="1:10" x14ac:dyDescent="0.35">
      <c r="A6261" t="s">
        <v>35</v>
      </c>
      <c r="B6261" t="s">
        <v>41</v>
      </c>
      <c r="C6261" t="s">
        <v>117</v>
      </c>
      <c r="D6261" t="s">
        <v>118</v>
      </c>
      <c r="E6261">
        <v>2019</v>
      </c>
      <c r="F6261">
        <v>2019</v>
      </c>
      <c r="G6261" t="s">
        <v>126</v>
      </c>
      <c r="H6261" t="s">
        <v>120</v>
      </c>
      <c r="I6261" t="s">
        <v>15</v>
      </c>
      <c r="J6261" s="10">
        <v>8.9657840919999998</v>
      </c>
    </row>
    <row r="6262" spans="1:10" x14ac:dyDescent="0.35">
      <c r="A6262" t="s">
        <v>35</v>
      </c>
      <c r="B6262" t="s">
        <v>41</v>
      </c>
      <c r="C6262" t="s">
        <v>117</v>
      </c>
      <c r="D6262" t="s">
        <v>118</v>
      </c>
      <c r="E6262">
        <v>2019</v>
      </c>
      <c r="F6262">
        <v>2019</v>
      </c>
      <c r="G6262" t="s">
        <v>126</v>
      </c>
      <c r="H6262" t="s">
        <v>121</v>
      </c>
      <c r="I6262" t="s">
        <v>15</v>
      </c>
      <c r="J6262" s="10">
        <v>26.435796809999999</v>
      </c>
    </row>
    <row r="6263" spans="1:10" x14ac:dyDescent="0.35">
      <c r="A6263" t="s">
        <v>35</v>
      </c>
      <c r="B6263" t="s">
        <v>41</v>
      </c>
      <c r="C6263" t="s">
        <v>117</v>
      </c>
      <c r="D6263" t="s">
        <v>118</v>
      </c>
      <c r="E6263">
        <v>2019</v>
      </c>
      <c r="F6263">
        <v>2019</v>
      </c>
      <c r="G6263" t="s">
        <v>126</v>
      </c>
      <c r="H6263" t="s">
        <v>122</v>
      </c>
      <c r="I6263" t="s">
        <v>15</v>
      </c>
      <c r="J6263" s="10">
        <v>23.64988116</v>
      </c>
    </row>
    <row r="6264" spans="1:10" x14ac:dyDescent="0.35">
      <c r="A6264" t="s">
        <v>35</v>
      </c>
      <c r="B6264" t="s">
        <v>41</v>
      </c>
      <c r="C6264" t="s">
        <v>117</v>
      </c>
      <c r="D6264" t="s">
        <v>118</v>
      </c>
      <c r="E6264">
        <v>2019</v>
      </c>
      <c r="F6264">
        <v>2019</v>
      </c>
      <c r="G6264" t="s">
        <v>126</v>
      </c>
      <c r="H6264" t="s">
        <v>123</v>
      </c>
      <c r="I6264" t="s">
        <v>15</v>
      </c>
      <c r="J6264" s="10">
        <v>23.12475817</v>
      </c>
    </row>
    <row r="6265" spans="1:10" x14ac:dyDescent="0.35">
      <c r="A6265" t="s">
        <v>35</v>
      </c>
      <c r="B6265" t="s">
        <v>41</v>
      </c>
      <c r="C6265" t="s">
        <v>117</v>
      </c>
      <c r="D6265" t="s">
        <v>118</v>
      </c>
      <c r="E6265">
        <v>2019</v>
      </c>
      <c r="F6265">
        <v>2019</v>
      </c>
      <c r="G6265" t="s">
        <v>126</v>
      </c>
      <c r="H6265" t="s">
        <v>124</v>
      </c>
      <c r="I6265" t="s">
        <v>15</v>
      </c>
      <c r="J6265" s="10">
        <v>3.7034989770000002</v>
      </c>
    </row>
    <row r="6266" spans="1:10" x14ac:dyDescent="0.35">
      <c r="A6266" t="s">
        <v>35</v>
      </c>
      <c r="B6266" t="s">
        <v>41</v>
      </c>
      <c r="C6266" t="s">
        <v>117</v>
      </c>
      <c r="D6266" t="s">
        <v>118</v>
      </c>
      <c r="E6266">
        <v>2018</v>
      </c>
      <c r="F6266">
        <v>2018</v>
      </c>
      <c r="G6266" t="s">
        <v>14</v>
      </c>
      <c r="H6266" t="s">
        <v>119</v>
      </c>
      <c r="I6266" t="s">
        <v>15</v>
      </c>
      <c r="J6266" s="10">
        <v>15.36406049</v>
      </c>
    </row>
    <row r="6267" spans="1:10" x14ac:dyDescent="0.35">
      <c r="A6267" t="s">
        <v>35</v>
      </c>
      <c r="B6267" t="s">
        <v>41</v>
      </c>
      <c r="C6267" t="s">
        <v>117</v>
      </c>
      <c r="D6267" t="s">
        <v>118</v>
      </c>
      <c r="E6267">
        <v>2018</v>
      </c>
      <c r="F6267">
        <v>2018</v>
      </c>
      <c r="G6267" t="s">
        <v>14</v>
      </c>
      <c r="H6267" t="s">
        <v>120</v>
      </c>
      <c r="I6267" t="s">
        <v>15</v>
      </c>
      <c r="J6267" s="10">
        <v>9.7337974670000005</v>
      </c>
    </row>
    <row r="6268" spans="1:10" x14ac:dyDescent="0.35">
      <c r="A6268" t="s">
        <v>35</v>
      </c>
      <c r="B6268" t="s">
        <v>41</v>
      </c>
      <c r="C6268" t="s">
        <v>117</v>
      </c>
      <c r="D6268" t="s">
        <v>118</v>
      </c>
      <c r="E6268">
        <v>2018</v>
      </c>
      <c r="F6268">
        <v>2018</v>
      </c>
      <c r="G6268" t="s">
        <v>14</v>
      </c>
      <c r="H6268" t="s">
        <v>121</v>
      </c>
      <c r="I6268" t="s">
        <v>15</v>
      </c>
      <c r="J6268" s="10">
        <v>26.576921410000001</v>
      </c>
    </row>
    <row r="6269" spans="1:10" x14ac:dyDescent="0.35">
      <c r="A6269" t="s">
        <v>35</v>
      </c>
      <c r="B6269" t="s">
        <v>41</v>
      </c>
      <c r="C6269" t="s">
        <v>117</v>
      </c>
      <c r="D6269" t="s">
        <v>118</v>
      </c>
      <c r="E6269">
        <v>2018</v>
      </c>
      <c r="F6269">
        <v>2018</v>
      </c>
      <c r="G6269" t="s">
        <v>14</v>
      </c>
      <c r="H6269" t="s">
        <v>122</v>
      </c>
      <c r="I6269" t="s">
        <v>15</v>
      </c>
      <c r="J6269" s="10">
        <v>23.263472620000002</v>
      </c>
    </row>
    <row r="6270" spans="1:10" x14ac:dyDescent="0.35">
      <c r="A6270" t="s">
        <v>35</v>
      </c>
      <c r="B6270" t="s">
        <v>41</v>
      </c>
      <c r="C6270" t="s">
        <v>117</v>
      </c>
      <c r="D6270" t="s">
        <v>118</v>
      </c>
      <c r="E6270">
        <v>2018</v>
      </c>
      <c r="F6270">
        <v>2018</v>
      </c>
      <c r="G6270" t="s">
        <v>14</v>
      </c>
      <c r="H6270" t="s">
        <v>123</v>
      </c>
      <c r="I6270" t="s">
        <v>15</v>
      </c>
      <c r="J6270" s="10">
        <v>22.122398279999999</v>
      </c>
    </row>
    <row r="6271" spans="1:10" x14ac:dyDescent="0.35">
      <c r="A6271" t="s">
        <v>35</v>
      </c>
      <c r="B6271" t="s">
        <v>41</v>
      </c>
      <c r="C6271" t="s">
        <v>117</v>
      </c>
      <c r="D6271" t="s">
        <v>118</v>
      </c>
      <c r="E6271">
        <v>2018</v>
      </c>
      <c r="F6271">
        <v>2018</v>
      </c>
      <c r="G6271" t="s">
        <v>14</v>
      </c>
      <c r="H6271" t="s">
        <v>124</v>
      </c>
      <c r="I6271" t="s">
        <v>15</v>
      </c>
      <c r="J6271" s="10">
        <v>2.9393497320000002</v>
      </c>
    </row>
    <row r="6272" spans="1:10" x14ac:dyDescent="0.35">
      <c r="A6272" t="s">
        <v>35</v>
      </c>
      <c r="B6272" t="s">
        <v>41</v>
      </c>
      <c r="C6272" t="s">
        <v>117</v>
      </c>
      <c r="D6272" t="s">
        <v>118</v>
      </c>
      <c r="E6272">
        <v>2018</v>
      </c>
      <c r="F6272">
        <v>2018</v>
      </c>
      <c r="G6272" t="s">
        <v>125</v>
      </c>
      <c r="H6272" t="s">
        <v>119</v>
      </c>
      <c r="I6272" t="s">
        <v>15</v>
      </c>
      <c r="J6272" s="10">
        <v>16.471802969999999</v>
      </c>
    </row>
    <row r="6273" spans="1:10" x14ac:dyDescent="0.35">
      <c r="A6273" t="s">
        <v>35</v>
      </c>
      <c r="B6273" t="s">
        <v>41</v>
      </c>
      <c r="C6273" t="s">
        <v>117</v>
      </c>
      <c r="D6273" t="s">
        <v>118</v>
      </c>
      <c r="E6273">
        <v>2018</v>
      </c>
      <c r="F6273">
        <v>2018</v>
      </c>
      <c r="G6273" t="s">
        <v>125</v>
      </c>
      <c r="H6273" t="s">
        <v>120</v>
      </c>
      <c r="I6273" t="s">
        <v>15</v>
      </c>
      <c r="J6273" s="10">
        <v>10.376871449999999</v>
      </c>
    </row>
    <row r="6274" spans="1:10" x14ac:dyDescent="0.35">
      <c r="A6274" t="s">
        <v>35</v>
      </c>
      <c r="B6274" t="s">
        <v>41</v>
      </c>
      <c r="C6274" t="s">
        <v>117</v>
      </c>
      <c r="D6274" t="s">
        <v>118</v>
      </c>
      <c r="E6274">
        <v>2018</v>
      </c>
      <c r="F6274">
        <v>2018</v>
      </c>
      <c r="G6274" t="s">
        <v>125</v>
      </c>
      <c r="H6274" t="s">
        <v>121</v>
      </c>
      <c r="I6274" t="s">
        <v>15</v>
      </c>
      <c r="J6274" s="10">
        <v>26.25041757</v>
      </c>
    </row>
    <row r="6275" spans="1:10" x14ac:dyDescent="0.35">
      <c r="A6275" t="s">
        <v>35</v>
      </c>
      <c r="B6275" t="s">
        <v>41</v>
      </c>
      <c r="C6275" t="s">
        <v>117</v>
      </c>
      <c r="D6275" t="s">
        <v>118</v>
      </c>
      <c r="E6275">
        <v>2018</v>
      </c>
      <c r="F6275">
        <v>2018</v>
      </c>
      <c r="G6275" t="s">
        <v>125</v>
      </c>
      <c r="H6275" t="s">
        <v>122</v>
      </c>
      <c r="I6275" t="s">
        <v>15</v>
      </c>
      <c r="J6275" s="10">
        <v>23.307722680000001</v>
      </c>
    </row>
    <row r="6276" spans="1:10" x14ac:dyDescent="0.35">
      <c r="A6276" t="s">
        <v>35</v>
      </c>
      <c r="B6276" t="s">
        <v>41</v>
      </c>
      <c r="C6276" t="s">
        <v>117</v>
      </c>
      <c r="D6276" t="s">
        <v>118</v>
      </c>
      <c r="E6276">
        <v>2018</v>
      </c>
      <c r="F6276">
        <v>2018</v>
      </c>
      <c r="G6276" t="s">
        <v>125</v>
      </c>
      <c r="H6276" t="s">
        <v>123</v>
      </c>
      <c r="I6276" t="s">
        <v>15</v>
      </c>
      <c r="J6276" s="10">
        <v>21.41881017</v>
      </c>
    </row>
    <row r="6277" spans="1:10" x14ac:dyDescent="0.35">
      <c r="A6277" t="s">
        <v>35</v>
      </c>
      <c r="B6277" t="s">
        <v>41</v>
      </c>
      <c r="C6277" t="s">
        <v>117</v>
      </c>
      <c r="D6277" t="s">
        <v>118</v>
      </c>
      <c r="E6277">
        <v>2018</v>
      </c>
      <c r="F6277">
        <v>2018</v>
      </c>
      <c r="G6277" t="s">
        <v>125</v>
      </c>
      <c r="H6277" t="s">
        <v>124</v>
      </c>
      <c r="I6277" t="s">
        <v>15</v>
      </c>
      <c r="J6277" s="10">
        <v>2.1743751709999999</v>
      </c>
    </row>
    <row r="6278" spans="1:10" x14ac:dyDescent="0.35">
      <c r="A6278" t="s">
        <v>35</v>
      </c>
      <c r="B6278" t="s">
        <v>41</v>
      </c>
      <c r="C6278" t="s">
        <v>117</v>
      </c>
      <c r="D6278" t="s">
        <v>118</v>
      </c>
      <c r="E6278">
        <v>2018</v>
      </c>
      <c r="F6278">
        <v>2018</v>
      </c>
      <c r="G6278" t="s">
        <v>126</v>
      </c>
      <c r="H6278" t="s">
        <v>119</v>
      </c>
      <c r="I6278" t="s">
        <v>15</v>
      </c>
      <c r="J6278" s="10">
        <v>14.359299249999999</v>
      </c>
    </row>
    <row r="6279" spans="1:10" x14ac:dyDescent="0.35">
      <c r="A6279" t="s">
        <v>35</v>
      </c>
      <c r="B6279" t="s">
        <v>41</v>
      </c>
      <c r="C6279" t="s">
        <v>117</v>
      </c>
      <c r="D6279" t="s">
        <v>118</v>
      </c>
      <c r="E6279">
        <v>2018</v>
      </c>
      <c r="F6279">
        <v>2018</v>
      </c>
      <c r="G6279" t="s">
        <v>126</v>
      </c>
      <c r="H6279" t="s">
        <v>120</v>
      </c>
      <c r="I6279" t="s">
        <v>15</v>
      </c>
      <c r="J6279" s="10">
        <v>9.1505068309999995</v>
      </c>
    </row>
    <row r="6280" spans="1:10" x14ac:dyDescent="0.35">
      <c r="A6280" t="s">
        <v>35</v>
      </c>
      <c r="B6280" t="s">
        <v>41</v>
      </c>
      <c r="C6280" t="s">
        <v>117</v>
      </c>
      <c r="D6280" t="s">
        <v>118</v>
      </c>
      <c r="E6280">
        <v>2018</v>
      </c>
      <c r="F6280">
        <v>2018</v>
      </c>
      <c r="G6280" t="s">
        <v>126</v>
      </c>
      <c r="H6280" t="s">
        <v>121</v>
      </c>
      <c r="I6280" t="s">
        <v>15</v>
      </c>
      <c r="J6280" s="10">
        <v>26.873071840000001</v>
      </c>
    </row>
    <row r="6281" spans="1:10" x14ac:dyDescent="0.35">
      <c r="A6281" t="s">
        <v>35</v>
      </c>
      <c r="B6281" t="s">
        <v>41</v>
      </c>
      <c r="C6281" t="s">
        <v>117</v>
      </c>
      <c r="D6281" t="s">
        <v>118</v>
      </c>
      <c r="E6281">
        <v>2018</v>
      </c>
      <c r="F6281">
        <v>2018</v>
      </c>
      <c r="G6281" t="s">
        <v>126</v>
      </c>
      <c r="H6281" t="s">
        <v>122</v>
      </c>
      <c r="I6281" t="s">
        <v>15</v>
      </c>
      <c r="J6281" s="10">
        <v>23.223336270000001</v>
      </c>
    </row>
    <row r="6282" spans="1:10" x14ac:dyDescent="0.35">
      <c r="A6282" t="s">
        <v>35</v>
      </c>
      <c r="B6282" t="s">
        <v>41</v>
      </c>
      <c r="C6282" t="s">
        <v>117</v>
      </c>
      <c r="D6282" t="s">
        <v>118</v>
      </c>
      <c r="E6282">
        <v>2018</v>
      </c>
      <c r="F6282">
        <v>2018</v>
      </c>
      <c r="G6282" t="s">
        <v>126</v>
      </c>
      <c r="H6282" t="s">
        <v>123</v>
      </c>
      <c r="I6282" t="s">
        <v>15</v>
      </c>
      <c r="J6282" s="10">
        <v>22.760577349999998</v>
      </c>
    </row>
    <row r="6283" spans="1:10" x14ac:dyDescent="0.35">
      <c r="A6283" t="s">
        <v>35</v>
      </c>
      <c r="B6283" t="s">
        <v>41</v>
      </c>
      <c r="C6283" t="s">
        <v>117</v>
      </c>
      <c r="D6283" t="s">
        <v>118</v>
      </c>
      <c r="E6283">
        <v>2018</v>
      </c>
      <c r="F6283">
        <v>2018</v>
      </c>
      <c r="G6283" t="s">
        <v>126</v>
      </c>
      <c r="H6283" t="s">
        <v>124</v>
      </c>
      <c r="I6283" t="s">
        <v>15</v>
      </c>
      <c r="J6283" s="10">
        <v>3.6332084619999998</v>
      </c>
    </row>
    <row r="6284" spans="1:10" x14ac:dyDescent="0.35">
      <c r="A6284" t="s">
        <v>35</v>
      </c>
      <c r="B6284" t="s">
        <v>41</v>
      </c>
      <c r="C6284" t="s">
        <v>117</v>
      </c>
      <c r="D6284" t="s">
        <v>118</v>
      </c>
      <c r="E6284">
        <v>2017</v>
      </c>
      <c r="F6284">
        <v>2017</v>
      </c>
      <c r="G6284" t="s">
        <v>14</v>
      </c>
      <c r="H6284" t="s">
        <v>119</v>
      </c>
      <c r="I6284" t="s">
        <v>15</v>
      </c>
      <c r="J6284" s="10">
        <v>15.57193345</v>
      </c>
    </row>
    <row r="6285" spans="1:10" x14ac:dyDescent="0.35">
      <c r="A6285" t="s">
        <v>35</v>
      </c>
      <c r="B6285" t="s">
        <v>41</v>
      </c>
      <c r="C6285" t="s">
        <v>117</v>
      </c>
      <c r="D6285" t="s">
        <v>118</v>
      </c>
      <c r="E6285">
        <v>2017</v>
      </c>
      <c r="F6285">
        <v>2017</v>
      </c>
      <c r="G6285" t="s">
        <v>14</v>
      </c>
      <c r="H6285" t="s">
        <v>120</v>
      </c>
      <c r="I6285" t="s">
        <v>15</v>
      </c>
      <c r="J6285" s="10">
        <v>9.7836393410000007</v>
      </c>
    </row>
    <row r="6286" spans="1:10" x14ac:dyDescent="0.35">
      <c r="A6286" t="s">
        <v>35</v>
      </c>
      <c r="B6286" t="s">
        <v>41</v>
      </c>
      <c r="C6286" t="s">
        <v>117</v>
      </c>
      <c r="D6286" t="s">
        <v>118</v>
      </c>
      <c r="E6286">
        <v>2017</v>
      </c>
      <c r="F6286">
        <v>2017</v>
      </c>
      <c r="G6286" t="s">
        <v>14</v>
      </c>
      <c r="H6286" t="s">
        <v>121</v>
      </c>
      <c r="I6286" t="s">
        <v>15</v>
      </c>
      <c r="J6286" s="10">
        <v>27.068068839999999</v>
      </c>
    </row>
    <row r="6287" spans="1:10" x14ac:dyDescent="0.35">
      <c r="A6287" t="s">
        <v>35</v>
      </c>
      <c r="B6287" t="s">
        <v>41</v>
      </c>
      <c r="C6287" t="s">
        <v>117</v>
      </c>
      <c r="D6287" t="s">
        <v>118</v>
      </c>
      <c r="E6287">
        <v>2017</v>
      </c>
      <c r="F6287">
        <v>2017</v>
      </c>
      <c r="G6287" t="s">
        <v>14</v>
      </c>
      <c r="H6287" t="s">
        <v>122</v>
      </c>
      <c r="I6287" t="s">
        <v>15</v>
      </c>
      <c r="J6287" s="10">
        <v>22.987960810000001</v>
      </c>
    </row>
    <row r="6288" spans="1:10" x14ac:dyDescent="0.35">
      <c r="A6288" t="s">
        <v>35</v>
      </c>
      <c r="B6288" t="s">
        <v>41</v>
      </c>
      <c r="C6288" t="s">
        <v>117</v>
      </c>
      <c r="D6288" t="s">
        <v>118</v>
      </c>
      <c r="E6288">
        <v>2017</v>
      </c>
      <c r="F6288">
        <v>2017</v>
      </c>
      <c r="G6288" t="s">
        <v>14</v>
      </c>
      <c r="H6288" t="s">
        <v>123</v>
      </c>
      <c r="I6288" t="s">
        <v>15</v>
      </c>
      <c r="J6288" s="10">
        <v>21.690658849999998</v>
      </c>
    </row>
    <row r="6289" spans="1:10" x14ac:dyDescent="0.35">
      <c r="A6289" t="s">
        <v>35</v>
      </c>
      <c r="B6289" t="s">
        <v>41</v>
      </c>
      <c r="C6289" t="s">
        <v>117</v>
      </c>
      <c r="D6289" t="s">
        <v>118</v>
      </c>
      <c r="E6289">
        <v>2017</v>
      </c>
      <c r="F6289">
        <v>2017</v>
      </c>
      <c r="G6289" t="s">
        <v>14</v>
      </c>
      <c r="H6289" t="s">
        <v>124</v>
      </c>
      <c r="I6289" t="s">
        <v>15</v>
      </c>
      <c r="J6289" s="10">
        <v>2.8977387010000002</v>
      </c>
    </row>
    <row r="6290" spans="1:10" x14ac:dyDescent="0.35">
      <c r="A6290" t="s">
        <v>35</v>
      </c>
      <c r="B6290" t="s">
        <v>41</v>
      </c>
      <c r="C6290" t="s">
        <v>117</v>
      </c>
      <c r="D6290" t="s">
        <v>118</v>
      </c>
      <c r="E6290">
        <v>2017</v>
      </c>
      <c r="F6290">
        <v>2017</v>
      </c>
      <c r="G6290" t="s">
        <v>125</v>
      </c>
      <c r="H6290" t="s">
        <v>119</v>
      </c>
      <c r="I6290" t="s">
        <v>15</v>
      </c>
      <c r="J6290" s="10">
        <v>16.58217153</v>
      </c>
    </row>
    <row r="6291" spans="1:10" x14ac:dyDescent="0.35">
      <c r="A6291" t="s">
        <v>35</v>
      </c>
      <c r="B6291" t="s">
        <v>41</v>
      </c>
      <c r="C6291" t="s">
        <v>117</v>
      </c>
      <c r="D6291" t="s">
        <v>118</v>
      </c>
      <c r="E6291">
        <v>2017</v>
      </c>
      <c r="F6291">
        <v>2017</v>
      </c>
      <c r="G6291" t="s">
        <v>125</v>
      </c>
      <c r="H6291" t="s">
        <v>120</v>
      </c>
      <c r="I6291" t="s">
        <v>15</v>
      </c>
      <c r="J6291" s="10">
        <v>10.50757439</v>
      </c>
    </row>
    <row r="6292" spans="1:10" x14ac:dyDescent="0.35">
      <c r="A6292" t="s">
        <v>35</v>
      </c>
      <c r="B6292" t="s">
        <v>41</v>
      </c>
      <c r="C6292" t="s">
        <v>117</v>
      </c>
      <c r="D6292" t="s">
        <v>118</v>
      </c>
      <c r="E6292">
        <v>2017</v>
      </c>
      <c r="F6292">
        <v>2017</v>
      </c>
      <c r="G6292" t="s">
        <v>125</v>
      </c>
      <c r="H6292" t="s">
        <v>121</v>
      </c>
      <c r="I6292" t="s">
        <v>15</v>
      </c>
      <c r="J6292" s="10">
        <v>26.787977550000001</v>
      </c>
    </row>
    <row r="6293" spans="1:10" x14ac:dyDescent="0.35">
      <c r="A6293" t="s">
        <v>35</v>
      </c>
      <c r="B6293" t="s">
        <v>41</v>
      </c>
      <c r="C6293" t="s">
        <v>117</v>
      </c>
      <c r="D6293" t="s">
        <v>118</v>
      </c>
      <c r="E6293">
        <v>2017</v>
      </c>
      <c r="F6293">
        <v>2017</v>
      </c>
      <c r="G6293" t="s">
        <v>125</v>
      </c>
      <c r="H6293" t="s">
        <v>122</v>
      </c>
      <c r="I6293" t="s">
        <v>15</v>
      </c>
      <c r="J6293" s="10">
        <v>22.991731550000001</v>
      </c>
    </row>
    <row r="6294" spans="1:10" x14ac:dyDescent="0.35">
      <c r="A6294" t="s">
        <v>35</v>
      </c>
      <c r="B6294" t="s">
        <v>41</v>
      </c>
      <c r="C6294" t="s">
        <v>117</v>
      </c>
      <c r="D6294" t="s">
        <v>118</v>
      </c>
      <c r="E6294">
        <v>2017</v>
      </c>
      <c r="F6294">
        <v>2017</v>
      </c>
      <c r="G6294" t="s">
        <v>125</v>
      </c>
      <c r="H6294" t="s">
        <v>123</v>
      </c>
      <c r="I6294" t="s">
        <v>15</v>
      </c>
      <c r="J6294" s="10">
        <v>21.006095720000001</v>
      </c>
    </row>
    <row r="6295" spans="1:10" x14ac:dyDescent="0.35">
      <c r="A6295" t="s">
        <v>35</v>
      </c>
      <c r="B6295" t="s">
        <v>41</v>
      </c>
      <c r="C6295" t="s">
        <v>117</v>
      </c>
      <c r="D6295" t="s">
        <v>118</v>
      </c>
      <c r="E6295">
        <v>2017</v>
      </c>
      <c r="F6295">
        <v>2017</v>
      </c>
      <c r="G6295" t="s">
        <v>125</v>
      </c>
      <c r="H6295" t="s">
        <v>124</v>
      </c>
      <c r="I6295" t="s">
        <v>15</v>
      </c>
      <c r="J6295" s="10">
        <v>2.1244492730000002</v>
      </c>
    </row>
    <row r="6296" spans="1:10" x14ac:dyDescent="0.35">
      <c r="A6296" t="s">
        <v>35</v>
      </c>
      <c r="B6296" t="s">
        <v>41</v>
      </c>
      <c r="C6296" t="s">
        <v>117</v>
      </c>
      <c r="D6296" t="s">
        <v>118</v>
      </c>
      <c r="E6296">
        <v>2017</v>
      </c>
      <c r="F6296">
        <v>2017</v>
      </c>
      <c r="G6296" t="s">
        <v>126</v>
      </c>
      <c r="H6296" t="s">
        <v>119</v>
      </c>
      <c r="I6296" t="s">
        <v>15</v>
      </c>
      <c r="J6296" s="10">
        <v>14.653943180000001</v>
      </c>
    </row>
    <row r="6297" spans="1:10" x14ac:dyDescent="0.35">
      <c r="A6297" t="s">
        <v>35</v>
      </c>
      <c r="B6297" t="s">
        <v>41</v>
      </c>
      <c r="C6297" t="s">
        <v>117</v>
      </c>
      <c r="D6297" t="s">
        <v>118</v>
      </c>
      <c r="E6297">
        <v>2017</v>
      </c>
      <c r="F6297">
        <v>2017</v>
      </c>
      <c r="G6297" t="s">
        <v>126</v>
      </c>
      <c r="H6297" t="s">
        <v>120</v>
      </c>
      <c r="I6297" t="s">
        <v>15</v>
      </c>
      <c r="J6297" s="10">
        <v>9.1258089279999997</v>
      </c>
    </row>
    <row r="6298" spans="1:10" x14ac:dyDescent="0.35">
      <c r="A6298" t="s">
        <v>35</v>
      </c>
      <c r="B6298" t="s">
        <v>41</v>
      </c>
      <c r="C6298" t="s">
        <v>117</v>
      </c>
      <c r="D6298" t="s">
        <v>118</v>
      </c>
      <c r="E6298">
        <v>2017</v>
      </c>
      <c r="F6298">
        <v>2017</v>
      </c>
      <c r="G6298" t="s">
        <v>126</v>
      </c>
      <c r="H6298" t="s">
        <v>121</v>
      </c>
      <c r="I6298" t="s">
        <v>15</v>
      </c>
      <c r="J6298" s="10">
        <v>27.32258418</v>
      </c>
    </row>
    <row r="6299" spans="1:10" x14ac:dyDescent="0.35">
      <c r="A6299" t="s">
        <v>35</v>
      </c>
      <c r="B6299" t="s">
        <v>41</v>
      </c>
      <c r="C6299" t="s">
        <v>117</v>
      </c>
      <c r="D6299" t="s">
        <v>118</v>
      </c>
      <c r="E6299">
        <v>2017</v>
      </c>
      <c r="F6299">
        <v>2017</v>
      </c>
      <c r="G6299" t="s">
        <v>126</v>
      </c>
      <c r="H6299" t="s">
        <v>122</v>
      </c>
      <c r="I6299" t="s">
        <v>15</v>
      </c>
      <c r="J6299" s="10">
        <v>22.98453439</v>
      </c>
    </row>
    <row r="6300" spans="1:10" x14ac:dyDescent="0.35">
      <c r="A6300" t="s">
        <v>35</v>
      </c>
      <c r="B6300" t="s">
        <v>41</v>
      </c>
      <c r="C6300" t="s">
        <v>117</v>
      </c>
      <c r="D6300" t="s">
        <v>118</v>
      </c>
      <c r="E6300">
        <v>2017</v>
      </c>
      <c r="F6300">
        <v>2017</v>
      </c>
      <c r="G6300" t="s">
        <v>126</v>
      </c>
      <c r="H6300" t="s">
        <v>123</v>
      </c>
      <c r="I6300" t="s">
        <v>15</v>
      </c>
      <c r="J6300" s="10">
        <v>22.312712520000002</v>
      </c>
    </row>
    <row r="6301" spans="1:10" x14ac:dyDescent="0.35">
      <c r="A6301" t="s">
        <v>35</v>
      </c>
      <c r="B6301" t="s">
        <v>41</v>
      </c>
      <c r="C6301" t="s">
        <v>117</v>
      </c>
      <c r="D6301" t="s">
        <v>118</v>
      </c>
      <c r="E6301">
        <v>2017</v>
      </c>
      <c r="F6301">
        <v>2017</v>
      </c>
      <c r="G6301" t="s">
        <v>126</v>
      </c>
      <c r="H6301" t="s">
        <v>124</v>
      </c>
      <c r="I6301" t="s">
        <v>15</v>
      </c>
      <c r="J6301" s="10">
        <v>3.600416804</v>
      </c>
    </row>
    <row r="6302" spans="1:10" x14ac:dyDescent="0.35">
      <c r="A6302" t="s">
        <v>35</v>
      </c>
      <c r="B6302" t="s">
        <v>41</v>
      </c>
      <c r="C6302" t="s">
        <v>117</v>
      </c>
      <c r="D6302" t="s">
        <v>118</v>
      </c>
      <c r="E6302">
        <v>2016</v>
      </c>
      <c r="F6302">
        <v>2016</v>
      </c>
      <c r="G6302" t="s">
        <v>14</v>
      </c>
      <c r="H6302" t="s">
        <v>119</v>
      </c>
      <c r="I6302" t="s">
        <v>15</v>
      </c>
      <c r="J6302" s="10">
        <v>15.880669620000001</v>
      </c>
    </row>
    <row r="6303" spans="1:10" x14ac:dyDescent="0.35">
      <c r="A6303" t="s">
        <v>35</v>
      </c>
      <c r="B6303" t="s">
        <v>41</v>
      </c>
      <c r="C6303" t="s">
        <v>117</v>
      </c>
      <c r="D6303" t="s">
        <v>118</v>
      </c>
      <c r="E6303">
        <v>2016</v>
      </c>
      <c r="F6303">
        <v>2016</v>
      </c>
      <c r="G6303" t="s">
        <v>14</v>
      </c>
      <c r="H6303" t="s">
        <v>120</v>
      </c>
      <c r="I6303" t="s">
        <v>15</v>
      </c>
      <c r="J6303" s="10">
        <v>9.7982543999999994</v>
      </c>
    </row>
    <row r="6304" spans="1:10" x14ac:dyDescent="0.35">
      <c r="A6304" t="s">
        <v>35</v>
      </c>
      <c r="B6304" t="s">
        <v>41</v>
      </c>
      <c r="C6304" t="s">
        <v>117</v>
      </c>
      <c r="D6304" t="s">
        <v>118</v>
      </c>
      <c r="E6304">
        <v>2016</v>
      </c>
      <c r="F6304">
        <v>2016</v>
      </c>
      <c r="G6304" t="s">
        <v>14</v>
      </c>
      <c r="H6304" t="s">
        <v>121</v>
      </c>
      <c r="I6304" t="s">
        <v>15</v>
      </c>
      <c r="J6304" s="10">
        <v>27.540420659999999</v>
      </c>
    </row>
    <row r="6305" spans="1:10" x14ac:dyDescent="0.35">
      <c r="A6305" t="s">
        <v>35</v>
      </c>
      <c r="B6305" t="s">
        <v>41</v>
      </c>
      <c r="C6305" t="s">
        <v>117</v>
      </c>
      <c r="D6305" t="s">
        <v>118</v>
      </c>
      <c r="E6305">
        <v>2016</v>
      </c>
      <c r="F6305">
        <v>2016</v>
      </c>
      <c r="G6305" t="s">
        <v>14</v>
      </c>
      <c r="H6305" t="s">
        <v>122</v>
      </c>
      <c r="I6305" t="s">
        <v>15</v>
      </c>
      <c r="J6305" s="10">
        <v>22.56259837</v>
      </c>
    </row>
    <row r="6306" spans="1:10" x14ac:dyDescent="0.35">
      <c r="A6306" t="s">
        <v>35</v>
      </c>
      <c r="B6306" t="s">
        <v>41</v>
      </c>
      <c r="C6306" t="s">
        <v>117</v>
      </c>
      <c r="D6306" t="s">
        <v>118</v>
      </c>
      <c r="E6306">
        <v>2016</v>
      </c>
      <c r="F6306">
        <v>2016</v>
      </c>
      <c r="G6306" t="s">
        <v>14</v>
      </c>
      <c r="H6306" t="s">
        <v>123</v>
      </c>
      <c r="I6306" t="s">
        <v>15</v>
      </c>
      <c r="J6306" s="10">
        <v>21.40077264</v>
      </c>
    </row>
    <row r="6307" spans="1:10" x14ac:dyDescent="0.35">
      <c r="A6307" t="s">
        <v>35</v>
      </c>
      <c r="B6307" t="s">
        <v>41</v>
      </c>
      <c r="C6307" t="s">
        <v>117</v>
      </c>
      <c r="D6307" t="s">
        <v>118</v>
      </c>
      <c r="E6307">
        <v>2016</v>
      </c>
      <c r="F6307">
        <v>2016</v>
      </c>
      <c r="G6307" t="s">
        <v>14</v>
      </c>
      <c r="H6307" t="s">
        <v>124</v>
      </c>
      <c r="I6307" t="s">
        <v>15</v>
      </c>
      <c r="J6307" s="10">
        <v>2.8172843040000002</v>
      </c>
    </row>
    <row r="6308" spans="1:10" x14ac:dyDescent="0.35">
      <c r="A6308" t="s">
        <v>35</v>
      </c>
      <c r="B6308" t="s">
        <v>41</v>
      </c>
      <c r="C6308" t="s">
        <v>117</v>
      </c>
      <c r="D6308" t="s">
        <v>118</v>
      </c>
      <c r="E6308">
        <v>2016</v>
      </c>
      <c r="F6308">
        <v>2016</v>
      </c>
      <c r="G6308" t="s">
        <v>125</v>
      </c>
      <c r="H6308" t="s">
        <v>119</v>
      </c>
      <c r="I6308" t="s">
        <v>15</v>
      </c>
      <c r="J6308" s="10">
        <v>16.9469599</v>
      </c>
    </row>
    <row r="6309" spans="1:10" x14ac:dyDescent="0.35">
      <c r="A6309" t="s">
        <v>35</v>
      </c>
      <c r="B6309" t="s">
        <v>41</v>
      </c>
      <c r="C6309" t="s">
        <v>117</v>
      </c>
      <c r="D6309" t="s">
        <v>118</v>
      </c>
      <c r="E6309">
        <v>2016</v>
      </c>
      <c r="F6309">
        <v>2016</v>
      </c>
      <c r="G6309" t="s">
        <v>125</v>
      </c>
      <c r="H6309" t="s">
        <v>120</v>
      </c>
      <c r="I6309" t="s">
        <v>15</v>
      </c>
      <c r="J6309" s="10">
        <v>10.538824869999999</v>
      </c>
    </row>
    <row r="6310" spans="1:10" x14ac:dyDescent="0.35">
      <c r="A6310" t="s">
        <v>35</v>
      </c>
      <c r="B6310" t="s">
        <v>41</v>
      </c>
      <c r="C6310" t="s">
        <v>117</v>
      </c>
      <c r="D6310" t="s">
        <v>118</v>
      </c>
      <c r="E6310">
        <v>2016</v>
      </c>
      <c r="F6310">
        <v>2016</v>
      </c>
      <c r="G6310" t="s">
        <v>125</v>
      </c>
      <c r="H6310" t="s">
        <v>121</v>
      </c>
      <c r="I6310" t="s">
        <v>15</v>
      </c>
      <c r="J6310" s="10">
        <v>27.16989079</v>
      </c>
    </row>
    <row r="6311" spans="1:10" x14ac:dyDescent="0.35">
      <c r="A6311" t="s">
        <v>35</v>
      </c>
      <c r="B6311" t="s">
        <v>41</v>
      </c>
      <c r="C6311" t="s">
        <v>117</v>
      </c>
      <c r="D6311" t="s">
        <v>118</v>
      </c>
      <c r="E6311">
        <v>2016</v>
      </c>
      <c r="F6311">
        <v>2016</v>
      </c>
      <c r="G6311" t="s">
        <v>125</v>
      </c>
      <c r="H6311" t="s">
        <v>122</v>
      </c>
      <c r="I6311" t="s">
        <v>15</v>
      </c>
      <c r="J6311" s="10">
        <v>22.666145190000002</v>
      </c>
    </row>
    <row r="6312" spans="1:10" x14ac:dyDescent="0.35">
      <c r="A6312" t="s">
        <v>35</v>
      </c>
      <c r="B6312" t="s">
        <v>41</v>
      </c>
      <c r="C6312" t="s">
        <v>117</v>
      </c>
      <c r="D6312" t="s">
        <v>118</v>
      </c>
      <c r="E6312">
        <v>2016</v>
      </c>
      <c r="F6312">
        <v>2016</v>
      </c>
      <c r="G6312" t="s">
        <v>125</v>
      </c>
      <c r="H6312" t="s">
        <v>123</v>
      </c>
      <c r="I6312" t="s">
        <v>15</v>
      </c>
      <c r="J6312" s="10">
        <v>20.689551430000002</v>
      </c>
    </row>
    <row r="6313" spans="1:10" x14ac:dyDescent="0.35">
      <c r="A6313" t="s">
        <v>35</v>
      </c>
      <c r="B6313" t="s">
        <v>41</v>
      </c>
      <c r="C6313" t="s">
        <v>117</v>
      </c>
      <c r="D6313" t="s">
        <v>118</v>
      </c>
      <c r="E6313">
        <v>2016</v>
      </c>
      <c r="F6313">
        <v>2016</v>
      </c>
      <c r="G6313" t="s">
        <v>125</v>
      </c>
      <c r="H6313" t="s">
        <v>124</v>
      </c>
      <c r="I6313" t="s">
        <v>15</v>
      </c>
      <c r="J6313" s="10">
        <v>1.988627817</v>
      </c>
    </row>
    <row r="6314" spans="1:10" x14ac:dyDescent="0.35">
      <c r="A6314" t="s">
        <v>35</v>
      </c>
      <c r="B6314" t="s">
        <v>41</v>
      </c>
      <c r="C6314" t="s">
        <v>117</v>
      </c>
      <c r="D6314" t="s">
        <v>118</v>
      </c>
      <c r="E6314">
        <v>2016</v>
      </c>
      <c r="F6314">
        <v>2016</v>
      </c>
      <c r="G6314" t="s">
        <v>126</v>
      </c>
      <c r="H6314" t="s">
        <v>119</v>
      </c>
      <c r="I6314" t="s">
        <v>15</v>
      </c>
      <c r="J6314" s="10">
        <v>14.913644919999999</v>
      </c>
    </row>
    <row r="6315" spans="1:10" x14ac:dyDescent="0.35">
      <c r="A6315" t="s">
        <v>35</v>
      </c>
      <c r="B6315" t="s">
        <v>41</v>
      </c>
      <c r="C6315" t="s">
        <v>117</v>
      </c>
      <c r="D6315" t="s">
        <v>118</v>
      </c>
      <c r="E6315">
        <v>2016</v>
      </c>
      <c r="F6315">
        <v>2016</v>
      </c>
      <c r="G6315" t="s">
        <v>126</v>
      </c>
      <c r="H6315" t="s">
        <v>120</v>
      </c>
      <c r="I6315" t="s">
        <v>15</v>
      </c>
      <c r="J6315" s="10">
        <v>9.1266268309999994</v>
      </c>
    </row>
    <row r="6316" spans="1:10" x14ac:dyDescent="0.35">
      <c r="A6316" t="s">
        <v>35</v>
      </c>
      <c r="B6316" t="s">
        <v>41</v>
      </c>
      <c r="C6316" t="s">
        <v>117</v>
      </c>
      <c r="D6316" t="s">
        <v>118</v>
      </c>
      <c r="E6316">
        <v>2016</v>
      </c>
      <c r="F6316">
        <v>2016</v>
      </c>
      <c r="G6316" t="s">
        <v>126</v>
      </c>
      <c r="H6316" t="s">
        <v>121</v>
      </c>
      <c r="I6316" t="s">
        <v>15</v>
      </c>
      <c r="J6316" s="10">
        <v>27.876456300000001</v>
      </c>
    </row>
    <row r="6317" spans="1:10" x14ac:dyDescent="0.35">
      <c r="A6317" t="s">
        <v>35</v>
      </c>
      <c r="B6317" t="s">
        <v>41</v>
      </c>
      <c r="C6317" t="s">
        <v>117</v>
      </c>
      <c r="D6317" t="s">
        <v>118</v>
      </c>
      <c r="E6317">
        <v>2016</v>
      </c>
      <c r="F6317">
        <v>2016</v>
      </c>
      <c r="G6317" t="s">
        <v>126</v>
      </c>
      <c r="H6317" t="s">
        <v>122</v>
      </c>
      <c r="I6317" t="s">
        <v>15</v>
      </c>
      <c r="J6317" s="10">
        <v>22.46869117</v>
      </c>
    </row>
    <row r="6318" spans="1:10" x14ac:dyDescent="0.35">
      <c r="A6318" t="s">
        <v>35</v>
      </c>
      <c r="B6318" t="s">
        <v>41</v>
      </c>
      <c r="C6318" t="s">
        <v>117</v>
      </c>
      <c r="D6318" t="s">
        <v>118</v>
      </c>
      <c r="E6318">
        <v>2016</v>
      </c>
      <c r="F6318">
        <v>2016</v>
      </c>
      <c r="G6318" t="s">
        <v>126</v>
      </c>
      <c r="H6318" t="s">
        <v>123</v>
      </c>
      <c r="I6318" t="s">
        <v>15</v>
      </c>
      <c r="J6318" s="10">
        <v>22.045783199999999</v>
      </c>
    </row>
    <row r="6319" spans="1:10" x14ac:dyDescent="0.35">
      <c r="A6319" t="s">
        <v>35</v>
      </c>
      <c r="B6319" t="s">
        <v>41</v>
      </c>
      <c r="C6319" t="s">
        <v>117</v>
      </c>
      <c r="D6319" t="s">
        <v>118</v>
      </c>
      <c r="E6319">
        <v>2016</v>
      </c>
      <c r="F6319">
        <v>2016</v>
      </c>
      <c r="G6319" t="s">
        <v>126</v>
      </c>
      <c r="H6319" t="s">
        <v>124</v>
      </c>
      <c r="I6319" t="s">
        <v>15</v>
      </c>
      <c r="J6319" s="10">
        <v>3.5687975770000002</v>
      </c>
    </row>
    <row r="6320" spans="1:10" x14ac:dyDescent="0.35">
      <c r="A6320" t="s">
        <v>35</v>
      </c>
      <c r="B6320" t="s">
        <v>41</v>
      </c>
      <c r="C6320" t="s">
        <v>117</v>
      </c>
      <c r="D6320" t="s">
        <v>118</v>
      </c>
      <c r="E6320">
        <v>2015</v>
      </c>
      <c r="F6320">
        <v>2015</v>
      </c>
      <c r="G6320" t="s">
        <v>14</v>
      </c>
      <c r="H6320" t="s">
        <v>119</v>
      </c>
      <c r="I6320" t="s">
        <v>15</v>
      </c>
      <c r="J6320" s="10">
        <v>15.86460381</v>
      </c>
    </row>
    <row r="6321" spans="1:10" x14ac:dyDescent="0.35">
      <c r="A6321" t="s">
        <v>35</v>
      </c>
      <c r="B6321" t="s">
        <v>41</v>
      </c>
      <c r="C6321" t="s">
        <v>117</v>
      </c>
      <c r="D6321" t="s">
        <v>118</v>
      </c>
      <c r="E6321">
        <v>2015</v>
      </c>
      <c r="F6321">
        <v>2015</v>
      </c>
      <c r="G6321" t="s">
        <v>14</v>
      </c>
      <c r="H6321" t="s">
        <v>120</v>
      </c>
      <c r="I6321" t="s">
        <v>15</v>
      </c>
      <c r="J6321" s="10">
        <v>9.8868849189999999</v>
      </c>
    </row>
    <row r="6322" spans="1:10" x14ac:dyDescent="0.35">
      <c r="A6322" t="s">
        <v>35</v>
      </c>
      <c r="B6322" t="s">
        <v>41</v>
      </c>
      <c r="C6322" t="s">
        <v>117</v>
      </c>
      <c r="D6322" t="s">
        <v>118</v>
      </c>
      <c r="E6322">
        <v>2015</v>
      </c>
      <c r="F6322">
        <v>2015</v>
      </c>
      <c r="G6322" t="s">
        <v>14</v>
      </c>
      <c r="H6322" t="s">
        <v>121</v>
      </c>
      <c r="I6322" t="s">
        <v>15</v>
      </c>
      <c r="J6322" s="10">
        <v>28.075049150000002</v>
      </c>
    </row>
    <row r="6323" spans="1:10" x14ac:dyDescent="0.35">
      <c r="A6323" t="s">
        <v>35</v>
      </c>
      <c r="B6323" t="s">
        <v>41</v>
      </c>
      <c r="C6323" t="s">
        <v>117</v>
      </c>
      <c r="D6323" t="s">
        <v>118</v>
      </c>
      <c r="E6323">
        <v>2015</v>
      </c>
      <c r="F6323">
        <v>2015</v>
      </c>
      <c r="G6323" t="s">
        <v>14</v>
      </c>
      <c r="H6323" t="s">
        <v>122</v>
      </c>
      <c r="I6323" t="s">
        <v>15</v>
      </c>
      <c r="J6323" s="10">
        <v>22.30674986</v>
      </c>
    </row>
    <row r="6324" spans="1:10" x14ac:dyDescent="0.35">
      <c r="A6324" t="s">
        <v>35</v>
      </c>
      <c r="B6324" t="s">
        <v>41</v>
      </c>
      <c r="C6324" t="s">
        <v>117</v>
      </c>
      <c r="D6324" t="s">
        <v>118</v>
      </c>
      <c r="E6324">
        <v>2015</v>
      </c>
      <c r="F6324">
        <v>2015</v>
      </c>
      <c r="G6324" t="s">
        <v>14</v>
      </c>
      <c r="H6324" t="s">
        <v>123</v>
      </c>
      <c r="I6324" t="s">
        <v>15</v>
      </c>
      <c r="J6324" s="10">
        <v>21.11291563</v>
      </c>
    </row>
    <row r="6325" spans="1:10" x14ac:dyDescent="0.35">
      <c r="A6325" t="s">
        <v>35</v>
      </c>
      <c r="B6325" t="s">
        <v>41</v>
      </c>
      <c r="C6325" t="s">
        <v>117</v>
      </c>
      <c r="D6325" t="s">
        <v>118</v>
      </c>
      <c r="E6325">
        <v>2015</v>
      </c>
      <c r="F6325">
        <v>2015</v>
      </c>
      <c r="G6325" t="s">
        <v>14</v>
      </c>
      <c r="H6325" t="s">
        <v>124</v>
      </c>
      <c r="I6325" t="s">
        <v>15</v>
      </c>
      <c r="J6325" s="10">
        <v>2.7537966210000002</v>
      </c>
    </row>
    <row r="6326" spans="1:10" x14ac:dyDescent="0.35">
      <c r="A6326" t="s">
        <v>35</v>
      </c>
      <c r="B6326" t="s">
        <v>41</v>
      </c>
      <c r="C6326" t="s">
        <v>117</v>
      </c>
      <c r="D6326" t="s">
        <v>118</v>
      </c>
      <c r="E6326">
        <v>2015</v>
      </c>
      <c r="F6326">
        <v>2015</v>
      </c>
      <c r="G6326" t="s">
        <v>125</v>
      </c>
      <c r="H6326" t="s">
        <v>119</v>
      </c>
      <c r="I6326" t="s">
        <v>15</v>
      </c>
      <c r="J6326" s="10">
        <v>16.837911510000001</v>
      </c>
    </row>
    <row r="6327" spans="1:10" x14ac:dyDescent="0.35">
      <c r="A6327" t="s">
        <v>35</v>
      </c>
      <c r="B6327" t="s">
        <v>41</v>
      </c>
      <c r="C6327" t="s">
        <v>117</v>
      </c>
      <c r="D6327" t="s">
        <v>118</v>
      </c>
      <c r="E6327">
        <v>2015</v>
      </c>
      <c r="F6327">
        <v>2015</v>
      </c>
      <c r="G6327" t="s">
        <v>125</v>
      </c>
      <c r="H6327" t="s">
        <v>120</v>
      </c>
      <c r="I6327" t="s">
        <v>15</v>
      </c>
      <c r="J6327" s="10">
        <v>10.65212833</v>
      </c>
    </row>
    <row r="6328" spans="1:10" x14ac:dyDescent="0.35">
      <c r="A6328" t="s">
        <v>35</v>
      </c>
      <c r="B6328" t="s">
        <v>41</v>
      </c>
      <c r="C6328" t="s">
        <v>117</v>
      </c>
      <c r="D6328" t="s">
        <v>118</v>
      </c>
      <c r="E6328">
        <v>2015</v>
      </c>
      <c r="F6328">
        <v>2015</v>
      </c>
      <c r="G6328" t="s">
        <v>125</v>
      </c>
      <c r="H6328" t="s">
        <v>121</v>
      </c>
      <c r="I6328" t="s">
        <v>15</v>
      </c>
      <c r="J6328" s="10">
        <v>27.732678310000001</v>
      </c>
    </row>
    <row r="6329" spans="1:10" x14ac:dyDescent="0.35">
      <c r="A6329" t="s">
        <v>35</v>
      </c>
      <c r="B6329" t="s">
        <v>41</v>
      </c>
      <c r="C6329" t="s">
        <v>117</v>
      </c>
      <c r="D6329" t="s">
        <v>118</v>
      </c>
      <c r="E6329">
        <v>2015</v>
      </c>
      <c r="F6329">
        <v>2015</v>
      </c>
      <c r="G6329" t="s">
        <v>125</v>
      </c>
      <c r="H6329" t="s">
        <v>122</v>
      </c>
      <c r="I6329" t="s">
        <v>15</v>
      </c>
      <c r="J6329" s="10">
        <v>22.49648024</v>
      </c>
    </row>
    <row r="6330" spans="1:10" x14ac:dyDescent="0.35">
      <c r="A6330" t="s">
        <v>35</v>
      </c>
      <c r="B6330" t="s">
        <v>41</v>
      </c>
      <c r="C6330" t="s">
        <v>117</v>
      </c>
      <c r="D6330" t="s">
        <v>118</v>
      </c>
      <c r="E6330">
        <v>2015</v>
      </c>
      <c r="F6330">
        <v>2015</v>
      </c>
      <c r="G6330" t="s">
        <v>125</v>
      </c>
      <c r="H6330" t="s">
        <v>123</v>
      </c>
      <c r="I6330" t="s">
        <v>15</v>
      </c>
      <c r="J6330" s="10">
        <v>20.390617979999998</v>
      </c>
    </row>
    <row r="6331" spans="1:10" x14ac:dyDescent="0.35">
      <c r="A6331" t="s">
        <v>35</v>
      </c>
      <c r="B6331" t="s">
        <v>41</v>
      </c>
      <c r="C6331" t="s">
        <v>117</v>
      </c>
      <c r="D6331" t="s">
        <v>118</v>
      </c>
      <c r="E6331">
        <v>2015</v>
      </c>
      <c r="F6331">
        <v>2015</v>
      </c>
      <c r="G6331" t="s">
        <v>125</v>
      </c>
      <c r="H6331" t="s">
        <v>124</v>
      </c>
      <c r="I6331" t="s">
        <v>15</v>
      </c>
      <c r="J6331" s="10">
        <v>1.890183626</v>
      </c>
    </row>
    <row r="6332" spans="1:10" x14ac:dyDescent="0.35">
      <c r="A6332" t="s">
        <v>35</v>
      </c>
      <c r="B6332" t="s">
        <v>41</v>
      </c>
      <c r="C6332" t="s">
        <v>117</v>
      </c>
      <c r="D6332" t="s">
        <v>118</v>
      </c>
      <c r="E6332">
        <v>2015</v>
      </c>
      <c r="F6332">
        <v>2015</v>
      </c>
      <c r="G6332" t="s">
        <v>126</v>
      </c>
      <c r="H6332" t="s">
        <v>119</v>
      </c>
      <c r="I6332" t="s">
        <v>15</v>
      </c>
      <c r="J6332" s="10">
        <v>14.981934750000001</v>
      </c>
    </row>
    <row r="6333" spans="1:10" x14ac:dyDescent="0.35">
      <c r="A6333" t="s">
        <v>35</v>
      </c>
      <c r="B6333" t="s">
        <v>41</v>
      </c>
      <c r="C6333" t="s">
        <v>117</v>
      </c>
      <c r="D6333" t="s">
        <v>118</v>
      </c>
      <c r="E6333">
        <v>2015</v>
      </c>
      <c r="F6333">
        <v>2015</v>
      </c>
      <c r="G6333" t="s">
        <v>126</v>
      </c>
      <c r="H6333" t="s">
        <v>120</v>
      </c>
      <c r="I6333" t="s">
        <v>15</v>
      </c>
      <c r="J6333" s="10">
        <v>9.1929042949999999</v>
      </c>
    </row>
    <row r="6334" spans="1:10" x14ac:dyDescent="0.35">
      <c r="A6334" t="s">
        <v>35</v>
      </c>
      <c r="B6334" t="s">
        <v>41</v>
      </c>
      <c r="C6334" t="s">
        <v>117</v>
      </c>
      <c r="D6334" t="s">
        <v>118</v>
      </c>
      <c r="E6334">
        <v>2015</v>
      </c>
      <c r="F6334">
        <v>2015</v>
      </c>
      <c r="G6334" t="s">
        <v>126</v>
      </c>
      <c r="H6334" t="s">
        <v>121</v>
      </c>
      <c r="I6334" t="s">
        <v>15</v>
      </c>
      <c r="J6334" s="10">
        <v>28.385536930000001</v>
      </c>
    </row>
    <row r="6335" spans="1:10" x14ac:dyDescent="0.35">
      <c r="A6335" t="s">
        <v>35</v>
      </c>
      <c r="B6335" t="s">
        <v>41</v>
      </c>
      <c r="C6335" t="s">
        <v>117</v>
      </c>
      <c r="D6335" t="s">
        <v>118</v>
      </c>
      <c r="E6335">
        <v>2015</v>
      </c>
      <c r="F6335">
        <v>2015</v>
      </c>
      <c r="G6335" t="s">
        <v>126</v>
      </c>
      <c r="H6335" t="s">
        <v>122</v>
      </c>
      <c r="I6335" t="s">
        <v>15</v>
      </c>
      <c r="J6335" s="10">
        <v>22.134688000000001</v>
      </c>
    </row>
    <row r="6336" spans="1:10" x14ac:dyDescent="0.35">
      <c r="A6336" t="s">
        <v>35</v>
      </c>
      <c r="B6336" t="s">
        <v>41</v>
      </c>
      <c r="C6336" t="s">
        <v>117</v>
      </c>
      <c r="D6336" t="s">
        <v>118</v>
      </c>
      <c r="E6336">
        <v>2015</v>
      </c>
      <c r="F6336">
        <v>2015</v>
      </c>
      <c r="G6336" t="s">
        <v>126</v>
      </c>
      <c r="H6336" t="s">
        <v>123</v>
      </c>
      <c r="I6336" t="s">
        <v>15</v>
      </c>
      <c r="J6336" s="10">
        <v>21.7679498</v>
      </c>
    </row>
    <row r="6337" spans="1:10" x14ac:dyDescent="0.35">
      <c r="A6337" t="s">
        <v>35</v>
      </c>
      <c r="B6337" t="s">
        <v>41</v>
      </c>
      <c r="C6337" t="s">
        <v>117</v>
      </c>
      <c r="D6337" t="s">
        <v>118</v>
      </c>
      <c r="E6337">
        <v>2015</v>
      </c>
      <c r="F6337">
        <v>2015</v>
      </c>
      <c r="G6337" t="s">
        <v>126</v>
      </c>
      <c r="H6337" t="s">
        <v>124</v>
      </c>
      <c r="I6337" t="s">
        <v>15</v>
      </c>
      <c r="J6337" s="10">
        <v>3.5369862269999999</v>
      </c>
    </row>
    <row r="6338" spans="1:10" x14ac:dyDescent="0.35">
      <c r="A6338" t="s">
        <v>35</v>
      </c>
      <c r="B6338" t="s">
        <v>41</v>
      </c>
      <c r="C6338" t="s">
        <v>117</v>
      </c>
      <c r="D6338" t="s">
        <v>118</v>
      </c>
      <c r="E6338">
        <v>2014</v>
      </c>
      <c r="F6338">
        <v>2014</v>
      </c>
      <c r="G6338" t="s">
        <v>14</v>
      </c>
      <c r="H6338" t="s">
        <v>119</v>
      </c>
      <c r="I6338" t="s">
        <v>15</v>
      </c>
      <c r="J6338" s="10">
        <v>16.023999209999999</v>
      </c>
    </row>
    <row r="6339" spans="1:10" x14ac:dyDescent="0.35">
      <c r="A6339" t="s">
        <v>35</v>
      </c>
      <c r="B6339" t="s">
        <v>41</v>
      </c>
      <c r="C6339" t="s">
        <v>117</v>
      </c>
      <c r="D6339" t="s">
        <v>118</v>
      </c>
      <c r="E6339">
        <v>2014</v>
      </c>
      <c r="F6339">
        <v>2014</v>
      </c>
      <c r="G6339" t="s">
        <v>14</v>
      </c>
      <c r="H6339" t="s">
        <v>120</v>
      </c>
      <c r="I6339" t="s">
        <v>15</v>
      </c>
      <c r="J6339" s="10">
        <v>9.9124085530000006</v>
      </c>
    </row>
    <row r="6340" spans="1:10" x14ac:dyDescent="0.35">
      <c r="A6340" t="s">
        <v>35</v>
      </c>
      <c r="B6340" t="s">
        <v>41</v>
      </c>
      <c r="C6340" t="s">
        <v>117</v>
      </c>
      <c r="D6340" t="s">
        <v>118</v>
      </c>
      <c r="E6340">
        <v>2014</v>
      </c>
      <c r="F6340">
        <v>2014</v>
      </c>
      <c r="G6340" t="s">
        <v>14</v>
      </c>
      <c r="H6340" t="s">
        <v>121</v>
      </c>
      <c r="I6340" t="s">
        <v>15</v>
      </c>
      <c r="J6340" s="10">
        <v>28.691505469999999</v>
      </c>
    </row>
    <row r="6341" spans="1:10" x14ac:dyDescent="0.35">
      <c r="A6341" t="s">
        <v>35</v>
      </c>
      <c r="B6341" t="s">
        <v>41</v>
      </c>
      <c r="C6341" t="s">
        <v>117</v>
      </c>
      <c r="D6341" t="s">
        <v>118</v>
      </c>
      <c r="E6341">
        <v>2014</v>
      </c>
      <c r="F6341">
        <v>2014</v>
      </c>
      <c r="G6341" t="s">
        <v>14</v>
      </c>
      <c r="H6341" t="s">
        <v>122</v>
      </c>
      <c r="I6341" t="s">
        <v>15</v>
      </c>
      <c r="J6341" s="10">
        <v>21.862485670000002</v>
      </c>
    </row>
    <row r="6342" spans="1:10" x14ac:dyDescent="0.35">
      <c r="A6342" t="s">
        <v>35</v>
      </c>
      <c r="B6342" t="s">
        <v>41</v>
      </c>
      <c r="C6342" t="s">
        <v>117</v>
      </c>
      <c r="D6342" t="s">
        <v>118</v>
      </c>
      <c r="E6342">
        <v>2014</v>
      </c>
      <c r="F6342">
        <v>2014</v>
      </c>
      <c r="G6342" t="s">
        <v>14</v>
      </c>
      <c r="H6342" t="s">
        <v>123</v>
      </c>
      <c r="I6342" t="s">
        <v>15</v>
      </c>
      <c r="J6342" s="10">
        <v>20.699316530000001</v>
      </c>
    </row>
    <row r="6343" spans="1:10" x14ac:dyDescent="0.35">
      <c r="A6343" t="s">
        <v>35</v>
      </c>
      <c r="B6343" t="s">
        <v>41</v>
      </c>
      <c r="C6343" t="s">
        <v>117</v>
      </c>
      <c r="D6343" t="s">
        <v>118</v>
      </c>
      <c r="E6343">
        <v>2014</v>
      </c>
      <c r="F6343">
        <v>2014</v>
      </c>
      <c r="G6343" t="s">
        <v>14</v>
      </c>
      <c r="H6343" t="s">
        <v>124</v>
      </c>
      <c r="I6343" t="s">
        <v>15</v>
      </c>
      <c r="J6343" s="10">
        <v>2.810284566</v>
      </c>
    </row>
    <row r="6344" spans="1:10" x14ac:dyDescent="0.35">
      <c r="A6344" t="s">
        <v>35</v>
      </c>
      <c r="B6344" t="s">
        <v>41</v>
      </c>
      <c r="C6344" t="s">
        <v>117</v>
      </c>
      <c r="D6344" t="s">
        <v>118</v>
      </c>
      <c r="E6344">
        <v>2014</v>
      </c>
      <c r="F6344">
        <v>2014</v>
      </c>
      <c r="G6344" t="s">
        <v>125</v>
      </c>
      <c r="H6344" t="s">
        <v>119</v>
      </c>
      <c r="I6344" t="s">
        <v>15</v>
      </c>
      <c r="J6344" s="10">
        <v>17.003336910000002</v>
      </c>
    </row>
    <row r="6345" spans="1:10" x14ac:dyDescent="0.35">
      <c r="A6345" t="s">
        <v>35</v>
      </c>
      <c r="B6345" t="s">
        <v>41</v>
      </c>
      <c r="C6345" t="s">
        <v>117</v>
      </c>
      <c r="D6345" t="s">
        <v>118</v>
      </c>
      <c r="E6345">
        <v>2014</v>
      </c>
      <c r="F6345">
        <v>2014</v>
      </c>
      <c r="G6345" t="s">
        <v>125</v>
      </c>
      <c r="H6345" t="s">
        <v>120</v>
      </c>
      <c r="I6345" t="s">
        <v>15</v>
      </c>
      <c r="J6345" s="10">
        <v>10.645334289999999</v>
      </c>
    </row>
    <row r="6346" spans="1:10" x14ac:dyDescent="0.35">
      <c r="A6346" t="s">
        <v>35</v>
      </c>
      <c r="B6346" t="s">
        <v>41</v>
      </c>
      <c r="C6346" t="s">
        <v>117</v>
      </c>
      <c r="D6346" t="s">
        <v>118</v>
      </c>
      <c r="E6346">
        <v>2014</v>
      </c>
      <c r="F6346">
        <v>2014</v>
      </c>
      <c r="G6346" t="s">
        <v>125</v>
      </c>
      <c r="H6346" t="s">
        <v>121</v>
      </c>
      <c r="I6346" t="s">
        <v>15</v>
      </c>
      <c r="J6346" s="10">
        <v>28.411393159999999</v>
      </c>
    </row>
    <row r="6347" spans="1:10" x14ac:dyDescent="0.35">
      <c r="A6347" t="s">
        <v>35</v>
      </c>
      <c r="B6347" t="s">
        <v>41</v>
      </c>
      <c r="C6347" t="s">
        <v>117</v>
      </c>
      <c r="D6347" t="s">
        <v>118</v>
      </c>
      <c r="E6347">
        <v>2014</v>
      </c>
      <c r="F6347">
        <v>2014</v>
      </c>
      <c r="G6347" t="s">
        <v>125</v>
      </c>
      <c r="H6347" t="s">
        <v>122</v>
      </c>
      <c r="I6347" t="s">
        <v>15</v>
      </c>
      <c r="J6347" s="10">
        <v>22.187462759999999</v>
      </c>
    </row>
    <row r="6348" spans="1:10" x14ac:dyDescent="0.35">
      <c r="A6348" t="s">
        <v>35</v>
      </c>
      <c r="B6348" t="s">
        <v>41</v>
      </c>
      <c r="C6348" t="s">
        <v>117</v>
      </c>
      <c r="D6348" t="s">
        <v>118</v>
      </c>
      <c r="E6348">
        <v>2014</v>
      </c>
      <c r="F6348">
        <v>2014</v>
      </c>
      <c r="G6348" t="s">
        <v>125</v>
      </c>
      <c r="H6348" t="s">
        <v>123</v>
      </c>
      <c r="I6348" t="s">
        <v>15</v>
      </c>
      <c r="J6348" s="10">
        <v>19.842688590000002</v>
      </c>
    </row>
    <row r="6349" spans="1:10" x14ac:dyDescent="0.35">
      <c r="A6349" t="s">
        <v>35</v>
      </c>
      <c r="B6349" t="s">
        <v>41</v>
      </c>
      <c r="C6349" t="s">
        <v>117</v>
      </c>
      <c r="D6349" t="s">
        <v>118</v>
      </c>
      <c r="E6349">
        <v>2014</v>
      </c>
      <c r="F6349">
        <v>2014</v>
      </c>
      <c r="G6349" t="s">
        <v>125</v>
      </c>
      <c r="H6349" t="s">
        <v>124</v>
      </c>
      <c r="I6349" t="s">
        <v>15</v>
      </c>
      <c r="J6349" s="10">
        <v>1.909784293</v>
      </c>
    </row>
    <row r="6350" spans="1:10" x14ac:dyDescent="0.35">
      <c r="A6350" t="s">
        <v>35</v>
      </c>
      <c r="B6350" t="s">
        <v>41</v>
      </c>
      <c r="C6350" t="s">
        <v>117</v>
      </c>
      <c r="D6350" t="s">
        <v>118</v>
      </c>
      <c r="E6350">
        <v>2014</v>
      </c>
      <c r="F6350">
        <v>2014</v>
      </c>
      <c r="G6350" t="s">
        <v>126</v>
      </c>
      <c r="H6350" t="s">
        <v>119</v>
      </c>
      <c r="I6350" t="s">
        <v>15</v>
      </c>
      <c r="J6350" s="10">
        <v>15.138121549999999</v>
      </c>
    </row>
    <row r="6351" spans="1:10" x14ac:dyDescent="0.35">
      <c r="A6351" t="s">
        <v>35</v>
      </c>
      <c r="B6351" t="s">
        <v>41</v>
      </c>
      <c r="C6351" t="s">
        <v>117</v>
      </c>
      <c r="D6351" t="s">
        <v>118</v>
      </c>
      <c r="E6351">
        <v>2014</v>
      </c>
      <c r="F6351">
        <v>2014</v>
      </c>
      <c r="G6351" t="s">
        <v>126</v>
      </c>
      <c r="H6351" t="s">
        <v>120</v>
      </c>
      <c r="I6351" t="s">
        <v>15</v>
      </c>
      <c r="J6351" s="10">
        <v>9.2494273010000008</v>
      </c>
    </row>
    <row r="6352" spans="1:10" x14ac:dyDescent="0.35">
      <c r="A6352" t="s">
        <v>35</v>
      </c>
      <c r="B6352" t="s">
        <v>41</v>
      </c>
      <c r="C6352" t="s">
        <v>117</v>
      </c>
      <c r="D6352" t="s">
        <v>118</v>
      </c>
      <c r="E6352">
        <v>2014</v>
      </c>
      <c r="F6352">
        <v>2014</v>
      </c>
      <c r="G6352" t="s">
        <v>126</v>
      </c>
      <c r="H6352" t="s">
        <v>121</v>
      </c>
      <c r="I6352" t="s">
        <v>15</v>
      </c>
      <c r="J6352" s="10">
        <v>28.94488613</v>
      </c>
    </row>
    <row r="6353" spans="1:10" x14ac:dyDescent="0.35">
      <c r="A6353" t="s">
        <v>35</v>
      </c>
      <c r="B6353" t="s">
        <v>41</v>
      </c>
      <c r="C6353" t="s">
        <v>117</v>
      </c>
      <c r="D6353" t="s">
        <v>118</v>
      </c>
      <c r="E6353">
        <v>2014</v>
      </c>
      <c r="F6353">
        <v>2014</v>
      </c>
      <c r="G6353" t="s">
        <v>126</v>
      </c>
      <c r="H6353" t="s">
        <v>122</v>
      </c>
      <c r="I6353" t="s">
        <v>15</v>
      </c>
      <c r="J6353" s="10">
        <v>21.568521759999999</v>
      </c>
    </row>
    <row r="6354" spans="1:10" x14ac:dyDescent="0.35">
      <c r="A6354" t="s">
        <v>35</v>
      </c>
      <c r="B6354" t="s">
        <v>41</v>
      </c>
      <c r="C6354" t="s">
        <v>117</v>
      </c>
      <c r="D6354" t="s">
        <v>118</v>
      </c>
      <c r="E6354">
        <v>2014</v>
      </c>
      <c r="F6354">
        <v>2014</v>
      </c>
      <c r="G6354" t="s">
        <v>126</v>
      </c>
      <c r="H6354" t="s">
        <v>123</v>
      </c>
      <c r="I6354" t="s">
        <v>15</v>
      </c>
      <c r="J6354" s="10">
        <v>21.47419485</v>
      </c>
    </row>
    <row r="6355" spans="1:10" x14ac:dyDescent="0.35">
      <c r="A6355" t="s">
        <v>35</v>
      </c>
      <c r="B6355" t="s">
        <v>41</v>
      </c>
      <c r="C6355" t="s">
        <v>117</v>
      </c>
      <c r="D6355" t="s">
        <v>118</v>
      </c>
      <c r="E6355">
        <v>2014</v>
      </c>
      <c r="F6355">
        <v>2014</v>
      </c>
      <c r="G6355" t="s">
        <v>126</v>
      </c>
      <c r="H6355" t="s">
        <v>124</v>
      </c>
      <c r="I6355" t="s">
        <v>15</v>
      </c>
      <c r="J6355" s="10">
        <v>3.6248484030000001</v>
      </c>
    </row>
    <row r="6356" spans="1:10" x14ac:dyDescent="0.35">
      <c r="A6356" t="s">
        <v>35</v>
      </c>
      <c r="B6356" t="s">
        <v>41</v>
      </c>
      <c r="C6356" t="s">
        <v>117</v>
      </c>
      <c r="D6356" t="s">
        <v>118</v>
      </c>
      <c r="E6356">
        <v>2013</v>
      </c>
      <c r="F6356">
        <v>2013</v>
      </c>
      <c r="G6356" t="s">
        <v>14</v>
      </c>
      <c r="H6356" t="s">
        <v>119</v>
      </c>
      <c r="I6356" t="s">
        <v>15</v>
      </c>
      <c r="J6356" s="10">
        <v>16.204114390000001</v>
      </c>
    </row>
    <row r="6357" spans="1:10" x14ac:dyDescent="0.35">
      <c r="A6357" t="s">
        <v>35</v>
      </c>
      <c r="B6357" t="s">
        <v>41</v>
      </c>
      <c r="C6357" t="s">
        <v>117</v>
      </c>
      <c r="D6357" t="s">
        <v>118</v>
      </c>
      <c r="E6357">
        <v>2013</v>
      </c>
      <c r="F6357">
        <v>2013</v>
      </c>
      <c r="G6357" t="s">
        <v>14</v>
      </c>
      <c r="H6357" t="s">
        <v>120</v>
      </c>
      <c r="I6357" t="s">
        <v>15</v>
      </c>
      <c r="J6357" s="10">
        <v>10.07336065</v>
      </c>
    </row>
    <row r="6358" spans="1:10" x14ac:dyDescent="0.35">
      <c r="A6358" t="s">
        <v>35</v>
      </c>
      <c r="B6358" t="s">
        <v>41</v>
      </c>
      <c r="C6358" t="s">
        <v>117</v>
      </c>
      <c r="D6358" t="s">
        <v>118</v>
      </c>
      <c r="E6358">
        <v>2013</v>
      </c>
      <c r="F6358">
        <v>2013</v>
      </c>
      <c r="G6358" t="s">
        <v>14</v>
      </c>
      <c r="H6358" t="s">
        <v>121</v>
      </c>
      <c r="I6358" t="s">
        <v>15</v>
      </c>
      <c r="J6358" s="10">
        <v>29.190779930000001</v>
      </c>
    </row>
    <row r="6359" spans="1:10" x14ac:dyDescent="0.35">
      <c r="A6359" t="s">
        <v>35</v>
      </c>
      <c r="B6359" t="s">
        <v>41</v>
      </c>
      <c r="C6359" t="s">
        <v>117</v>
      </c>
      <c r="D6359" t="s">
        <v>118</v>
      </c>
      <c r="E6359">
        <v>2013</v>
      </c>
      <c r="F6359">
        <v>2013</v>
      </c>
      <c r="G6359" t="s">
        <v>14</v>
      </c>
      <c r="H6359" t="s">
        <v>122</v>
      </c>
      <c r="I6359" t="s">
        <v>15</v>
      </c>
      <c r="J6359" s="10">
        <v>21.632239259999999</v>
      </c>
    </row>
    <row r="6360" spans="1:10" x14ac:dyDescent="0.35">
      <c r="A6360" t="s">
        <v>35</v>
      </c>
      <c r="B6360" t="s">
        <v>41</v>
      </c>
      <c r="C6360" t="s">
        <v>117</v>
      </c>
      <c r="D6360" t="s">
        <v>118</v>
      </c>
      <c r="E6360">
        <v>2013</v>
      </c>
      <c r="F6360">
        <v>2013</v>
      </c>
      <c r="G6360" t="s">
        <v>14</v>
      </c>
      <c r="H6360" t="s">
        <v>123</v>
      </c>
      <c r="I6360" t="s">
        <v>15</v>
      </c>
      <c r="J6360" s="10">
        <v>20.20867655</v>
      </c>
    </row>
    <row r="6361" spans="1:10" x14ac:dyDescent="0.35">
      <c r="A6361" t="s">
        <v>35</v>
      </c>
      <c r="B6361" t="s">
        <v>41</v>
      </c>
      <c r="C6361" t="s">
        <v>117</v>
      </c>
      <c r="D6361" t="s">
        <v>118</v>
      </c>
      <c r="E6361">
        <v>2013</v>
      </c>
      <c r="F6361">
        <v>2013</v>
      </c>
      <c r="G6361" t="s">
        <v>14</v>
      </c>
      <c r="H6361" t="s">
        <v>124</v>
      </c>
      <c r="I6361" t="s">
        <v>15</v>
      </c>
      <c r="J6361" s="10">
        <v>2.6908292149999999</v>
      </c>
    </row>
    <row r="6362" spans="1:10" x14ac:dyDescent="0.35">
      <c r="A6362" t="s">
        <v>35</v>
      </c>
      <c r="B6362" t="s">
        <v>41</v>
      </c>
      <c r="C6362" t="s">
        <v>117</v>
      </c>
      <c r="D6362" t="s">
        <v>118</v>
      </c>
      <c r="E6362">
        <v>2013</v>
      </c>
      <c r="F6362">
        <v>2013</v>
      </c>
      <c r="G6362" t="s">
        <v>125</v>
      </c>
      <c r="H6362" t="s">
        <v>119</v>
      </c>
      <c r="I6362" t="s">
        <v>15</v>
      </c>
      <c r="J6362" s="10">
        <v>17.14327961</v>
      </c>
    </row>
    <row r="6363" spans="1:10" x14ac:dyDescent="0.35">
      <c r="A6363" t="s">
        <v>35</v>
      </c>
      <c r="B6363" t="s">
        <v>41</v>
      </c>
      <c r="C6363" t="s">
        <v>117</v>
      </c>
      <c r="D6363" t="s">
        <v>118</v>
      </c>
      <c r="E6363">
        <v>2013</v>
      </c>
      <c r="F6363">
        <v>2013</v>
      </c>
      <c r="G6363" t="s">
        <v>125</v>
      </c>
      <c r="H6363" t="s">
        <v>120</v>
      </c>
      <c r="I6363" t="s">
        <v>15</v>
      </c>
      <c r="J6363" s="10">
        <v>10.897530679999999</v>
      </c>
    </row>
    <row r="6364" spans="1:10" x14ac:dyDescent="0.35">
      <c r="A6364" t="s">
        <v>35</v>
      </c>
      <c r="B6364" t="s">
        <v>41</v>
      </c>
      <c r="C6364" t="s">
        <v>117</v>
      </c>
      <c r="D6364" t="s">
        <v>118</v>
      </c>
      <c r="E6364">
        <v>2013</v>
      </c>
      <c r="F6364">
        <v>2013</v>
      </c>
      <c r="G6364" t="s">
        <v>125</v>
      </c>
      <c r="H6364" t="s">
        <v>121</v>
      </c>
      <c r="I6364" t="s">
        <v>15</v>
      </c>
      <c r="J6364" s="10">
        <v>28.945734139999999</v>
      </c>
    </row>
    <row r="6365" spans="1:10" x14ac:dyDescent="0.35">
      <c r="A6365" t="s">
        <v>35</v>
      </c>
      <c r="B6365" t="s">
        <v>41</v>
      </c>
      <c r="C6365" t="s">
        <v>117</v>
      </c>
      <c r="D6365" t="s">
        <v>118</v>
      </c>
      <c r="E6365">
        <v>2013</v>
      </c>
      <c r="F6365">
        <v>2013</v>
      </c>
      <c r="G6365" t="s">
        <v>125</v>
      </c>
      <c r="H6365" t="s">
        <v>122</v>
      </c>
      <c r="I6365" t="s">
        <v>15</v>
      </c>
      <c r="J6365" s="10">
        <v>21.87195032</v>
      </c>
    </row>
    <row r="6366" spans="1:10" x14ac:dyDescent="0.35">
      <c r="A6366" t="s">
        <v>35</v>
      </c>
      <c r="B6366" t="s">
        <v>41</v>
      </c>
      <c r="C6366" t="s">
        <v>117</v>
      </c>
      <c r="D6366" t="s">
        <v>118</v>
      </c>
      <c r="E6366">
        <v>2013</v>
      </c>
      <c r="F6366">
        <v>2013</v>
      </c>
      <c r="G6366" t="s">
        <v>125</v>
      </c>
      <c r="H6366" t="s">
        <v>123</v>
      </c>
      <c r="I6366" t="s">
        <v>15</v>
      </c>
      <c r="J6366" s="10">
        <v>19.384888360000001</v>
      </c>
    </row>
    <row r="6367" spans="1:10" x14ac:dyDescent="0.35">
      <c r="A6367" t="s">
        <v>35</v>
      </c>
      <c r="B6367" t="s">
        <v>41</v>
      </c>
      <c r="C6367" t="s">
        <v>117</v>
      </c>
      <c r="D6367" t="s">
        <v>118</v>
      </c>
      <c r="E6367">
        <v>2013</v>
      </c>
      <c r="F6367">
        <v>2013</v>
      </c>
      <c r="G6367" t="s">
        <v>125</v>
      </c>
      <c r="H6367" t="s">
        <v>124</v>
      </c>
      <c r="I6367" t="s">
        <v>15</v>
      </c>
      <c r="J6367" s="10">
        <v>1.756616886</v>
      </c>
    </row>
    <row r="6368" spans="1:10" x14ac:dyDescent="0.35">
      <c r="A6368" t="s">
        <v>35</v>
      </c>
      <c r="B6368" t="s">
        <v>41</v>
      </c>
      <c r="C6368" t="s">
        <v>117</v>
      </c>
      <c r="D6368" t="s">
        <v>118</v>
      </c>
      <c r="E6368">
        <v>2013</v>
      </c>
      <c r="F6368">
        <v>2013</v>
      </c>
      <c r="G6368" t="s">
        <v>126</v>
      </c>
      <c r="H6368" t="s">
        <v>119</v>
      </c>
      <c r="I6368" t="s">
        <v>15</v>
      </c>
      <c r="J6368" s="10">
        <v>15.35049995</v>
      </c>
    </row>
    <row r="6369" spans="1:10" x14ac:dyDescent="0.35">
      <c r="A6369" t="s">
        <v>35</v>
      </c>
      <c r="B6369" t="s">
        <v>41</v>
      </c>
      <c r="C6369" t="s">
        <v>117</v>
      </c>
      <c r="D6369" t="s">
        <v>118</v>
      </c>
      <c r="E6369">
        <v>2013</v>
      </c>
      <c r="F6369">
        <v>2013</v>
      </c>
      <c r="G6369" t="s">
        <v>126</v>
      </c>
      <c r="H6369" t="s">
        <v>120</v>
      </c>
      <c r="I6369" t="s">
        <v>15</v>
      </c>
      <c r="J6369" s="10">
        <v>9.3242662079999992</v>
      </c>
    </row>
    <row r="6370" spans="1:10" x14ac:dyDescent="0.35">
      <c r="A6370" t="s">
        <v>35</v>
      </c>
      <c r="B6370" t="s">
        <v>41</v>
      </c>
      <c r="C6370" t="s">
        <v>117</v>
      </c>
      <c r="D6370" t="s">
        <v>118</v>
      </c>
      <c r="E6370">
        <v>2013</v>
      </c>
      <c r="F6370">
        <v>2013</v>
      </c>
      <c r="G6370" t="s">
        <v>126</v>
      </c>
      <c r="H6370" t="s">
        <v>121</v>
      </c>
      <c r="I6370" t="s">
        <v>15</v>
      </c>
      <c r="J6370" s="10">
        <v>29.41350392</v>
      </c>
    </row>
    <row r="6371" spans="1:10" x14ac:dyDescent="0.35">
      <c r="A6371" t="s">
        <v>35</v>
      </c>
      <c r="B6371" t="s">
        <v>41</v>
      </c>
      <c r="C6371" t="s">
        <v>117</v>
      </c>
      <c r="D6371" t="s">
        <v>118</v>
      </c>
      <c r="E6371">
        <v>2013</v>
      </c>
      <c r="F6371">
        <v>2013</v>
      </c>
      <c r="G6371" t="s">
        <v>126</v>
      </c>
      <c r="H6371" t="s">
        <v>122</v>
      </c>
      <c r="I6371" t="s">
        <v>15</v>
      </c>
      <c r="J6371" s="10">
        <v>21.41436405</v>
      </c>
    </row>
    <row r="6372" spans="1:10" x14ac:dyDescent="0.35">
      <c r="A6372" t="s">
        <v>35</v>
      </c>
      <c r="B6372" t="s">
        <v>41</v>
      </c>
      <c r="C6372" t="s">
        <v>117</v>
      </c>
      <c r="D6372" t="s">
        <v>118</v>
      </c>
      <c r="E6372">
        <v>2013</v>
      </c>
      <c r="F6372">
        <v>2013</v>
      </c>
      <c r="G6372" t="s">
        <v>126</v>
      </c>
      <c r="H6372" t="s">
        <v>123</v>
      </c>
      <c r="I6372" t="s">
        <v>15</v>
      </c>
      <c r="J6372" s="10">
        <v>20.957423930000001</v>
      </c>
    </row>
    <row r="6373" spans="1:10" x14ac:dyDescent="0.35">
      <c r="A6373" t="s">
        <v>35</v>
      </c>
      <c r="B6373" t="s">
        <v>41</v>
      </c>
      <c r="C6373" t="s">
        <v>117</v>
      </c>
      <c r="D6373" t="s">
        <v>118</v>
      </c>
      <c r="E6373">
        <v>2013</v>
      </c>
      <c r="F6373">
        <v>2013</v>
      </c>
      <c r="G6373" t="s">
        <v>126</v>
      </c>
      <c r="H6373" t="s">
        <v>124</v>
      </c>
      <c r="I6373" t="s">
        <v>15</v>
      </c>
      <c r="J6373" s="10">
        <v>3.539941942</v>
      </c>
    </row>
    <row r="6374" spans="1:10" x14ac:dyDescent="0.35">
      <c r="A6374" t="s">
        <v>35</v>
      </c>
      <c r="B6374" t="s">
        <v>41</v>
      </c>
      <c r="C6374" t="s">
        <v>117</v>
      </c>
      <c r="D6374" t="s">
        <v>118</v>
      </c>
      <c r="E6374">
        <v>2012</v>
      </c>
      <c r="F6374">
        <v>2012</v>
      </c>
      <c r="G6374" t="s">
        <v>14</v>
      </c>
      <c r="H6374" t="s">
        <v>119</v>
      </c>
      <c r="I6374" t="s">
        <v>15</v>
      </c>
      <c r="J6374" s="10">
        <v>16.546479980000001</v>
      </c>
    </row>
    <row r="6375" spans="1:10" x14ac:dyDescent="0.35">
      <c r="A6375" t="s">
        <v>35</v>
      </c>
      <c r="B6375" t="s">
        <v>41</v>
      </c>
      <c r="C6375" t="s">
        <v>117</v>
      </c>
      <c r="D6375" t="s">
        <v>118</v>
      </c>
      <c r="E6375">
        <v>2012</v>
      </c>
      <c r="F6375">
        <v>2012</v>
      </c>
      <c r="G6375" t="s">
        <v>14</v>
      </c>
      <c r="H6375" t="s">
        <v>120</v>
      </c>
      <c r="I6375" t="s">
        <v>15</v>
      </c>
      <c r="J6375" s="10">
        <v>10.02413087</v>
      </c>
    </row>
    <row r="6376" spans="1:10" x14ac:dyDescent="0.35">
      <c r="A6376" t="s">
        <v>35</v>
      </c>
      <c r="B6376" t="s">
        <v>41</v>
      </c>
      <c r="C6376" t="s">
        <v>117</v>
      </c>
      <c r="D6376" t="s">
        <v>118</v>
      </c>
      <c r="E6376">
        <v>2012</v>
      </c>
      <c r="F6376">
        <v>2012</v>
      </c>
      <c r="G6376" t="s">
        <v>14</v>
      </c>
      <c r="H6376" t="s">
        <v>121</v>
      </c>
      <c r="I6376" t="s">
        <v>15</v>
      </c>
      <c r="J6376" s="10">
        <v>29.54347765</v>
      </c>
    </row>
    <row r="6377" spans="1:10" x14ac:dyDescent="0.35">
      <c r="A6377" t="s">
        <v>35</v>
      </c>
      <c r="B6377" t="s">
        <v>41</v>
      </c>
      <c r="C6377" t="s">
        <v>117</v>
      </c>
      <c r="D6377" t="s">
        <v>118</v>
      </c>
      <c r="E6377">
        <v>2012</v>
      </c>
      <c r="F6377">
        <v>2012</v>
      </c>
      <c r="G6377" t="s">
        <v>14</v>
      </c>
      <c r="H6377" t="s">
        <v>122</v>
      </c>
      <c r="I6377" t="s">
        <v>15</v>
      </c>
      <c r="J6377" s="10">
        <v>21.60133562</v>
      </c>
    </row>
    <row r="6378" spans="1:10" x14ac:dyDescent="0.35">
      <c r="A6378" t="s">
        <v>35</v>
      </c>
      <c r="B6378" t="s">
        <v>41</v>
      </c>
      <c r="C6378" t="s">
        <v>117</v>
      </c>
      <c r="D6378" t="s">
        <v>118</v>
      </c>
      <c r="E6378">
        <v>2012</v>
      </c>
      <c r="F6378">
        <v>2012</v>
      </c>
      <c r="G6378" t="s">
        <v>14</v>
      </c>
      <c r="H6378" t="s">
        <v>123</v>
      </c>
      <c r="I6378" t="s">
        <v>15</v>
      </c>
      <c r="J6378" s="10">
        <v>19.61334493</v>
      </c>
    </row>
    <row r="6379" spans="1:10" x14ac:dyDescent="0.35">
      <c r="A6379" t="s">
        <v>35</v>
      </c>
      <c r="B6379" t="s">
        <v>41</v>
      </c>
      <c r="C6379" t="s">
        <v>117</v>
      </c>
      <c r="D6379" t="s">
        <v>118</v>
      </c>
      <c r="E6379">
        <v>2012</v>
      </c>
      <c r="F6379">
        <v>2012</v>
      </c>
      <c r="G6379" t="s">
        <v>14</v>
      </c>
      <c r="H6379" t="s">
        <v>124</v>
      </c>
      <c r="I6379" t="s">
        <v>15</v>
      </c>
      <c r="J6379" s="10">
        <v>2.671230955</v>
      </c>
    </row>
    <row r="6380" spans="1:10" x14ac:dyDescent="0.35">
      <c r="A6380" t="s">
        <v>35</v>
      </c>
      <c r="B6380" t="s">
        <v>41</v>
      </c>
      <c r="C6380" t="s">
        <v>117</v>
      </c>
      <c r="D6380" t="s">
        <v>118</v>
      </c>
      <c r="E6380">
        <v>2012</v>
      </c>
      <c r="F6380">
        <v>2012</v>
      </c>
      <c r="G6380" t="s">
        <v>125</v>
      </c>
      <c r="H6380" t="s">
        <v>119</v>
      </c>
      <c r="I6380" t="s">
        <v>15</v>
      </c>
      <c r="J6380" s="10">
        <v>17.55943602</v>
      </c>
    </row>
    <row r="6381" spans="1:10" x14ac:dyDescent="0.35">
      <c r="A6381" t="s">
        <v>35</v>
      </c>
      <c r="B6381" t="s">
        <v>41</v>
      </c>
      <c r="C6381" t="s">
        <v>117</v>
      </c>
      <c r="D6381" t="s">
        <v>118</v>
      </c>
      <c r="E6381">
        <v>2012</v>
      </c>
      <c r="F6381">
        <v>2012</v>
      </c>
      <c r="G6381" t="s">
        <v>125</v>
      </c>
      <c r="H6381" t="s">
        <v>120</v>
      </c>
      <c r="I6381" t="s">
        <v>15</v>
      </c>
      <c r="J6381" s="10">
        <v>10.81942068</v>
      </c>
    </row>
    <row r="6382" spans="1:10" x14ac:dyDescent="0.35">
      <c r="A6382" t="s">
        <v>35</v>
      </c>
      <c r="B6382" t="s">
        <v>41</v>
      </c>
      <c r="C6382" t="s">
        <v>117</v>
      </c>
      <c r="D6382" t="s">
        <v>118</v>
      </c>
      <c r="E6382">
        <v>2012</v>
      </c>
      <c r="F6382">
        <v>2012</v>
      </c>
      <c r="G6382" t="s">
        <v>125</v>
      </c>
      <c r="H6382" t="s">
        <v>121</v>
      </c>
      <c r="I6382" t="s">
        <v>15</v>
      </c>
      <c r="J6382" s="10">
        <v>29.29620671</v>
      </c>
    </row>
    <row r="6383" spans="1:10" x14ac:dyDescent="0.35">
      <c r="A6383" t="s">
        <v>35</v>
      </c>
      <c r="B6383" t="s">
        <v>41</v>
      </c>
      <c r="C6383" t="s">
        <v>117</v>
      </c>
      <c r="D6383" t="s">
        <v>118</v>
      </c>
      <c r="E6383">
        <v>2012</v>
      </c>
      <c r="F6383">
        <v>2012</v>
      </c>
      <c r="G6383" t="s">
        <v>125</v>
      </c>
      <c r="H6383" t="s">
        <v>122</v>
      </c>
      <c r="I6383" t="s">
        <v>15</v>
      </c>
      <c r="J6383" s="10">
        <v>21.951507289999999</v>
      </c>
    </row>
    <row r="6384" spans="1:10" x14ac:dyDescent="0.35">
      <c r="A6384" t="s">
        <v>35</v>
      </c>
      <c r="B6384" t="s">
        <v>41</v>
      </c>
      <c r="C6384" t="s">
        <v>117</v>
      </c>
      <c r="D6384" t="s">
        <v>118</v>
      </c>
      <c r="E6384">
        <v>2012</v>
      </c>
      <c r="F6384">
        <v>2012</v>
      </c>
      <c r="G6384" t="s">
        <v>125</v>
      </c>
      <c r="H6384" t="s">
        <v>123</v>
      </c>
      <c r="I6384" t="s">
        <v>15</v>
      </c>
      <c r="J6384" s="10">
        <v>18.683263520000001</v>
      </c>
    </row>
    <row r="6385" spans="1:10" x14ac:dyDescent="0.35">
      <c r="A6385" t="s">
        <v>35</v>
      </c>
      <c r="B6385" t="s">
        <v>41</v>
      </c>
      <c r="C6385" t="s">
        <v>117</v>
      </c>
      <c r="D6385" t="s">
        <v>118</v>
      </c>
      <c r="E6385">
        <v>2012</v>
      </c>
      <c r="F6385">
        <v>2012</v>
      </c>
      <c r="G6385" t="s">
        <v>125</v>
      </c>
      <c r="H6385" t="s">
        <v>124</v>
      </c>
      <c r="I6385" t="s">
        <v>15</v>
      </c>
      <c r="J6385" s="10">
        <v>1.6901657720000001</v>
      </c>
    </row>
    <row r="6386" spans="1:10" x14ac:dyDescent="0.35">
      <c r="A6386" t="s">
        <v>35</v>
      </c>
      <c r="B6386" t="s">
        <v>41</v>
      </c>
      <c r="C6386" t="s">
        <v>117</v>
      </c>
      <c r="D6386" t="s">
        <v>118</v>
      </c>
      <c r="E6386">
        <v>2012</v>
      </c>
      <c r="F6386">
        <v>2012</v>
      </c>
      <c r="G6386" t="s">
        <v>126</v>
      </c>
      <c r="H6386" t="s">
        <v>119</v>
      </c>
      <c r="I6386" t="s">
        <v>15</v>
      </c>
      <c r="J6386" s="10">
        <v>15.62767551</v>
      </c>
    </row>
    <row r="6387" spans="1:10" x14ac:dyDescent="0.35">
      <c r="A6387" t="s">
        <v>35</v>
      </c>
      <c r="B6387" t="s">
        <v>41</v>
      </c>
      <c r="C6387" t="s">
        <v>117</v>
      </c>
      <c r="D6387" t="s">
        <v>118</v>
      </c>
      <c r="E6387">
        <v>2012</v>
      </c>
      <c r="F6387">
        <v>2012</v>
      </c>
      <c r="G6387" t="s">
        <v>126</v>
      </c>
      <c r="H6387" t="s">
        <v>120</v>
      </c>
      <c r="I6387" t="s">
        <v>15</v>
      </c>
      <c r="J6387" s="10">
        <v>9.3027611300000004</v>
      </c>
    </row>
    <row r="6388" spans="1:10" x14ac:dyDescent="0.35">
      <c r="A6388" t="s">
        <v>35</v>
      </c>
      <c r="B6388" t="s">
        <v>41</v>
      </c>
      <c r="C6388" t="s">
        <v>117</v>
      </c>
      <c r="D6388" t="s">
        <v>118</v>
      </c>
      <c r="E6388">
        <v>2012</v>
      </c>
      <c r="F6388">
        <v>2012</v>
      </c>
      <c r="G6388" t="s">
        <v>126</v>
      </c>
      <c r="H6388" t="s">
        <v>121</v>
      </c>
      <c r="I6388" t="s">
        <v>15</v>
      </c>
      <c r="J6388" s="10">
        <v>29.767765409999999</v>
      </c>
    </row>
    <row r="6389" spans="1:10" x14ac:dyDescent="0.35">
      <c r="A6389" t="s">
        <v>35</v>
      </c>
      <c r="B6389" t="s">
        <v>41</v>
      </c>
      <c r="C6389" t="s">
        <v>117</v>
      </c>
      <c r="D6389" t="s">
        <v>118</v>
      </c>
      <c r="E6389">
        <v>2012</v>
      </c>
      <c r="F6389">
        <v>2012</v>
      </c>
      <c r="G6389" t="s">
        <v>126</v>
      </c>
      <c r="H6389" t="s">
        <v>122</v>
      </c>
      <c r="I6389" t="s">
        <v>15</v>
      </c>
      <c r="J6389" s="10">
        <v>21.28371147</v>
      </c>
    </row>
    <row r="6390" spans="1:10" x14ac:dyDescent="0.35">
      <c r="A6390" t="s">
        <v>35</v>
      </c>
      <c r="B6390" t="s">
        <v>41</v>
      </c>
      <c r="C6390" t="s">
        <v>117</v>
      </c>
      <c r="D6390" t="s">
        <v>118</v>
      </c>
      <c r="E6390">
        <v>2012</v>
      </c>
      <c r="F6390">
        <v>2012</v>
      </c>
      <c r="G6390" t="s">
        <v>126</v>
      </c>
      <c r="H6390" t="s">
        <v>123</v>
      </c>
      <c r="I6390" t="s">
        <v>15</v>
      </c>
      <c r="J6390" s="10">
        <v>20.456977739999999</v>
      </c>
    </row>
    <row r="6391" spans="1:10" x14ac:dyDescent="0.35">
      <c r="A6391" t="s">
        <v>35</v>
      </c>
      <c r="B6391" t="s">
        <v>41</v>
      </c>
      <c r="C6391" t="s">
        <v>117</v>
      </c>
      <c r="D6391" t="s">
        <v>118</v>
      </c>
      <c r="E6391">
        <v>2012</v>
      </c>
      <c r="F6391">
        <v>2012</v>
      </c>
      <c r="G6391" t="s">
        <v>126</v>
      </c>
      <c r="H6391" t="s">
        <v>124</v>
      </c>
      <c r="I6391" t="s">
        <v>15</v>
      </c>
      <c r="J6391" s="10">
        <v>3.5611087330000002</v>
      </c>
    </row>
    <row r="6392" spans="1:10" x14ac:dyDescent="0.35">
      <c r="A6392" t="s">
        <v>35</v>
      </c>
      <c r="B6392" t="s">
        <v>41</v>
      </c>
      <c r="C6392" t="s">
        <v>117</v>
      </c>
      <c r="D6392" t="s">
        <v>118</v>
      </c>
      <c r="E6392">
        <v>2011</v>
      </c>
      <c r="F6392">
        <v>2011</v>
      </c>
      <c r="G6392" t="s">
        <v>14</v>
      </c>
      <c r="H6392" t="s">
        <v>119</v>
      </c>
      <c r="I6392" t="s">
        <v>15</v>
      </c>
      <c r="J6392" s="10">
        <v>16.6836856</v>
      </c>
    </row>
    <row r="6393" spans="1:10" x14ac:dyDescent="0.35">
      <c r="A6393" t="s">
        <v>35</v>
      </c>
      <c r="B6393" t="s">
        <v>41</v>
      </c>
      <c r="C6393" t="s">
        <v>117</v>
      </c>
      <c r="D6393" t="s">
        <v>118</v>
      </c>
      <c r="E6393">
        <v>2011</v>
      </c>
      <c r="F6393">
        <v>2011</v>
      </c>
      <c r="G6393" t="s">
        <v>14</v>
      </c>
      <c r="H6393" t="s">
        <v>120</v>
      </c>
      <c r="I6393" t="s">
        <v>15</v>
      </c>
      <c r="J6393" s="10">
        <v>10.01972331</v>
      </c>
    </row>
    <row r="6394" spans="1:10" x14ac:dyDescent="0.35">
      <c r="A6394" t="s">
        <v>35</v>
      </c>
      <c r="B6394" t="s">
        <v>41</v>
      </c>
      <c r="C6394" t="s">
        <v>117</v>
      </c>
      <c r="D6394" t="s">
        <v>118</v>
      </c>
      <c r="E6394">
        <v>2011</v>
      </c>
      <c r="F6394">
        <v>2011</v>
      </c>
      <c r="G6394" t="s">
        <v>14</v>
      </c>
      <c r="H6394" t="s">
        <v>121</v>
      </c>
      <c r="I6394" t="s">
        <v>15</v>
      </c>
      <c r="J6394" s="10">
        <v>30.11792024</v>
      </c>
    </row>
    <row r="6395" spans="1:10" x14ac:dyDescent="0.35">
      <c r="A6395" t="s">
        <v>35</v>
      </c>
      <c r="B6395" t="s">
        <v>41</v>
      </c>
      <c r="C6395" t="s">
        <v>117</v>
      </c>
      <c r="D6395" t="s">
        <v>118</v>
      </c>
      <c r="E6395">
        <v>2011</v>
      </c>
      <c r="F6395">
        <v>2011</v>
      </c>
      <c r="G6395" t="s">
        <v>14</v>
      </c>
      <c r="H6395" t="s">
        <v>122</v>
      </c>
      <c r="I6395" t="s">
        <v>15</v>
      </c>
      <c r="J6395" s="10">
        <v>21.732014719999999</v>
      </c>
    </row>
    <row r="6396" spans="1:10" x14ac:dyDescent="0.35">
      <c r="A6396" t="s">
        <v>35</v>
      </c>
      <c r="B6396" t="s">
        <v>41</v>
      </c>
      <c r="C6396" t="s">
        <v>117</v>
      </c>
      <c r="D6396" t="s">
        <v>118</v>
      </c>
      <c r="E6396">
        <v>2011</v>
      </c>
      <c r="F6396">
        <v>2011</v>
      </c>
      <c r="G6396" t="s">
        <v>14</v>
      </c>
      <c r="H6396" t="s">
        <v>123</v>
      </c>
      <c r="I6396" t="s">
        <v>15</v>
      </c>
      <c r="J6396" s="10">
        <v>18.77771405</v>
      </c>
    </row>
    <row r="6397" spans="1:10" x14ac:dyDescent="0.35">
      <c r="A6397" t="s">
        <v>35</v>
      </c>
      <c r="B6397" t="s">
        <v>41</v>
      </c>
      <c r="C6397" t="s">
        <v>117</v>
      </c>
      <c r="D6397" t="s">
        <v>118</v>
      </c>
      <c r="E6397">
        <v>2011</v>
      </c>
      <c r="F6397">
        <v>2011</v>
      </c>
      <c r="G6397" t="s">
        <v>14</v>
      </c>
      <c r="H6397" t="s">
        <v>124</v>
      </c>
      <c r="I6397" t="s">
        <v>15</v>
      </c>
      <c r="J6397" s="10">
        <v>2.6689420749999999</v>
      </c>
    </row>
    <row r="6398" spans="1:10" x14ac:dyDescent="0.35">
      <c r="A6398" t="s">
        <v>35</v>
      </c>
      <c r="B6398" t="s">
        <v>41</v>
      </c>
      <c r="C6398" t="s">
        <v>117</v>
      </c>
      <c r="D6398" t="s">
        <v>118</v>
      </c>
      <c r="E6398">
        <v>2011</v>
      </c>
      <c r="F6398">
        <v>2011</v>
      </c>
      <c r="G6398" t="s">
        <v>125</v>
      </c>
      <c r="H6398" t="s">
        <v>119</v>
      </c>
      <c r="I6398" t="s">
        <v>15</v>
      </c>
      <c r="J6398" s="10">
        <v>17.749146960000001</v>
      </c>
    </row>
    <row r="6399" spans="1:10" x14ac:dyDescent="0.35">
      <c r="A6399" t="s">
        <v>35</v>
      </c>
      <c r="B6399" t="s">
        <v>41</v>
      </c>
      <c r="C6399" t="s">
        <v>117</v>
      </c>
      <c r="D6399" t="s">
        <v>118</v>
      </c>
      <c r="E6399">
        <v>2011</v>
      </c>
      <c r="F6399">
        <v>2011</v>
      </c>
      <c r="G6399" t="s">
        <v>125</v>
      </c>
      <c r="H6399" t="s">
        <v>120</v>
      </c>
      <c r="I6399" t="s">
        <v>15</v>
      </c>
      <c r="J6399" s="10">
        <v>10.72773267</v>
      </c>
    </row>
    <row r="6400" spans="1:10" x14ac:dyDescent="0.35">
      <c r="A6400" t="s">
        <v>35</v>
      </c>
      <c r="B6400" t="s">
        <v>41</v>
      </c>
      <c r="C6400" t="s">
        <v>117</v>
      </c>
      <c r="D6400" t="s">
        <v>118</v>
      </c>
      <c r="E6400">
        <v>2011</v>
      </c>
      <c r="F6400">
        <v>2011</v>
      </c>
      <c r="G6400" t="s">
        <v>125</v>
      </c>
      <c r="H6400" t="s">
        <v>121</v>
      </c>
      <c r="I6400" t="s">
        <v>15</v>
      </c>
      <c r="J6400" s="10">
        <v>30.009412869999998</v>
      </c>
    </row>
    <row r="6401" spans="1:10" x14ac:dyDescent="0.35">
      <c r="A6401" t="s">
        <v>35</v>
      </c>
      <c r="B6401" t="s">
        <v>41</v>
      </c>
      <c r="C6401" t="s">
        <v>117</v>
      </c>
      <c r="D6401" t="s">
        <v>118</v>
      </c>
      <c r="E6401">
        <v>2011</v>
      </c>
      <c r="F6401">
        <v>2011</v>
      </c>
      <c r="G6401" t="s">
        <v>125</v>
      </c>
      <c r="H6401" t="s">
        <v>122</v>
      </c>
      <c r="I6401" t="s">
        <v>15</v>
      </c>
      <c r="J6401" s="10">
        <v>22.011413109999999</v>
      </c>
    </row>
    <row r="6402" spans="1:10" x14ac:dyDescent="0.35">
      <c r="A6402" t="s">
        <v>35</v>
      </c>
      <c r="B6402" t="s">
        <v>41</v>
      </c>
      <c r="C6402" t="s">
        <v>117</v>
      </c>
      <c r="D6402" t="s">
        <v>118</v>
      </c>
      <c r="E6402">
        <v>2011</v>
      </c>
      <c r="F6402">
        <v>2011</v>
      </c>
      <c r="G6402" t="s">
        <v>125</v>
      </c>
      <c r="H6402" t="s">
        <v>123</v>
      </c>
      <c r="I6402" t="s">
        <v>15</v>
      </c>
      <c r="J6402" s="10">
        <v>17.828568069999999</v>
      </c>
    </row>
    <row r="6403" spans="1:10" x14ac:dyDescent="0.35">
      <c r="A6403" t="s">
        <v>35</v>
      </c>
      <c r="B6403" t="s">
        <v>41</v>
      </c>
      <c r="C6403" t="s">
        <v>117</v>
      </c>
      <c r="D6403" t="s">
        <v>118</v>
      </c>
      <c r="E6403">
        <v>2011</v>
      </c>
      <c r="F6403">
        <v>2011</v>
      </c>
      <c r="G6403" t="s">
        <v>125</v>
      </c>
      <c r="H6403" t="s">
        <v>124</v>
      </c>
      <c r="I6403" t="s">
        <v>15</v>
      </c>
      <c r="J6403" s="10">
        <v>1.673726321</v>
      </c>
    </row>
    <row r="6404" spans="1:10" x14ac:dyDescent="0.35">
      <c r="A6404" t="s">
        <v>35</v>
      </c>
      <c r="B6404" t="s">
        <v>41</v>
      </c>
      <c r="C6404" t="s">
        <v>117</v>
      </c>
      <c r="D6404" t="s">
        <v>118</v>
      </c>
      <c r="E6404">
        <v>2011</v>
      </c>
      <c r="F6404">
        <v>2011</v>
      </c>
      <c r="G6404" t="s">
        <v>126</v>
      </c>
      <c r="H6404" t="s">
        <v>119</v>
      </c>
      <c r="I6404" t="s">
        <v>15</v>
      </c>
      <c r="J6404" s="10">
        <v>15.717600620000001</v>
      </c>
    </row>
    <row r="6405" spans="1:10" x14ac:dyDescent="0.35">
      <c r="A6405" t="s">
        <v>35</v>
      </c>
      <c r="B6405" t="s">
        <v>41</v>
      </c>
      <c r="C6405" t="s">
        <v>117</v>
      </c>
      <c r="D6405" t="s">
        <v>118</v>
      </c>
      <c r="E6405">
        <v>2011</v>
      </c>
      <c r="F6405">
        <v>2011</v>
      </c>
      <c r="G6405" t="s">
        <v>126</v>
      </c>
      <c r="H6405" t="s">
        <v>120</v>
      </c>
      <c r="I6405" t="s">
        <v>15</v>
      </c>
      <c r="J6405" s="10">
        <v>9.3777505130000005</v>
      </c>
    </row>
    <row r="6406" spans="1:10" x14ac:dyDescent="0.35">
      <c r="A6406" t="s">
        <v>35</v>
      </c>
      <c r="B6406" t="s">
        <v>41</v>
      </c>
      <c r="C6406" t="s">
        <v>117</v>
      </c>
      <c r="D6406" t="s">
        <v>118</v>
      </c>
      <c r="E6406">
        <v>2011</v>
      </c>
      <c r="F6406">
        <v>2011</v>
      </c>
      <c r="G6406" t="s">
        <v>126</v>
      </c>
      <c r="H6406" t="s">
        <v>121</v>
      </c>
      <c r="I6406" t="s">
        <v>15</v>
      </c>
      <c r="J6406" s="10">
        <v>30.21630704</v>
      </c>
    </row>
    <row r="6407" spans="1:10" x14ac:dyDescent="0.35">
      <c r="A6407" t="s">
        <v>35</v>
      </c>
      <c r="B6407" t="s">
        <v>41</v>
      </c>
      <c r="C6407" t="s">
        <v>117</v>
      </c>
      <c r="D6407" t="s">
        <v>118</v>
      </c>
      <c r="E6407">
        <v>2011</v>
      </c>
      <c r="F6407">
        <v>2011</v>
      </c>
      <c r="G6407" t="s">
        <v>126</v>
      </c>
      <c r="H6407" t="s">
        <v>122</v>
      </c>
      <c r="I6407" t="s">
        <v>15</v>
      </c>
      <c r="J6407" s="10">
        <v>21.478676020000002</v>
      </c>
    </row>
    <row r="6408" spans="1:10" x14ac:dyDescent="0.35">
      <c r="A6408" t="s">
        <v>35</v>
      </c>
      <c r="B6408" t="s">
        <v>41</v>
      </c>
      <c r="C6408" t="s">
        <v>117</v>
      </c>
      <c r="D6408" t="s">
        <v>118</v>
      </c>
      <c r="E6408">
        <v>2011</v>
      </c>
      <c r="F6408">
        <v>2011</v>
      </c>
      <c r="G6408" t="s">
        <v>126</v>
      </c>
      <c r="H6408" t="s">
        <v>123</v>
      </c>
      <c r="I6408" t="s">
        <v>15</v>
      </c>
      <c r="J6408" s="10">
        <v>19.63833249</v>
      </c>
    </row>
    <row r="6409" spans="1:10" x14ac:dyDescent="0.35">
      <c r="A6409" t="s">
        <v>35</v>
      </c>
      <c r="B6409" t="s">
        <v>41</v>
      </c>
      <c r="C6409" t="s">
        <v>117</v>
      </c>
      <c r="D6409" t="s">
        <v>118</v>
      </c>
      <c r="E6409">
        <v>2011</v>
      </c>
      <c r="F6409">
        <v>2011</v>
      </c>
      <c r="G6409" t="s">
        <v>126</v>
      </c>
      <c r="H6409" t="s">
        <v>124</v>
      </c>
      <c r="I6409" t="s">
        <v>15</v>
      </c>
      <c r="J6409" s="10">
        <v>3.571333316</v>
      </c>
    </row>
    <row r="6410" spans="1:10" x14ac:dyDescent="0.35">
      <c r="A6410" t="s">
        <v>35</v>
      </c>
      <c r="B6410" t="s">
        <v>42</v>
      </c>
      <c r="C6410" t="s">
        <v>117</v>
      </c>
      <c r="D6410" t="s">
        <v>118</v>
      </c>
      <c r="E6410">
        <v>2020</v>
      </c>
      <c r="F6410">
        <v>2020</v>
      </c>
      <c r="G6410" t="s">
        <v>14</v>
      </c>
      <c r="H6410" t="s">
        <v>119</v>
      </c>
      <c r="I6410" t="s">
        <v>15</v>
      </c>
      <c r="J6410" s="10">
        <v>18.256761900000001</v>
      </c>
    </row>
    <row r="6411" spans="1:10" x14ac:dyDescent="0.35">
      <c r="A6411" t="s">
        <v>35</v>
      </c>
      <c r="B6411" t="s">
        <v>42</v>
      </c>
      <c r="C6411" t="s">
        <v>117</v>
      </c>
      <c r="D6411" t="s">
        <v>118</v>
      </c>
      <c r="E6411">
        <v>2020</v>
      </c>
      <c r="F6411">
        <v>2020</v>
      </c>
      <c r="G6411" t="s">
        <v>14</v>
      </c>
      <c r="H6411" t="s">
        <v>120</v>
      </c>
      <c r="I6411" t="s">
        <v>15</v>
      </c>
      <c r="J6411" s="10">
        <v>10.118095240000001</v>
      </c>
    </row>
    <row r="6412" spans="1:10" x14ac:dyDescent="0.35">
      <c r="A6412" t="s">
        <v>35</v>
      </c>
      <c r="B6412" t="s">
        <v>42</v>
      </c>
      <c r="C6412" t="s">
        <v>117</v>
      </c>
      <c r="D6412" t="s">
        <v>118</v>
      </c>
      <c r="E6412">
        <v>2020</v>
      </c>
      <c r="F6412">
        <v>2020</v>
      </c>
      <c r="G6412" t="s">
        <v>14</v>
      </c>
      <c r="H6412" t="s">
        <v>121</v>
      </c>
      <c r="I6412" t="s">
        <v>15</v>
      </c>
      <c r="J6412" s="10">
        <v>29.635047620000002</v>
      </c>
    </row>
    <row r="6413" spans="1:10" x14ac:dyDescent="0.35">
      <c r="A6413" t="s">
        <v>35</v>
      </c>
      <c r="B6413" t="s">
        <v>42</v>
      </c>
      <c r="C6413" t="s">
        <v>117</v>
      </c>
      <c r="D6413" t="s">
        <v>118</v>
      </c>
      <c r="E6413">
        <v>2020</v>
      </c>
      <c r="F6413">
        <v>2020</v>
      </c>
      <c r="G6413" t="s">
        <v>14</v>
      </c>
      <c r="H6413" t="s">
        <v>122</v>
      </c>
      <c r="I6413" t="s">
        <v>15</v>
      </c>
      <c r="J6413" s="10">
        <v>21.856000000000002</v>
      </c>
    </row>
    <row r="6414" spans="1:10" x14ac:dyDescent="0.35">
      <c r="A6414" t="s">
        <v>35</v>
      </c>
      <c r="B6414" t="s">
        <v>42</v>
      </c>
      <c r="C6414" t="s">
        <v>117</v>
      </c>
      <c r="D6414" t="s">
        <v>118</v>
      </c>
      <c r="E6414">
        <v>2020</v>
      </c>
      <c r="F6414">
        <v>2020</v>
      </c>
      <c r="G6414" t="s">
        <v>14</v>
      </c>
      <c r="H6414" t="s">
        <v>123</v>
      </c>
      <c r="I6414" t="s">
        <v>15</v>
      </c>
      <c r="J6414" s="10">
        <v>18.070857140000001</v>
      </c>
    </row>
    <row r="6415" spans="1:10" x14ac:dyDescent="0.35">
      <c r="A6415" t="s">
        <v>35</v>
      </c>
      <c r="B6415" t="s">
        <v>42</v>
      </c>
      <c r="C6415" t="s">
        <v>117</v>
      </c>
      <c r="D6415" t="s">
        <v>118</v>
      </c>
      <c r="E6415">
        <v>2020</v>
      </c>
      <c r="F6415">
        <v>2020</v>
      </c>
      <c r="G6415" t="s">
        <v>14</v>
      </c>
      <c r="H6415" t="s">
        <v>124</v>
      </c>
      <c r="I6415" t="s">
        <v>15</v>
      </c>
      <c r="J6415" s="10">
        <v>2.063238095</v>
      </c>
    </row>
    <row r="6416" spans="1:10" x14ac:dyDescent="0.35">
      <c r="A6416" t="s">
        <v>35</v>
      </c>
      <c r="B6416" t="s">
        <v>42</v>
      </c>
      <c r="C6416" t="s">
        <v>117</v>
      </c>
      <c r="D6416" t="s">
        <v>118</v>
      </c>
      <c r="E6416">
        <v>2020</v>
      </c>
      <c r="F6416">
        <v>2020</v>
      </c>
      <c r="G6416" t="s">
        <v>125</v>
      </c>
      <c r="H6416" t="s">
        <v>119</v>
      </c>
      <c r="I6416" t="s">
        <v>15</v>
      </c>
      <c r="J6416" s="10">
        <v>19.595027550000001</v>
      </c>
    </row>
    <row r="6417" spans="1:10" x14ac:dyDescent="0.35">
      <c r="A6417" t="s">
        <v>35</v>
      </c>
      <c r="B6417" t="s">
        <v>42</v>
      </c>
      <c r="C6417" t="s">
        <v>117</v>
      </c>
      <c r="D6417" t="s">
        <v>118</v>
      </c>
      <c r="E6417">
        <v>2020</v>
      </c>
      <c r="F6417">
        <v>2020</v>
      </c>
      <c r="G6417" t="s">
        <v>125</v>
      </c>
      <c r="H6417" t="s">
        <v>120</v>
      </c>
      <c r="I6417" t="s">
        <v>15</v>
      </c>
      <c r="J6417" s="10">
        <v>11.11111111</v>
      </c>
    </row>
    <row r="6418" spans="1:10" x14ac:dyDescent="0.35">
      <c r="A6418" t="s">
        <v>35</v>
      </c>
      <c r="B6418" t="s">
        <v>42</v>
      </c>
      <c r="C6418" t="s">
        <v>117</v>
      </c>
      <c r="D6418" t="s">
        <v>118</v>
      </c>
      <c r="E6418">
        <v>2020</v>
      </c>
      <c r="F6418">
        <v>2020</v>
      </c>
      <c r="G6418" t="s">
        <v>125</v>
      </c>
      <c r="H6418" t="s">
        <v>121</v>
      </c>
      <c r="I6418" t="s">
        <v>15</v>
      </c>
      <c r="J6418" s="10">
        <v>28.924772520000001</v>
      </c>
    </row>
    <row r="6419" spans="1:10" x14ac:dyDescent="0.35">
      <c r="A6419" t="s">
        <v>35</v>
      </c>
      <c r="B6419" t="s">
        <v>42</v>
      </c>
      <c r="C6419" t="s">
        <v>117</v>
      </c>
      <c r="D6419" t="s">
        <v>118</v>
      </c>
      <c r="E6419">
        <v>2020</v>
      </c>
      <c r="F6419">
        <v>2020</v>
      </c>
      <c r="G6419" t="s">
        <v>125</v>
      </c>
      <c r="H6419" t="s">
        <v>122</v>
      </c>
      <c r="I6419" t="s">
        <v>15</v>
      </c>
      <c r="J6419" s="10">
        <v>21.398820969999999</v>
      </c>
    </row>
    <row r="6420" spans="1:10" x14ac:dyDescent="0.35">
      <c r="A6420" t="s">
        <v>35</v>
      </c>
      <c r="B6420" t="s">
        <v>42</v>
      </c>
      <c r="C6420" t="s">
        <v>117</v>
      </c>
      <c r="D6420" t="s">
        <v>118</v>
      </c>
      <c r="E6420">
        <v>2020</v>
      </c>
      <c r="F6420">
        <v>2020</v>
      </c>
      <c r="G6420" t="s">
        <v>125</v>
      </c>
      <c r="H6420" t="s">
        <v>123</v>
      </c>
      <c r="I6420" t="s">
        <v>15</v>
      </c>
      <c r="J6420" s="10">
        <v>17.390747149999999</v>
      </c>
    </row>
    <row r="6421" spans="1:10" x14ac:dyDescent="0.35">
      <c r="A6421" t="s">
        <v>35</v>
      </c>
      <c r="B6421" t="s">
        <v>42</v>
      </c>
      <c r="C6421" t="s">
        <v>117</v>
      </c>
      <c r="D6421" t="s">
        <v>118</v>
      </c>
      <c r="E6421">
        <v>2020</v>
      </c>
      <c r="F6421">
        <v>2020</v>
      </c>
      <c r="G6421" t="s">
        <v>125</v>
      </c>
      <c r="H6421" t="s">
        <v>124</v>
      </c>
      <c r="I6421" t="s">
        <v>15</v>
      </c>
      <c r="J6421" s="10">
        <v>1.579520697</v>
      </c>
    </row>
    <row r="6422" spans="1:10" x14ac:dyDescent="0.35">
      <c r="A6422" t="s">
        <v>35</v>
      </c>
      <c r="B6422" t="s">
        <v>42</v>
      </c>
      <c r="C6422" t="s">
        <v>117</v>
      </c>
      <c r="D6422" t="s">
        <v>118</v>
      </c>
      <c r="E6422">
        <v>2020</v>
      </c>
      <c r="F6422">
        <v>2020</v>
      </c>
      <c r="G6422" t="s">
        <v>126</v>
      </c>
      <c r="H6422" t="s">
        <v>119</v>
      </c>
      <c r="I6422" t="s">
        <v>15</v>
      </c>
      <c r="J6422" s="10">
        <v>17.04297794</v>
      </c>
    </row>
    <row r="6423" spans="1:10" x14ac:dyDescent="0.35">
      <c r="A6423" t="s">
        <v>35</v>
      </c>
      <c r="B6423" t="s">
        <v>42</v>
      </c>
      <c r="C6423" t="s">
        <v>117</v>
      </c>
      <c r="D6423" t="s">
        <v>118</v>
      </c>
      <c r="E6423">
        <v>2020</v>
      </c>
      <c r="F6423">
        <v>2020</v>
      </c>
      <c r="G6423" t="s">
        <v>126</v>
      </c>
      <c r="H6423" t="s">
        <v>120</v>
      </c>
      <c r="I6423" t="s">
        <v>15</v>
      </c>
      <c r="J6423" s="10">
        <v>9.2174468950000001</v>
      </c>
    </row>
    <row r="6424" spans="1:10" x14ac:dyDescent="0.35">
      <c r="A6424" t="s">
        <v>35</v>
      </c>
      <c r="B6424" t="s">
        <v>42</v>
      </c>
      <c r="C6424" t="s">
        <v>117</v>
      </c>
      <c r="D6424" t="s">
        <v>118</v>
      </c>
      <c r="E6424">
        <v>2020</v>
      </c>
      <c r="F6424">
        <v>2020</v>
      </c>
      <c r="G6424" t="s">
        <v>126</v>
      </c>
      <c r="H6424" t="s">
        <v>121</v>
      </c>
      <c r="I6424" t="s">
        <v>15</v>
      </c>
      <c r="J6424" s="10">
        <v>30.27925493</v>
      </c>
    </row>
    <row r="6425" spans="1:10" x14ac:dyDescent="0.35">
      <c r="A6425" t="s">
        <v>35</v>
      </c>
      <c r="B6425" t="s">
        <v>42</v>
      </c>
      <c r="C6425" t="s">
        <v>117</v>
      </c>
      <c r="D6425" t="s">
        <v>118</v>
      </c>
      <c r="E6425">
        <v>2020</v>
      </c>
      <c r="F6425">
        <v>2020</v>
      </c>
      <c r="G6425" t="s">
        <v>126</v>
      </c>
      <c r="H6425" t="s">
        <v>122</v>
      </c>
      <c r="I6425" t="s">
        <v>15</v>
      </c>
      <c r="J6425" s="10">
        <v>22.270653530000001</v>
      </c>
    </row>
    <row r="6426" spans="1:10" x14ac:dyDescent="0.35">
      <c r="A6426" t="s">
        <v>35</v>
      </c>
      <c r="B6426" t="s">
        <v>42</v>
      </c>
      <c r="C6426" t="s">
        <v>117</v>
      </c>
      <c r="D6426" t="s">
        <v>118</v>
      </c>
      <c r="E6426">
        <v>2020</v>
      </c>
      <c r="F6426">
        <v>2020</v>
      </c>
      <c r="G6426" t="s">
        <v>126</v>
      </c>
      <c r="H6426" t="s">
        <v>123</v>
      </c>
      <c r="I6426" t="s">
        <v>15</v>
      </c>
      <c r="J6426" s="10">
        <v>18.687705229999999</v>
      </c>
    </row>
    <row r="6427" spans="1:10" x14ac:dyDescent="0.35">
      <c r="A6427" t="s">
        <v>35</v>
      </c>
      <c r="B6427" t="s">
        <v>42</v>
      </c>
      <c r="C6427" t="s">
        <v>117</v>
      </c>
      <c r="D6427" t="s">
        <v>118</v>
      </c>
      <c r="E6427">
        <v>2020</v>
      </c>
      <c r="F6427">
        <v>2020</v>
      </c>
      <c r="G6427" t="s">
        <v>126</v>
      </c>
      <c r="H6427" t="s">
        <v>124</v>
      </c>
      <c r="I6427" t="s">
        <v>15</v>
      </c>
      <c r="J6427" s="10">
        <v>2.5019614680000002</v>
      </c>
    </row>
    <row r="6428" spans="1:10" x14ac:dyDescent="0.35">
      <c r="A6428" t="s">
        <v>35</v>
      </c>
      <c r="B6428" t="s">
        <v>42</v>
      </c>
      <c r="C6428" t="s">
        <v>117</v>
      </c>
      <c r="D6428" t="s">
        <v>118</v>
      </c>
      <c r="E6428">
        <v>2019</v>
      </c>
      <c r="F6428">
        <v>2019</v>
      </c>
      <c r="G6428" t="s">
        <v>14</v>
      </c>
      <c r="H6428" t="s">
        <v>119</v>
      </c>
      <c r="I6428" t="s">
        <v>15</v>
      </c>
      <c r="J6428" s="10">
        <v>18.22676586</v>
      </c>
    </row>
    <row r="6429" spans="1:10" x14ac:dyDescent="0.35">
      <c r="A6429" t="s">
        <v>35</v>
      </c>
      <c r="B6429" t="s">
        <v>42</v>
      </c>
      <c r="C6429" t="s">
        <v>117</v>
      </c>
      <c r="D6429" t="s">
        <v>118</v>
      </c>
      <c r="E6429">
        <v>2019</v>
      </c>
      <c r="F6429">
        <v>2019</v>
      </c>
      <c r="G6429" t="s">
        <v>14</v>
      </c>
      <c r="H6429" t="s">
        <v>120</v>
      </c>
      <c r="I6429" t="s">
        <v>15</v>
      </c>
      <c r="J6429" s="10">
        <v>10.39051922</v>
      </c>
    </row>
    <row r="6430" spans="1:10" x14ac:dyDescent="0.35">
      <c r="A6430" t="s">
        <v>35</v>
      </c>
      <c r="B6430" t="s">
        <v>42</v>
      </c>
      <c r="C6430" t="s">
        <v>117</v>
      </c>
      <c r="D6430" t="s">
        <v>118</v>
      </c>
      <c r="E6430">
        <v>2019</v>
      </c>
      <c r="F6430">
        <v>2019</v>
      </c>
      <c r="G6430" t="s">
        <v>14</v>
      </c>
      <c r="H6430" t="s">
        <v>121</v>
      </c>
      <c r="I6430" t="s">
        <v>15</v>
      </c>
      <c r="J6430" s="10">
        <v>29.723274459999999</v>
      </c>
    </row>
    <row r="6431" spans="1:10" x14ac:dyDescent="0.35">
      <c r="A6431" t="s">
        <v>35</v>
      </c>
      <c r="B6431" t="s">
        <v>42</v>
      </c>
      <c r="C6431" t="s">
        <v>117</v>
      </c>
      <c r="D6431" t="s">
        <v>118</v>
      </c>
      <c r="E6431">
        <v>2019</v>
      </c>
      <c r="F6431">
        <v>2019</v>
      </c>
      <c r="G6431" t="s">
        <v>14</v>
      </c>
      <c r="H6431" t="s">
        <v>122</v>
      </c>
      <c r="I6431" t="s">
        <v>15</v>
      </c>
      <c r="J6431" s="10">
        <v>21.909847410000001</v>
      </c>
    </row>
    <row r="6432" spans="1:10" x14ac:dyDescent="0.35">
      <c r="A6432" t="s">
        <v>35</v>
      </c>
      <c r="B6432" t="s">
        <v>42</v>
      </c>
      <c r="C6432" t="s">
        <v>117</v>
      </c>
      <c r="D6432" t="s">
        <v>118</v>
      </c>
      <c r="E6432">
        <v>2019</v>
      </c>
      <c r="F6432">
        <v>2019</v>
      </c>
      <c r="G6432" t="s">
        <v>14</v>
      </c>
      <c r="H6432" t="s">
        <v>123</v>
      </c>
      <c r="I6432" t="s">
        <v>15</v>
      </c>
      <c r="J6432" s="10">
        <v>17.68518096</v>
      </c>
    </row>
    <row r="6433" spans="1:10" x14ac:dyDescent="0.35">
      <c r="A6433" t="s">
        <v>35</v>
      </c>
      <c r="B6433" t="s">
        <v>42</v>
      </c>
      <c r="C6433" t="s">
        <v>117</v>
      </c>
      <c r="D6433" t="s">
        <v>118</v>
      </c>
      <c r="E6433">
        <v>2019</v>
      </c>
      <c r="F6433">
        <v>2019</v>
      </c>
      <c r="G6433" t="s">
        <v>14</v>
      </c>
      <c r="H6433" t="s">
        <v>124</v>
      </c>
      <c r="I6433" t="s">
        <v>15</v>
      </c>
      <c r="J6433" s="10">
        <v>2.0644120909999999</v>
      </c>
    </row>
    <row r="6434" spans="1:10" x14ac:dyDescent="0.35">
      <c r="A6434" t="s">
        <v>35</v>
      </c>
      <c r="B6434" t="s">
        <v>42</v>
      </c>
      <c r="C6434" t="s">
        <v>117</v>
      </c>
      <c r="D6434" t="s">
        <v>118</v>
      </c>
      <c r="E6434">
        <v>2019</v>
      </c>
      <c r="F6434">
        <v>2019</v>
      </c>
      <c r="G6434" t="s">
        <v>125</v>
      </c>
      <c r="H6434" t="s">
        <v>119</v>
      </c>
      <c r="I6434" t="s">
        <v>15</v>
      </c>
      <c r="J6434" s="10">
        <v>19.597139760000001</v>
      </c>
    </row>
    <row r="6435" spans="1:10" x14ac:dyDescent="0.35">
      <c r="A6435" t="s">
        <v>35</v>
      </c>
      <c r="B6435" t="s">
        <v>42</v>
      </c>
      <c r="C6435" t="s">
        <v>117</v>
      </c>
      <c r="D6435" t="s">
        <v>118</v>
      </c>
      <c r="E6435">
        <v>2019</v>
      </c>
      <c r="F6435">
        <v>2019</v>
      </c>
      <c r="G6435" t="s">
        <v>125</v>
      </c>
      <c r="H6435" t="s">
        <v>120</v>
      </c>
      <c r="I6435" t="s">
        <v>15</v>
      </c>
      <c r="J6435" s="10">
        <v>11.41224542</v>
      </c>
    </row>
    <row r="6436" spans="1:10" x14ac:dyDescent="0.35">
      <c r="A6436" t="s">
        <v>35</v>
      </c>
      <c r="B6436" t="s">
        <v>42</v>
      </c>
      <c r="C6436" t="s">
        <v>117</v>
      </c>
      <c r="D6436" t="s">
        <v>118</v>
      </c>
      <c r="E6436">
        <v>2019</v>
      </c>
      <c r="F6436">
        <v>2019</v>
      </c>
      <c r="G6436" t="s">
        <v>125</v>
      </c>
      <c r="H6436" t="s">
        <v>121</v>
      </c>
      <c r="I6436" t="s">
        <v>15</v>
      </c>
      <c r="J6436" s="10">
        <v>28.822703189999999</v>
      </c>
    </row>
    <row r="6437" spans="1:10" x14ac:dyDescent="0.35">
      <c r="A6437" t="s">
        <v>35</v>
      </c>
      <c r="B6437" t="s">
        <v>42</v>
      </c>
      <c r="C6437" t="s">
        <v>117</v>
      </c>
      <c r="D6437" t="s">
        <v>118</v>
      </c>
      <c r="E6437">
        <v>2019</v>
      </c>
      <c r="F6437">
        <v>2019</v>
      </c>
      <c r="G6437" t="s">
        <v>125</v>
      </c>
      <c r="H6437" t="s">
        <v>122</v>
      </c>
      <c r="I6437" t="s">
        <v>15</v>
      </c>
      <c r="J6437" s="10">
        <v>21.582710850000002</v>
      </c>
    </row>
    <row r="6438" spans="1:10" x14ac:dyDescent="0.35">
      <c r="A6438" t="s">
        <v>35</v>
      </c>
      <c r="B6438" t="s">
        <v>42</v>
      </c>
      <c r="C6438" t="s">
        <v>117</v>
      </c>
      <c r="D6438" t="s">
        <v>118</v>
      </c>
      <c r="E6438">
        <v>2019</v>
      </c>
      <c r="F6438">
        <v>2019</v>
      </c>
      <c r="G6438" t="s">
        <v>125</v>
      </c>
      <c r="H6438" t="s">
        <v>123</v>
      </c>
      <c r="I6438" t="s">
        <v>15</v>
      </c>
      <c r="J6438" s="10">
        <v>17.011428209999998</v>
      </c>
    </row>
    <row r="6439" spans="1:10" x14ac:dyDescent="0.35">
      <c r="A6439" t="s">
        <v>35</v>
      </c>
      <c r="B6439" t="s">
        <v>42</v>
      </c>
      <c r="C6439" t="s">
        <v>117</v>
      </c>
      <c r="D6439" t="s">
        <v>118</v>
      </c>
      <c r="E6439">
        <v>2019</v>
      </c>
      <c r="F6439">
        <v>2019</v>
      </c>
      <c r="G6439" t="s">
        <v>125</v>
      </c>
      <c r="H6439" t="s">
        <v>124</v>
      </c>
      <c r="I6439" t="s">
        <v>15</v>
      </c>
      <c r="J6439" s="10">
        <v>1.5737725849999999</v>
      </c>
    </row>
    <row r="6440" spans="1:10" x14ac:dyDescent="0.35">
      <c r="A6440" t="s">
        <v>35</v>
      </c>
      <c r="B6440" t="s">
        <v>42</v>
      </c>
      <c r="C6440" t="s">
        <v>117</v>
      </c>
      <c r="D6440" t="s">
        <v>118</v>
      </c>
      <c r="E6440">
        <v>2019</v>
      </c>
      <c r="F6440">
        <v>2019</v>
      </c>
      <c r="G6440" t="s">
        <v>126</v>
      </c>
      <c r="H6440" t="s">
        <v>119</v>
      </c>
      <c r="I6440" t="s">
        <v>15</v>
      </c>
      <c r="J6440" s="10">
        <v>16.979103089999999</v>
      </c>
    </row>
    <row r="6441" spans="1:10" x14ac:dyDescent="0.35">
      <c r="A6441" t="s">
        <v>35</v>
      </c>
      <c r="B6441" t="s">
        <v>42</v>
      </c>
      <c r="C6441" t="s">
        <v>117</v>
      </c>
      <c r="D6441" t="s">
        <v>118</v>
      </c>
      <c r="E6441">
        <v>2019</v>
      </c>
      <c r="F6441">
        <v>2019</v>
      </c>
      <c r="G6441" t="s">
        <v>126</v>
      </c>
      <c r="H6441" t="s">
        <v>120</v>
      </c>
      <c r="I6441" t="s">
        <v>15</v>
      </c>
      <c r="J6441" s="10">
        <v>9.4602842440000003</v>
      </c>
    </row>
    <row r="6442" spans="1:10" x14ac:dyDescent="0.35">
      <c r="A6442" t="s">
        <v>35</v>
      </c>
      <c r="B6442" t="s">
        <v>42</v>
      </c>
      <c r="C6442" t="s">
        <v>117</v>
      </c>
      <c r="D6442" t="s">
        <v>118</v>
      </c>
      <c r="E6442">
        <v>2019</v>
      </c>
      <c r="F6442">
        <v>2019</v>
      </c>
      <c r="G6442" t="s">
        <v>126</v>
      </c>
      <c r="H6442" t="s">
        <v>121</v>
      </c>
      <c r="I6442" t="s">
        <v>15</v>
      </c>
      <c r="J6442" s="10">
        <v>30.543203420000001</v>
      </c>
    </row>
    <row r="6443" spans="1:10" x14ac:dyDescent="0.35">
      <c r="A6443" t="s">
        <v>35</v>
      </c>
      <c r="B6443" t="s">
        <v>42</v>
      </c>
      <c r="C6443" t="s">
        <v>117</v>
      </c>
      <c r="D6443" t="s">
        <v>118</v>
      </c>
      <c r="E6443">
        <v>2019</v>
      </c>
      <c r="F6443">
        <v>2019</v>
      </c>
      <c r="G6443" t="s">
        <v>126</v>
      </c>
      <c r="H6443" t="s">
        <v>122</v>
      </c>
      <c r="I6443" t="s">
        <v>15</v>
      </c>
      <c r="J6443" s="10">
        <v>22.207690299999999</v>
      </c>
    </row>
    <row r="6444" spans="1:10" x14ac:dyDescent="0.35">
      <c r="A6444" t="s">
        <v>35</v>
      </c>
      <c r="B6444" t="s">
        <v>42</v>
      </c>
      <c r="C6444" t="s">
        <v>117</v>
      </c>
      <c r="D6444" t="s">
        <v>118</v>
      </c>
      <c r="E6444">
        <v>2019</v>
      </c>
      <c r="F6444">
        <v>2019</v>
      </c>
      <c r="G6444" t="s">
        <v>126</v>
      </c>
      <c r="H6444" t="s">
        <v>123</v>
      </c>
      <c r="I6444" t="s">
        <v>15</v>
      </c>
      <c r="J6444" s="10">
        <v>18.298602030000001</v>
      </c>
    </row>
    <row r="6445" spans="1:10" x14ac:dyDescent="0.35">
      <c r="A6445" t="s">
        <v>35</v>
      </c>
      <c r="B6445" t="s">
        <v>42</v>
      </c>
      <c r="C6445" t="s">
        <v>117</v>
      </c>
      <c r="D6445" t="s">
        <v>118</v>
      </c>
      <c r="E6445">
        <v>2019</v>
      </c>
      <c r="F6445">
        <v>2019</v>
      </c>
      <c r="G6445" t="s">
        <v>126</v>
      </c>
      <c r="H6445" t="s">
        <v>124</v>
      </c>
      <c r="I6445" t="s">
        <v>15</v>
      </c>
      <c r="J6445" s="10">
        <v>2.511116924</v>
      </c>
    </row>
    <row r="6446" spans="1:10" x14ac:dyDescent="0.35">
      <c r="A6446" t="s">
        <v>35</v>
      </c>
      <c r="B6446" t="s">
        <v>42</v>
      </c>
      <c r="C6446" t="s">
        <v>117</v>
      </c>
      <c r="D6446" t="s">
        <v>118</v>
      </c>
      <c r="E6446">
        <v>2018</v>
      </c>
      <c r="F6446">
        <v>2018</v>
      </c>
      <c r="G6446" t="s">
        <v>14</v>
      </c>
      <c r="H6446" t="s">
        <v>119</v>
      </c>
      <c r="I6446" t="s">
        <v>15</v>
      </c>
      <c r="J6446" s="10">
        <v>18.38539222</v>
      </c>
    </row>
    <row r="6447" spans="1:10" x14ac:dyDescent="0.35">
      <c r="A6447" t="s">
        <v>35</v>
      </c>
      <c r="B6447" t="s">
        <v>42</v>
      </c>
      <c r="C6447" t="s">
        <v>117</v>
      </c>
      <c r="D6447" t="s">
        <v>118</v>
      </c>
      <c r="E6447">
        <v>2018</v>
      </c>
      <c r="F6447">
        <v>2018</v>
      </c>
      <c r="G6447" t="s">
        <v>14</v>
      </c>
      <c r="H6447" t="s">
        <v>120</v>
      </c>
      <c r="I6447" t="s">
        <v>15</v>
      </c>
      <c r="J6447" s="10">
        <v>10.805941219999999</v>
      </c>
    </row>
    <row r="6448" spans="1:10" x14ac:dyDescent="0.35">
      <c r="A6448" t="s">
        <v>35</v>
      </c>
      <c r="B6448" t="s">
        <v>42</v>
      </c>
      <c r="C6448" t="s">
        <v>117</v>
      </c>
      <c r="D6448" t="s">
        <v>118</v>
      </c>
      <c r="E6448">
        <v>2018</v>
      </c>
      <c r="F6448">
        <v>2018</v>
      </c>
      <c r="G6448" t="s">
        <v>14</v>
      </c>
      <c r="H6448" t="s">
        <v>121</v>
      </c>
      <c r="I6448" t="s">
        <v>15</v>
      </c>
      <c r="J6448" s="10">
        <v>29.795448700000001</v>
      </c>
    </row>
    <row r="6449" spans="1:10" x14ac:dyDescent="0.35">
      <c r="A6449" t="s">
        <v>35</v>
      </c>
      <c r="B6449" t="s">
        <v>42</v>
      </c>
      <c r="C6449" t="s">
        <v>117</v>
      </c>
      <c r="D6449" t="s">
        <v>118</v>
      </c>
      <c r="E6449">
        <v>2018</v>
      </c>
      <c r="F6449">
        <v>2018</v>
      </c>
      <c r="G6449" t="s">
        <v>14</v>
      </c>
      <c r="H6449" t="s">
        <v>122</v>
      </c>
      <c r="I6449" t="s">
        <v>15</v>
      </c>
      <c r="J6449" s="10">
        <v>21.749663120000001</v>
      </c>
    </row>
    <row r="6450" spans="1:10" x14ac:dyDescent="0.35">
      <c r="A6450" t="s">
        <v>35</v>
      </c>
      <c r="B6450" t="s">
        <v>42</v>
      </c>
      <c r="C6450" t="s">
        <v>117</v>
      </c>
      <c r="D6450" t="s">
        <v>118</v>
      </c>
      <c r="E6450">
        <v>2018</v>
      </c>
      <c r="F6450">
        <v>2018</v>
      </c>
      <c r="G6450" t="s">
        <v>14</v>
      </c>
      <c r="H6450" t="s">
        <v>123</v>
      </c>
      <c r="I6450" t="s">
        <v>15</v>
      </c>
      <c r="J6450" s="10">
        <v>17.317970540000001</v>
      </c>
    </row>
    <row r="6451" spans="1:10" x14ac:dyDescent="0.35">
      <c r="A6451" t="s">
        <v>35</v>
      </c>
      <c r="B6451" t="s">
        <v>42</v>
      </c>
      <c r="C6451" t="s">
        <v>117</v>
      </c>
      <c r="D6451" t="s">
        <v>118</v>
      </c>
      <c r="E6451">
        <v>2018</v>
      </c>
      <c r="F6451">
        <v>2018</v>
      </c>
      <c r="G6451" t="s">
        <v>14</v>
      </c>
      <c r="H6451" t="s">
        <v>124</v>
      </c>
      <c r="I6451" t="s">
        <v>15</v>
      </c>
      <c r="J6451" s="10">
        <v>1.9455842050000001</v>
      </c>
    </row>
    <row r="6452" spans="1:10" x14ac:dyDescent="0.35">
      <c r="A6452" t="s">
        <v>35</v>
      </c>
      <c r="B6452" t="s">
        <v>42</v>
      </c>
      <c r="C6452" t="s">
        <v>117</v>
      </c>
      <c r="D6452" t="s">
        <v>118</v>
      </c>
      <c r="E6452">
        <v>2018</v>
      </c>
      <c r="F6452">
        <v>2018</v>
      </c>
      <c r="G6452" t="s">
        <v>125</v>
      </c>
      <c r="H6452" t="s">
        <v>119</v>
      </c>
      <c r="I6452" t="s">
        <v>15</v>
      </c>
      <c r="J6452" s="10">
        <v>19.79345408</v>
      </c>
    </row>
    <row r="6453" spans="1:10" x14ac:dyDescent="0.35">
      <c r="A6453" t="s">
        <v>35</v>
      </c>
      <c r="B6453" t="s">
        <v>42</v>
      </c>
      <c r="C6453" t="s">
        <v>117</v>
      </c>
      <c r="D6453" t="s">
        <v>118</v>
      </c>
      <c r="E6453">
        <v>2018</v>
      </c>
      <c r="F6453">
        <v>2018</v>
      </c>
      <c r="G6453" t="s">
        <v>125</v>
      </c>
      <c r="H6453" t="s">
        <v>120</v>
      </c>
      <c r="I6453" t="s">
        <v>15</v>
      </c>
      <c r="J6453" s="10">
        <v>11.833492209999999</v>
      </c>
    </row>
    <row r="6454" spans="1:10" x14ac:dyDescent="0.35">
      <c r="A6454" t="s">
        <v>35</v>
      </c>
      <c r="B6454" t="s">
        <v>42</v>
      </c>
      <c r="C6454" t="s">
        <v>117</v>
      </c>
      <c r="D6454" t="s">
        <v>118</v>
      </c>
      <c r="E6454">
        <v>2018</v>
      </c>
      <c r="F6454">
        <v>2018</v>
      </c>
      <c r="G6454" t="s">
        <v>125</v>
      </c>
      <c r="H6454" t="s">
        <v>121</v>
      </c>
      <c r="I6454" t="s">
        <v>15</v>
      </c>
      <c r="J6454" s="10">
        <v>28.859231009999998</v>
      </c>
    </row>
    <row r="6455" spans="1:10" x14ac:dyDescent="0.35">
      <c r="A6455" t="s">
        <v>35</v>
      </c>
      <c r="B6455" t="s">
        <v>42</v>
      </c>
      <c r="C6455" t="s">
        <v>117</v>
      </c>
      <c r="D6455" t="s">
        <v>118</v>
      </c>
      <c r="E6455">
        <v>2018</v>
      </c>
      <c r="F6455">
        <v>2018</v>
      </c>
      <c r="G6455" t="s">
        <v>125</v>
      </c>
      <c r="H6455" t="s">
        <v>122</v>
      </c>
      <c r="I6455" t="s">
        <v>15</v>
      </c>
      <c r="J6455" s="10">
        <v>21.385446460000001</v>
      </c>
    </row>
    <row r="6456" spans="1:10" x14ac:dyDescent="0.35">
      <c r="A6456" t="s">
        <v>35</v>
      </c>
      <c r="B6456" t="s">
        <v>42</v>
      </c>
      <c r="C6456" t="s">
        <v>117</v>
      </c>
      <c r="D6456" t="s">
        <v>118</v>
      </c>
      <c r="E6456">
        <v>2018</v>
      </c>
      <c r="F6456">
        <v>2018</v>
      </c>
      <c r="G6456" t="s">
        <v>125</v>
      </c>
      <c r="H6456" t="s">
        <v>123</v>
      </c>
      <c r="I6456" t="s">
        <v>15</v>
      </c>
      <c r="J6456" s="10">
        <v>16.669844300000001</v>
      </c>
    </row>
    <row r="6457" spans="1:10" x14ac:dyDescent="0.35">
      <c r="A6457" t="s">
        <v>35</v>
      </c>
      <c r="B6457" t="s">
        <v>42</v>
      </c>
      <c r="C6457" t="s">
        <v>117</v>
      </c>
      <c r="D6457" t="s">
        <v>118</v>
      </c>
      <c r="E6457">
        <v>2018</v>
      </c>
      <c r="F6457">
        <v>2018</v>
      </c>
      <c r="G6457" t="s">
        <v>125</v>
      </c>
      <c r="H6457" t="s">
        <v>124</v>
      </c>
      <c r="I6457" t="s">
        <v>15</v>
      </c>
      <c r="J6457" s="10">
        <v>1.4585319349999999</v>
      </c>
    </row>
    <row r="6458" spans="1:10" x14ac:dyDescent="0.35">
      <c r="A6458" t="s">
        <v>35</v>
      </c>
      <c r="B6458" t="s">
        <v>42</v>
      </c>
      <c r="C6458" t="s">
        <v>117</v>
      </c>
      <c r="D6458" t="s">
        <v>118</v>
      </c>
      <c r="E6458">
        <v>2018</v>
      </c>
      <c r="F6458">
        <v>2018</v>
      </c>
      <c r="G6458" t="s">
        <v>126</v>
      </c>
      <c r="H6458" t="s">
        <v>119</v>
      </c>
      <c r="I6458" t="s">
        <v>15</v>
      </c>
      <c r="J6458" s="10">
        <v>17.103855159999998</v>
      </c>
    </row>
    <row r="6459" spans="1:10" x14ac:dyDescent="0.35">
      <c r="A6459" t="s">
        <v>35</v>
      </c>
      <c r="B6459" t="s">
        <v>42</v>
      </c>
      <c r="C6459" t="s">
        <v>117</v>
      </c>
      <c r="D6459" t="s">
        <v>118</v>
      </c>
      <c r="E6459">
        <v>2018</v>
      </c>
      <c r="F6459">
        <v>2018</v>
      </c>
      <c r="G6459" t="s">
        <v>126</v>
      </c>
      <c r="H6459" t="s">
        <v>120</v>
      </c>
      <c r="I6459" t="s">
        <v>15</v>
      </c>
      <c r="J6459" s="10">
        <v>9.8707233129999992</v>
      </c>
    </row>
    <row r="6460" spans="1:10" x14ac:dyDescent="0.35">
      <c r="A6460" t="s">
        <v>35</v>
      </c>
      <c r="B6460" t="s">
        <v>42</v>
      </c>
      <c r="C6460" t="s">
        <v>117</v>
      </c>
      <c r="D6460" t="s">
        <v>118</v>
      </c>
      <c r="E6460">
        <v>2018</v>
      </c>
      <c r="F6460">
        <v>2018</v>
      </c>
      <c r="G6460" t="s">
        <v>126</v>
      </c>
      <c r="H6460" t="s">
        <v>121</v>
      </c>
      <c r="I6460" t="s">
        <v>15</v>
      </c>
      <c r="J6460" s="10">
        <v>30.64754027</v>
      </c>
    </row>
    <row r="6461" spans="1:10" x14ac:dyDescent="0.35">
      <c r="A6461" t="s">
        <v>35</v>
      </c>
      <c r="B6461" t="s">
        <v>42</v>
      </c>
      <c r="C6461" t="s">
        <v>117</v>
      </c>
      <c r="D6461" t="s">
        <v>118</v>
      </c>
      <c r="E6461">
        <v>2018</v>
      </c>
      <c r="F6461">
        <v>2018</v>
      </c>
      <c r="G6461" t="s">
        <v>126</v>
      </c>
      <c r="H6461" t="s">
        <v>122</v>
      </c>
      <c r="I6461" t="s">
        <v>15</v>
      </c>
      <c r="J6461" s="10">
        <v>22.081152209999999</v>
      </c>
    </row>
    <row r="6462" spans="1:10" x14ac:dyDescent="0.35">
      <c r="A6462" t="s">
        <v>35</v>
      </c>
      <c r="B6462" t="s">
        <v>42</v>
      </c>
      <c r="C6462" t="s">
        <v>117</v>
      </c>
      <c r="D6462" t="s">
        <v>118</v>
      </c>
      <c r="E6462">
        <v>2018</v>
      </c>
      <c r="F6462">
        <v>2018</v>
      </c>
      <c r="G6462" t="s">
        <v>126</v>
      </c>
      <c r="H6462" t="s">
        <v>123</v>
      </c>
      <c r="I6462" t="s">
        <v>15</v>
      </c>
      <c r="J6462" s="10">
        <v>17.90785782</v>
      </c>
    </row>
    <row r="6463" spans="1:10" x14ac:dyDescent="0.35">
      <c r="A6463" t="s">
        <v>35</v>
      </c>
      <c r="B6463" t="s">
        <v>42</v>
      </c>
      <c r="C6463" t="s">
        <v>117</v>
      </c>
      <c r="D6463" t="s">
        <v>118</v>
      </c>
      <c r="E6463">
        <v>2018</v>
      </c>
      <c r="F6463">
        <v>2018</v>
      </c>
      <c r="G6463" t="s">
        <v>126</v>
      </c>
      <c r="H6463" t="s">
        <v>124</v>
      </c>
      <c r="I6463" t="s">
        <v>15</v>
      </c>
      <c r="J6463" s="10">
        <v>2.388871215</v>
      </c>
    </row>
    <row r="6464" spans="1:10" x14ac:dyDescent="0.35">
      <c r="A6464" t="s">
        <v>35</v>
      </c>
      <c r="B6464" t="s">
        <v>42</v>
      </c>
      <c r="C6464" t="s">
        <v>117</v>
      </c>
      <c r="D6464" t="s">
        <v>118</v>
      </c>
      <c r="E6464">
        <v>2017</v>
      </c>
      <c r="F6464">
        <v>2017</v>
      </c>
      <c r="G6464" t="s">
        <v>14</v>
      </c>
      <c r="H6464" t="s">
        <v>119</v>
      </c>
      <c r="I6464" t="s">
        <v>15</v>
      </c>
      <c r="J6464" s="10">
        <v>18.22494863</v>
      </c>
    </row>
    <row r="6465" spans="1:10" x14ac:dyDescent="0.35">
      <c r="A6465" t="s">
        <v>35</v>
      </c>
      <c r="B6465" t="s">
        <v>42</v>
      </c>
      <c r="C6465" t="s">
        <v>117</v>
      </c>
      <c r="D6465" t="s">
        <v>118</v>
      </c>
      <c r="E6465">
        <v>2017</v>
      </c>
      <c r="F6465">
        <v>2017</v>
      </c>
      <c r="G6465" t="s">
        <v>14</v>
      </c>
      <c r="H6465" t="s">
        <v>120</v>
      </c>
      <c r="I6465" t="s">
        <v>15</v>
      </c>
      <c r="J6465" s="10">
        <v>11.183971959999999</v>
      </c>
    </row>
    <row r="6466" spans="1:10" x14ac:dyDescent="0.35">
      <c r="A6466" t="s">
        <v>35</v>
      </c>
      <c r="B6466" t="s">
        <v>42</v>
      </c>
      <c r="C6466" t="s">
        <v>117</v>
      </c>
      <c r="D6466" t="s">
        <v>118</v>
      </c>
      <c r="E6466">
        <v>2017</v>
      </c>
      <c r="F6466">
        <v>2017</v>
      </c>
      <c r="G6466" t="s">
        <v>14</v>
      </c>
      <c r="H6466" t="s">
        <v>121</v>
      </c>
      <c r="I6466" t="s">
        <v>15</v>
      </c>
      <c r="J6466" s="10">
        <v>29.95890245</v>
      </c>
    </row>
    <row r="6467" spans="1:10" x14ac:dyDescent="0.35">
      <c r="A6467" t="s">
        <v>35</v>
      </c>
      <c r="B6467" t="s">
        <v>42</v>
      </c>
      <c r="C6467" t="s">
        <v>117</v>
      </c>
      <c r="D6467" t="s">
        <v>118</v>
      </c>
      <c r="E6467">
        <v>2017</v>
      </c>
      <c r="F6467">
        <v>2017</v>
      </c>
      <c r="G6467" t="s">
        <v>14</v>
      </c>
      <c r="H6467" t="s">
        <v>122</v>
      </c>
      <c r="I6467" t="s">
        <v>15</v>
      </c>
      <c r="J6467" s="10">
        <v>21.586788349999999</v>
      </c>
    </row>
    <row r="6468" spans="1:10" x14ac:dyDescent="0.35">
      <c r="A6468" t="s">
        <v>35</v>
      </c>
      <c r="B6468" t="s">
        <v>42</v>
      </c>
      <c r="C6468" t="s">
        <v>117</v>
      </c>
      <c r="D6468" t="s">
        <v>118</v>
      </c>
      <c r="E6468">
        <v>2017</v>
      </c>
      <c r="F6468">
        <v>2017</v>
      </c>
      <c r="G6468" t="s">
        <v>14</v>
      </c>
      <c r="H6468" t="s">
        <v>123</v>
      </c>
      <c r="I6468" t="s">
        <v>15</v>
      </c>
      <c r="J6468" s="10">
        <v>17.174845879999999</v>
      </c>
    </row>
    <row r="6469" spans="1:10" x14ac:dyDescent="0.35">
      <c r="A6469" t="s">
        <v>35</v>
      </c>
      <c r="B6469" t="s">
        <v>42</v>
      </c>
      <c r="C6469" t="s">
        <v>117</v>
      </c>
      <c r="D6469" t="s">
        <v>118</v>
      </c>
      <c r="E6469">
        <v>2017</v>
      </c>
      <c r="F6469">
        <v>2017</v>
      </c>
      <c r="G6469" t="s">
        <v>14</v>
      </c>
      <c r="H6469" t="s">
        <v>124</v>
      </c>
      <c r="I6469" t="s">
        <v>15</v>
      </c>
      <c r="J6469" s="10">
        <v>1.8705427290000001</v>
      </c>
    </row>
    <row r="6470" spans="1:10" x14ac:dyDescent="0.35">
      <c r="A6470" t="s">
        <v>35</v>
      </c>
      <c r="B6470" t="s">
        <v>42</v>
      </c>
      <c r="C6470" t="s">
        <v>117</v>
      </c>
      <c r="D6470" t="s">
        <v>118</v>
      </c>
      <c r="E6470">
        <v>2017</v>
      </c>
      <c r="F6470">
        <v>2017</v>
      </c>
      <c r="G6470" t="s">
        <v>125</v>
      </c>
      <c r="H6470" t="s">
        <v>119</v>
      </c>
      <c r="I6470" t="s">
        <v>15</v>
      </c>
      <c r="J6470" s="10">
        <v>19.669216850000002</v>
      </c>
    </row>
    <row r="6471" spans="1:10" x14ac:dyDescent="0.35">
      <c r="A6471" t="s">
        <v>35</v>
      </c>
      <c r="B6471" t="s">
        <v>42</v>
      </c>
      <c r="C6471" t="s">
        <v>117</v>
      </c>
      <c r="D6471" t="s">
        <v>118</v>
      </c>
      <c r="E6471">
        <v>2017</v>
      </c>
      <c r="F6471">
        <v>2017</v>
      </c>
      <c r="G6471" t="s">
        <v>125</v>
      </c>
      <c r="H6471" t="s">
        <v>120</v>
      </c>
      <c r="I6471" t="s">
        <v>15</v>
      </c>
      <c r="J6471" s="10">
        <v>12.12025015</v>
      </c>
    </row>
    <row r="6472" spans="1:10" x14ac:dyDescent="0.35">
      <c r="A6472" t="s">
        <v>35</v>
      </c>
      <c r="B6472" t="s">
        <v>42</v>
      </c>
      <c r="C6472" t="s">
        <v>117</v>
      </c>
      <c r="D6472" t="s">
        <v>118</v>
      </c>
      <c r="E6472">
        <v>2017</v>
      </c>
      <c r="F6472">
        <v>2017</v>
      </c>
      <c r="G6472" t="s">
        <v>125</v>
      </c>
      <c r="H6472" t="s">
        <v>121</v>
      </c>
      <c r="I6472" t="s">
        <v>15</v>
      </c>
      <c r="J6472" s="10">
        <v>29.09431447</v>
      </c>
    </row>
    <row r="6473" spans="1:10" x14ac:dyDescent="0.35">
      <c r="A6473" t="s">
        <v>35</v>
      </c>
      <c r="B6473" t="s">
        <v>42</v>
      </c>
      <c r="C6473" t="s">
        <v>117</v>
      </c>
      <c r="D6473" t="s">
        <v>118</v>
      </c>
      <c r="E6473">
        <v>2017</v>
      </c>
      <c r="F6473">
        <v>2017</v>
      </c>
      <c r="G6473" t="s">
        <v>125</v>
      </c>
      <c r="H6473" t="s">
        <v>122</v>
      </c>
      <c r="I6473" t="s">
        <v>15</v>
      </c>
      <c r="J6473" s="10">
        <v>21.253293549999999</v>
      </c>
    </row>
    <row r="6474" spans="1:10" x14ac:dyDescent="0.35">
      <c r="A6474" t="s">
        <v>35</v>
      </c>
      <c r="B6474" t="s">
        <v>42</v>
      </c>
      <c r="C6474" t="s">
        <v>117</v>
      </c>
      <c r="D6474" t="s">
        <v>118</v>
      </c>
      <c r="E6474">
        <v>2017</v>
      </c>
      <c r="F6474">
        <v>2017</v>
      </c>
      <c r="G6474" t="s">
        <v>125</v>
      </c>
      <c r="H6474" t="s">
        <v>123</v>
      </c>
      <c r="I6474" t="s">
        <v>15</v>
      </c>
      <c r="J6474" s="10">
        <v>16.49471445</v>
      </c>
    </row>
    <row r="6475" spans="1:10" x14ac:dyDescent="0.35">
      <c r="A6475" t="s">
        <v>35</v>
      </c>
      <c r="B6475" t="s">
        <v>42</v>
      </c>
      <c r="C6475" t="s">
        <v>117</v>
      </c>
      <c r="D6475" t="s">
        <v>118</v>
      </c>
      <c r="E6475">
        <v>2017</v>
      </c>
      <c r="F6475">
        <v>2017</v>
      </c>
      <c r="G6475" t="s">
        <v>125</v>
      </c>
      <c r="H6475" t="s">
        <v>124</v>
      </c>
      <c r="I6475" t="s">
        <v>15</v>
      </c>
      <c r="J6475" s="10">
        <v>1.3682105330000001</v>
      </c>
    </row>
    <row r="6476" spans="1:10" x14ac:dyDescent="0.35">
      <c r="A6476" t="s">
        <v>35</v>
      </c>
      <c r="B6476" t="s">
        <v>42</v>
      </c>
      <c r="C6476" t="s">
        <v>117</v>
      </c>
      <c r="D6476" t="s">
        <v>118</v>
      </c>
      <c r="E6476">
        <v>2017</v>
      </c>
      <c r="F6476">
        <v>2017</v>
      </c>
      <c r="G6476" t="s">
        <v>126</v>
      </c>
      <c r="H6476" t="s">
        <v>119</v>
      </c>
      <c r="I6476" t="s">
        <v>15</v>
      </c>
      <c r="J6476" s="10">
        <v>16.913185129999999</v>
      </c>
    </row>
    <row r="6477" spans="1:10" x14ac:dyDescent="0.35">
      <c r="A6477" t="s">
        <v>35</v>
      </c>
      <c r="B6477" t="s">
        <v>42</v>
      </c>
      <c r="C6477" t="s">
        <v>117</v>
      </c>
      <c r="D6477" t="s">
        <v>118</v>
      </c>
      <c r="E6477">
        <v>2017</v>
      </c>
      <c r="F6477">
        <v>2017</v>
      </c>
      <c r="G6477" t="s">
        <v>126</v>
      </c>
      <c r="H6477" t="s">
        <v>120</v>
      </c>
      <c r="I6477" t="s">
        <v>15</v>
      </c>
      <c r="J6477" s="10">
        <v>10.333592830000001</v>
      </c>
    </row>
    <row r="6478" spans="1:10" x14ac:dyDescent="0.35">
      <c r="A6478" t="s">
        <v>35</v>
      </c>
      <c r="B6478" t="s">
        <v>42</v>
      </c>
      <c r="C6478" t="s">
        <v>117</v>
      </c>
      <c r="D6478" t="s">
        <v>118</v>
      </c>
      <c r="E6478">
        <v>2017</v>
      </c>
      <c r="F6478">
        <v>2017</v>
      </c>
      <c r="G6478" t="s">
        <v>126</v>
      </c>
      <c r="H6478" t="s">
        <v>121</v>
      </c>
      <c r="I6478" t="s">
        <v>15</v>
      </c>
      <c r="J6478" s="10">
        <v>30.744168609999999</v>
      </c>
    </row>
    <row r="6479" spans="1:10" x14ac:dyDescent="0.35">
      <c r="A6479" t="s">
        <v>35</v>
      </c>
      <c r="B6479" t="s">
        <v>42</v>
      </c>
      <c r="C6479" t="s">
        <v>117</v>
      </c>
      <c r="D6479" t="s">
        <v>118</v>
      </c>
      <c r="E6479">
        <v>2017</v>
      </c>
      <c r="F6479">
        <v>2017</v>
      </c>
      <c r="G6479" t="s">
        <v>126</v>
      </c>
      <c r="H6479" t="s">
        <v>122</v>
      </c>
      <c r="I6479" t="s">
        <v>15</v>
      </c>
      <c r="J6479" s="10">
        <v>21.88968659</v>
      </c>
    </row>
    <row r="6480" spans="1:10" x14ac:dyDescent="0.35">
      <c r="A6480" t="s">
        <v>35</v>
      </c>
      <c r="B6480" t="s">
        <v>42</v>
      </c>
      <c r="C6480" t="s">
        <v>117</v>
      </c>
      <c r="D6480" t="s">
        <v>118</v>
      </c>
      <c r="E6480">
        <v>2017</v>
      </c>
      <c r="F6480">
        <v>2017</v>
      </c>
      <c r="G6480" t="s">
        <v>126</v>
      </c>
      <c r="H6480" t="s">
        <v>123</v>
      </c>
      <c r="I6480" t="s">
        <v>15</v>
      </c>
      <c r="J6480" s="10">
        <v>17.792578500000001</v>
      </c>
    </row>
    <row r="6481" spans="1:10" x14ac:dyDescent="0.35">
      <c r="A6481" t="s">
        <v>35</v>
      </c>
      <c r="B6481" t="s">
        <v>42</v>
      </c>
      <c r="C6481" t="s">
        <v>117</v>
      </c>
      <c r="D6481" t="s">
        <v>118</v>
      </c>
      <c r="E6481">
        <v>2017</v>
      </c>
      <c r="F6481">
        <v>2017</v>
      </c>
      <c r="G6481" t="s">
        <v>126</v>
      </c>
      <c r="H6481" t="s">
        <v>124</v>
      </c>
      <c r="I6481" t="s">
        <v>15</v>
      </c>
      <c r="J6481" s="10">
        <v>2.3267883399999998</v>
      </c>
    </row>
    <row r="6482" spans="1:10" x14ac:dyDescent="0.35">
      <c r="A6482" t="s">
        <v>35</v>
      </c>
      <c r="B6482" t="s">
        <v>42</v>
      </c>
      <c r="C6482" t="s">
        <v>117</v>
      </c>
      <c r="D6482" t="s">
        <v>118</v>
      </c>
      <c r="E6482">
        <v>2016</v>
      </c>
      <c r="F6482">
        <v>2016</v>
      </c>
      <c r="G6482" t="s">
        <v>14</v>
      </c>
      <c r="H6482" t="s">
        <v>119</v>
      </c>
      <c r="I6482" t="s">
        <v>15</v>
      </c>
      <c r="J6482" s="10">
        <v>18.22575758</v>
      </c>
    </row>
    <row r="6483" spans="1:10" x14ac:dyDescent="0.35">
      <c r="A6483" t="s">
        <v>35</v>
      </c>
      <c r="B6483" t="s">
        <v>42</v>
      </c>
      <c r="C6483" t="s">
        <v>117</v>
      </c>
      <c r="D6483" t="s">
        <v>118</v>
      </c>
      <c r="E6483">
        <v>2016</v>
      </c>
      <c r="F6483">
        <v>2016</v>
      </c>
      <c r="G6483" t="s">
        <v>14</v>
      </c>
      <c r="H6483" t="s">
        <v>120</v>
      </c>
      <c r="I6483" t="s">
        <v>15</v>
      </c>
      <c r="J6483" s="10">
        <v>11.43636364</v>
      </c>
    </row>
    <row r="6484" spans="1:10" x14ac:dyDescent="0.35">
      <c r="A6484" t="s">
        <v>35</v>
      </c>
      <c r="B6484" t="s">
        <v>42</v>
      </c>
      <c r="C6484" t="s">
        <v>117</v>
      </c>
      <c r="D6484" t="s">
        <v>118</v>
      </c>
      <c r="E6484">
        <v>2016</v>
      </c>
      <c r="F6484">
        <v>2016</v>
      </c>
      <c r="G6484" t="s">
        <v>14</v>
      </c>
      <c r="H6484" t="s">
        <v>121</v>
      </c>
      <c r="I6484" t="s">
        <v>15</v>
      </c>
      <c r="J6484" s="10">
        <v>30.327272730000001</v>
      </c>
    </row>
    <row r="6485" spans="1:10" x14ac:dyDescent="0.35">
      <c r="A6485" t="s">
        <v>35</v>
      </c>
      <c r="B6485" t="s">
        <v>42</v>
      </c>
      <c r="C6485" t="s">
        <v>117</v>
      </c>
      <c r="D6485" t="s">
        <v>118</v>
      </c>
      <c r="E6485">
        <v>2016</v>
      </c>
      <c r="F6485">
        <v>2016</v>
      </c>
      <c r="G6485" t="s">
        <v>14</v>
      </c>
      <c r="H6485" t="s">
        <v>122</v>
      </c>
      <c r="I6485" t="s">
        <v>15</v>
      </c>
      <c r="J6485" s="10">
        <v>21.372727269999999</v>
      </c>
    </row>
    <row r="6486" spans="1:10" x14ac:dyDescent="0.35">
      <c r="A6486" t="s">
        <v>35</v>
      </c>
      <c r="B6486" t="s">
        <v>42</v>
      </c>
      <c r="C6486" t="s">
        <v>117</v>
      </c>
      <c r="D6486" t="s">
        <v>118</v>
      </c>
      <c r="E6486">
        <v>2016</v>
      </c>
      <c r="F6486">
        <v>2016</v>
      </c>
      <c r="G6486" t="s">
        <v>14</v>
      </c>
      <c r="H6486" t="s">
        <v>123</v>
      </c>
      <c r="I6486" t="s">
        <v>15</v>
      </c>
      <c r="J6486" s="10">
        <v>16.904545450000001</v>
      </c>
    </row>
    <row r="6487" spans="1:10" x14ac:dyDescent="0.35">
      <c r="A6487" t="s">
        <v>35</v>
      </c>
      <c r="B6487" t="s">
        <v>42</v>
      </c>
      <c r="C6487" t="s">
        <v>117</v>
      </c>
      <c r="D6487" t="s">
        <v>118</v>
      </c>
      <c r="E6487">
        <v>2016</v>
      </c>
      <c r="F6487">
        <v>2016</v>
      </c>
      <c r="G6487" t="s">
        <v>14</v>
      </c>
      <c r="H6487" t="s">
        <v>124</v>
      </c>
      <c r="I6487" t="s">
        <v>15</v>
      </c>
      <c r="J6487" s="10">
        <v>1.733333333</v>
      </c>
    </row>
    <row r="6488" spans="1:10" x14ac:dyDescent="0.35">
      <c r="A6488" t="s">
        <v>35</v>
      </c>
      <c r="B6488" t="s">
        <v>42</v>
      </c>
      <c r="C6488" t="s">
        <v>117</v>
      </c>
      <c r="D6488" t="s">
        <v>118</v>
      </c>
      <c r="E6488">
        <v>2016</v>
      </c>
      <c r="F6488">
        <v>2016</v>
      </c>
      <c r="G6488" t="s">
        <v>125</v>
      </c>
      <c r="H6488" t="s">
        <v>119</v>
      </c>
      <c r="I6488" t="s">
        <v>15</v>
      </c>
      <c r="J6488" s="10">
        <v>19.66832187</v>
      </c>
    </row>
    <row r="6489" spans="1:10" x14ac:dyDescent="0.35">
      <c r="A6489" t="s">
        <v>35</v>
      </c>
      <c r="B6489" t="s">
        <v>42</v>
      </c>
      <c r="C6489" t="s">
        <v>117</v>
      </c>
      <c r="D6489" t="s">
        <v>118</v>
      </c>
      <c r="E6489">
        <v>2016</v>
      </c>
      <c r="F6489">
        <v>2016</v>
      </c>
      <c r="G6489" t="s">
        <v>125</v>
      </c>
      <c r="H6489" t="s">
        <v>120</v>
      </c>
      <c r="I6489" t="s">
        <v>15</v>
      </c>
      <c r="J6489" s="10">
        <v>12.38222562</v>
      </c>
    </row>
    <row r="6490" spans="1:10" x14ac:dyDescent="0.35">
      <c r="A6490" t="s">
        <v>35</v>
      </c>
      <c r="B6490" t="s">
        <v>42</v>
      </c>
      <c r="C6490" t="s">
        <v>117</v>
      </c>
      <c r="D6490" t="s">
        <v>118</v>
      </c>
      <c r="E6490">
        <v>2016</v>
      </c>
      <c r="F6490">
        <v>2016</v>
      </c>
      <c r="G6490" t="s">
        <v>125</v>
      </c>
      <c r="H6490" t="s">
        <v>121</v>
      </c>
      <c r="I6490" t="s">
        <v>15</v>
      </c>
      <c r="J6490" s="10">
        <v>29.47224344</v>
      </c>
    </row>
    <row r="6491" spans="1:10" x14ac:dyDescent="0.35">
      <c r="A6491" t="s">
        <v>35</v>
      </c>
      <c r="B6491" t="s">
        <v>42</v>
      </c>
      <c r="C6491" t="s">
        <v>117</v>
      </c>
      <c r="D6491" t="s">
        <v>118</v>
      </c>
      <c r="E6491">
        <v>2016</v>
      </c>
      <c r="F6491">
        <v>2016</v>
      </c>
      <c r="G6491" t="s">
        <v>125</v>
      </c>
      <c r="H6491" t="s">
        <v>122</v>
      </c>
      <c r="I6491" t="s">
        <v>15</v>
      </c>
      <c r="J6491" s="10">
        <v>21.10071301</v>
      </c>
    </row>
    <row r="6492" spans="1:10" x14ac:dyDescent="0.35">
      <c r="A6492" t="s">
        <v>35</v>
      </c>
      <c r="B6492" t="s">
        <v>42</v>
      </c>
      <c r="C6492" t="s">
        <v>117</v>
      </c>
      <c r="D6492" t="s">
        <v>118</v>
      </c>
      <c r="E6492">
        <v>2016</v>
      </c>
      <c r="F6492">
        <v>2016</v>
      </c>
      <c r="G6492" t="s">
        <v>125</v>
      </c>
      <c r="H6492" t="s">
        <v>123</v>
      </c>
      <c r="I6492" t="s">
        <v>15</v>
      </c>
      <c r="J6492" s="10">
        <v>16.147822770000001</v>
      </c>
    </row>
    <row r="6493" spans="1:10" x14ac:dyDescent="0.35">
      <c r="A6493" t="s">
        <v>35</v>
      </c>
      <c r="B6493" t="s">
        <v>42</v>
      </c>
      <c r="C6493" t="s">
        <v>117</v>
      </c>
      <c r="D6493" t="s">
        <v>118</v>
      </c>
      <c r="E6493">
        <v>2016</v>
      </c>
      <c r="F6493">
        <v>2016</v>
      </c>
      <c r="G6493" t="s">
        <v>125</v>
      </c>
      <c r="H6493" t="s">
        <v>124</v>
      </c>
      <c r="I6493" t="s">
        <v>15</v>
      </c>
      <c r="J6493" s="10">
        <v>1.2286732869999999</v>
      </c>
    </row>
    <row r="6494" spans="1:10" x14ac:dyDescent="0.35">
      <c r="A6494" t="s">
        <v>35</v>
      </c>
      <c r="B6494" t="s">
        <v>42</v>
      </c>
      <c r="C6494" t="s">
        <v>117</v>
      </c>
      <c r="D6494" t="s">
        <v>118</v>
      </c>
      <c r="E6494">
        <v>2016</v>
      </c>
      <c r="F6494">
        <v>2016</v>
      </c>
      <c r="G6494" t="s">
        <v>126</v>
      </c>
      <c r="H6494" t="s">
        <v>119</v>
      </c>
      <c r="I6494" t="s">
        <v>15</v>
      </c>
      <c r="J6494" s="10">
        <v>16.915336570000001</v>
      </c>
    </row>
    <row r="6495" spans="1:10" x14ac:dyDescent="0.35">
      <c r="A6495" t="s">
        <v>35</v>
      </c>
      <c r="B6495" t="s">
        <v>42</v>
      </c>
      <c r="C6495" t="s">
        <v>117</v>
      </c>
      <c r="D6495" t="s">
        <v>118</v>
      </c>
      <c r="E6495">
        <v>2016</v>
      </c>
      <c r="F6495">
        <v>2016</v>
      </c>
      <c r="G6495" t="s">
        <v>126</v>
      </c>
      <c r="H6495" t="s">
        <v>120</v>
      </c>
      <c r="I6495" t="s">
        <v>15</v>
      </c>
      <c r="J6495" s="10">
        <v>10.5771455</v>
      </c>
    </row>
    <row r="6496" spans="1:10" x14ac:dyDescent="0.35">
      <c r="A6496" t="s">
        <v>35</v>
      </c>
      <c r="B6496" t="s">
        <v>42</v>
      </c>
      <c r="C6496" t="s">
        <v>117</v>
      </c>
      <c r="D6496" t="s">
        <v>118</v>
      </c>
      <c r="E6496">
        <v>2016</v>
      </c>
      <c r="F6496">
        <v>2016</v>
      </c>
      <c r="G6496" t="s">
        <v>126</v>
      </c>
      <c r="H6496" t="s">
        <v>121</v>
      </c>
      <c r="I6496" t="s">
        <v>15</v>
      </c>
      <c r="J6496" s="10">
        <v>31.103978720000001</v>
      </c>
    </row>
    <row r="6497" spans="1:10" x14ac:dyDescent="0.35">
      <c r="A6497" t="s">
        <v>35</v>
      </c>
      <c r="B6497" t="s">
        <v>42</v>
      </c>
      <c r="C6497" t="s">
        <v>117</v>
      </c>
      <c r="D6497" t="s">
        <v>118</v>
      </c>
      <c r="E6497">
        <v>2016</v>
      </c>
      <c r="F6497">
        <v>2016</v>
      </c>
      <c r="G6497" t="s">
        <v>126</v>
      </c>
      <c r="H6497" t="s">
        <v>122</v>
      </c>
      <c r="I6497" t="s">
        <v>15</v>
      </c>
      <c r="J6497" s="10">
        <v>21.6198242</v>
      </c>
    </row>
    <row r="6498" spans="1:10" x14ac:dyDescent="0.35">
      <c r="A6498" t="s">
        <v>35</v>
      </c>
      <c r="B6498" t="s">
        <v>42</v>
      </c>
      <c r="C6498" t="s">
        <v>117</v>
      </c>
      <c r="D6498" t="s">
        <v>118</v>
      </c>
      <c r="E6498">
        <v>2016</v>
      </c>
      <c r="F6498">
        <v>2016</v>
      </c>
      <c r="G6498" t="s">
        <v>126</v>
      </c>
      <c r="H6498" t="s">
        <v>123</v>
      </c>
      <c r="I6498" t="s">
        <v>15</v>
      </c>
      <c r="J6498" s="10">
        <v>17.59195003</v>
      </c>
    </row>
    <row r="6499" spans="1:10" x14ac:dyDescent="0.35">
      <c r="A6499" t="s">
        <v>35</v>
      </c>
      <c r="B6499" t="s">
        <v>42</v>
      </c>
      <c r="C6499" t="s">
        <v>117</v>
      </c>
      <c r="D6499" t="s">
        <v>118</v>
      </c>
      <c r="E6499">
        <v>2016</v>
      </c>
      <c r="F6499">
        <v>2016</v>
      </c>
      <c r="G6499" t="s">
        <v>126</v>
      </c>
      <c r="H6499" t="s">
        <v>124</v>
      </c>
      <c r="I6499" t="s">
        <v>15</v>
      </c>
      <c r="J6499" s="10">
        <v>2.1917649780000001</v>
      </c>
    </row>
    <row r="6500" spans="1:10" x14ac:dyDescent="0.35">
      <c r="A6500" t="s">
        <v>35</v>
      </c>
      <c r="B6500" t="s">
        <v>42</v>
      </c>
      <c r="C6500" t="s">
        <v>117</v>
      </c>
      <c r="D6500" t="s">
        <v>118</v>
      </c>
      <c r="E6500">
        <v>2015</v>
      </c>
      <c r="F6500">
        <v>2015</v>
      </c>
      <c r="G6500" t="s">
        <v>14</v>
      </c>
      <c r="H6500" t="s">
        <v>119</v>
      </c>
      <c r="I6500" t="s">
        <v>15</v>
      </c>
      <c r="J6500" s="10">
        <v>18.29046348</v>
      </c>
    </row>
    <row r="6501" spans="1:10" x14ac:dyDescent="0.35">
      <c r="A6501" t="s">
        <v>35</v>
      </c>
      <c r="B6501" t="s">
        <v>42</v>
      </c>
      <c r="C6501" t="s">
        <v>117</v>
      </c>
      <c r="D6501" t="s">
        <v>118</v>
      </c>
      <c r="E6501">
        <v>2015</v>
      </c>
      <c r="F6501">
        <v>2015</v>
      </c>
      <c r="G6501" t="s">
        <v>14</v>
      </c>
      <c r="H6501" t="s">
        <v>120</v>
      </c>
      <c r="I6501" t="s">
        <v>15</v>
      </c>
      <c r="J6501" s="10">
        <v>11.658274690000001</v>
      </c>
    </row>
    <row r="6502" spans="1:10" x14ac:dyDescent="0.35">
      <c r="A6502" t="s">
        <v>35</v>
      </c>
      <c r="B6502" t="s">
        <v>42</v>
      </c>
      <c r="C6502" t="s">
        <v>117</v>
      </c>
      <c r="D6502" t="s">
        <v>118</v>
      </c>
      <c r="E6502">
        <v>2015</v>
      </c>
      <c r="F6502">
        <v>2015</v>
      </c>
      <c r="G6502" t="s">
        <v>14</v>
      </c>
      <c r="H6502" t="s">
        <v>121</v>
      </c>
      <c r="I6502" t="s">
        <v>15</v>
      </c>
      <c r="J6502" s="10">
        <v>30.55690366</v>
      </c>
    </row>
    <row r="6503" spans="1:10" x14ac:dyDescent="0.35">
      <c r="A6503" t="s">
        <v>35</v>
      </c>
      <c r="B6503" t="s">
        <v>42</v>
      </c>
      <c r="C6503" t="s">
        <v>117</v>
      </c>
      <c r="D6503" t="s">
        <v>118</v>
      </c>
      <c r="E6503">
        <v>2015</v>
      </c>
      <c r="F6503">
        <v>2015</v>
      </c>
      <c r="G6503" t="s">
        <v>14</v>
      </c>
      <c r="H6503" t="s">
        <v>122</v>
      </c>
      <c r="I6503" t="s">
        <v>15</v>
      </c>
      <c r="J6503" s="10">
        <v>21.203894689999998</v>
      </c>
    </row>
    <row r="6504" spans="1:10" x14ac:dyDescent="0.35">
      <c r="A6504" t="s">
        <v>35</v>
      </c>
      <c r="B6504" t="s">
        <v>42</v>
      </c>
      <c r="C6504" t="s">
        <v>117</v>
      </c>
      <c r="D6504" t="s">
        <v>118</v>
      </c>
      <c r="E6504">
        <v>2015</v>
      </c>
      <c r="F6504">
        <v>2015</v>
      </c>
      <c r="G6504" t="s">
        <v>14</v>
      </c>
      <c r="H6504" t="s">
        <v>123</v>
      </c>
      <c r="I6504" t="s">
        <v>15</v>
      </c>
      <c r="J6504" s="10">
        <v>16.631278819999999</v>
      </c>
    </row>
    <row r="6505" spans="1:10" x14ac:dyDescent="0.35">
      <c r="A6505" t="s">
        <v>35</v>
      </c>
      <c r="B6505" t="s">
        <v>42</v>
      </c>
      <c r="C6505" t="s">
        <v>117</v>
      </c>
      <c r="D6505" t="s">
        <v>118</v>
      </c>
      <c r="E6505">
        <v>2015</v>
      </c>
      <c r="F6505">
        <v>2015</v>
      </c>
      <c r="G6505" t="s">
        <v>14</v>
      </c>
      <c r="H6505" t="s">
        <v>124</v>
      </c>
      <c r="I6505" t="s">
        <v>15</v>
      </c>
      <c r="J6505" s="10">
        <v>1.6591846640000001</v>
      </c>
    </row>
    <row r="6506" spans="1:10" x14ac:dyDescent="0.35">
      <c r="A6506" t="s">
        <v>35</v>
      </c>
      <c r="B6506" t="s">
        <v>42</v>
      </c>
      <c r="C6506" t="s">
        <v>117</v>
      </c>
      <c r="D6506" t="s">
        <v>118</v>
      </c>
      <c r="E6506">
        <v>2015</v>
      </c>
      <c r="F6506">
        <v>2015</v>
      </c>
      <c r="G6506" t="s">
        <v>125</v>
      </c>
      <c r="H6506" t="s">
        <v>119</v>
      </c>
      <c r="I6506" t="s">
        <v>15</v>
      </c>
      <c r="J6506" s="10">
        <v>19.68102073</v>
      </c>
    </row>
    <row r="6507" spans="1:10" x14ac:dyDescent="0.35">
      <c r="A6507" t="s">
        <v>35</v>
      </c>
      <c r="B6507" t="s">
        <v>42</v>
      </c>
      <c r="C6507" t="s">
        <v>117</v>
      </c>
      <c r="D6507" t="s">
        <v>118</v>
      </c>
      <c r="E6507">
        <v>2015</v>
      </c>
      <c r="F6507">
        <v>2015</v>
      </c>
      <c r="G6507" t="s">
        <v>125</v>
      </c>
      <c r="H6507" t="s">
        <v>120</v>
      </c>
      <c r="I6507" t="s">
        <v>15</v>
      </c>
      <c r="J6507" s="10">
        <v>12.539074960000001</v>
      </c>
    </row>
    <row r="6508" spans="1:10" x14ac:dyDescent="0.35">
      <c r="A6508" t="s">
        <v>35</v>
      </c>
      <c r="B6508" t="s">
        <v>42</v>
      </c>
      <c r="C6508" t="s">
        <v>117</v>
      </c>
      <c r="D6508" t="s">
        <v>118</v>
      </c>
      <c r="E6508">
        <v>2015</v>
      </c>
      <c r="F6508">
        <v>2015</v>
      </c>
      <c r="G6508" t="s">
        <v>125</v>
      </c>
      <c r="H6508" t="s">
        <v>121</v>
      </c>
      <c r="I6508" t="s">
        <v>15</v>
      </c>
      <c r="J6508" s="10">
        <v>29.674641149999999</v>
      </c>
    </row>
    <row r="6509" spans="1:10" x14ac:dyDescent="0.35">
      <c r="A6509" t="s">
        <v>35</v>
      </c>
      <c r="B6509" t="s">
        <v>42</v>
      </c>
      <c r="C6509" t="s">
        <v>117</v>
      </c>
      <c r="D6509" t="s">
        <v>118</v>
      </c>
      <c r="E6509">
        <v>2015</v>
      </c>
      <c r="F6509">
        <v>2015</v>
      </c>
      <c r="G6509" t="s">
        <v>125</v>
      </c>
      <c r="H6509" t="s">
        <v>122</v>
      </c>
      <c r="I6509" t="s">
        <v>15</v>
      </c>
      <c r="J6509" s="10">
        <v>21.078149920000001</v>
      </c>
    </row>
    <row r="6510" spans="1:10" x14ac:dyDescent="0.35">
      <c r="A6510" t="s">
        <v>35</v>
      </c>
      <c r="B6510" t="s">
        <v>42</v>
      </c>
      <c r="C6510" t="s">
        <v>117</v>
      </c>
      <c r="D6510" t="s">
        <v>118</v>
      </c>
      <c r="E6510">
        <v>2015</v>
      </c>
      <c r="F6510">
        <v>2015</v>
      </c>
      <c r="G6510" t="s">
        <v>125</v>
      </c>
      <c r="H6510" t="s">
        <v>123</v>
      </c>
      <c r="I6510" t="s">
        <v>15</v>
      </c>
      <c r="J6510" s="10">
        <v>15.878787880000001</v>
      </c>
    </row>
    <row r="6511" spans="1:10" x14ac:dyDescent="0.35">
      <c r="A6511" t="s">
        <v>35</v>
      </c>
      <c r="B6511" t="s">
        <v>42</v>
      </c>
      <c r="C6511" t="s">
        <v>117</v>
      </c>
      <c r="D6511" t="s">
        <v>118</v>
      </c>
      <c r="E6511">
        <v>2015</v>
      </c>
      <c r="F6511">
        <v>2015</v>
      </c>
      <c r="G6511" t="s">
        <v>125</v>
      </c>
      <c r="H6511" t="s">
        <v>124</v>
      </c>
      <c r="I6511" t="s">
        <v>15</v>
      </c>
      <c r="J6511" s="10">
        <v>1.148325359</v>
      </c>
    </row>
    <row r="6512" spans="1:10" x14ac:dyDescent="0.35">
      <c r="A6512" t="s">
        <v>35</v>
      </c>
      <c r="B6512" t="s">
        <v>42</v>
      </c>
      <c r="C6512" t="s">
        <v>117</v>
      </c>
      <c r="D6512" t="s">
        <v>118</v>
      </c>
      <c r="E6512">
        <v>2015</v>
      </c>
      <c r="F6512">
        <v>2015</v>
      </c>
      <c r="G6512" t="s">
        <v>126</v>
      </c>
      <c r="H6512" t="s">
        <v>119</v>
      </c>
      <c r="I6512" t="s">
        <v>15</v>
      </c>
      <c r="J6512" s="10">
        <v>17.03001214</v>
      </c>
    </row>
    <row r="6513" spans="1:10" x14ac:dyDescent="0.35">
      <c r="A6513" t="s">
        <v>35</v>
      </c>
      <c r="B6513" t="s">
        <v>42</v>
      </c>
      <c r="C6513" t="s">
        <v>117</v>
      </c>
      <c r="D6513" t="s">
        <v>118</v>
      </c>
      <c r="E6513">
        <v>2015</v>
      </c>
      <c r="F6513">
        <v>2015</v>
      </c>
      <c r="G6513" t="s">
        <v>126</v>
      </c>
      <c r="H6513" t="s">
        <v>120</v>
      </c>
      <c r="I6513" t="s">
        <v>15</v>
      </c>
      <c r="J6513" s="10">
        <v>10.859885500000001</v>
      </c>
    </row>
    <row r="6514" spans="1:10" x14ac:dyDescent="0.35">
      <c r="A6514" t="s">
        <v>35</v>
      </c>
      <c r="B6514" t="s">
        <v>42</v>
      </c>
      <c r="C6514" t="s">
        <v>117</v>
      </c>
      <c r="D6514" t="s">
        <v>118</v>
      </c>
      <c r="E6514">
        <v>2015</v>
      </c>
      <c r="F6514">
        <v>2015</v>
      </c>
      <c r="G6514" t="s">
        <v>126</v>
      </c>
      <c r="H6514" t="s">
        <v>121</v>
      </c>
      <c r="I6514" t="s">
        <v>15</v>
      </c>
      <c r="J6514" s="10">
        <v>31.356618279999999</v>
      </c>
    </row>
    <row r="6515" spans="1:10" x14ac:dyDescent="0.35">
      <c r="A6515" t="s">
        <v>35</v>
      </c>
      <c r="B6515" t="s">
        <v>42</v>
      </c>
      <c r="C6515" t="s">
        <v>117</v>
      </c>
      <c r="D6515" t="s">
        <v>118</v>
      </c>
      <c r="E6515">
        <v>2015</v>
      </c>
      <c r="F6515">
        <v>2015</v>
      </c>
      <c r="G6515" t="s">
        <v>126</v>
      </c>
      <c r="H6515" t="s">
        <v>122</v>
      </c>
      <c r="I6515" t="s">
        <v>15</v>
      </c>
      <c r="J6515" s="10">
        <v>21.317874280000002</v>
      </c>
    </row>
    <row r="6516" spans="1:10" x14ac:dyDescent="0.35">
      <c r="A6516" t="s">
        <v>35</v>
      </c>
      <c r="B6516" t="s">
        <v>42</v>
      </c>
      <c r="C6516" t="s">
        <v>117</v>
      </c>
      <c r="D6516" t="s">
        <v>118</v>
      </c>
      <c r="E6516">
        <v>2015</v>
      </c>
      <c r="F6516">
        <v>2015</v>
      </c>
      <c r="G6516" t="s">
        <v>126</v>
      </c>
      <c r="H6516" t="s">
        <v>123</v>
      </c>
      <c r="I6516" t="s">
        <v>15</v>
      </c>
      <c r="J6516" s="10">
        <v>17.31336379</v>
      </c>
    </row>
    <row r="6517" spans="1:10" x14ac:dyDescent="0.35">
      <c r="A6517" t="s">
        <v>35</v>
      </c>
      <c r="B6517" t="s">
        <v>42</v>
      </c>
      <c r="C6517" t="s">
        <v>117</v>
      </c>
      <c r="D6517" t="s">
        <v>118</v>
      </c>
      <c r="E6517">
        <v>2015</v>
      </c>
      <c r="F6517">
        <v>2015</v>
      </c>
      <c r="G6517" t="s">
        <v>126</v>
      </c>
      <c r="H6517" t="s">
        <v>124</v>
      </c>
      <c r="I6517" t="s">
        <v>15</v>
      </c>
      <c r="J6517" s="10">
        <v>2.1222459950000001</v>
      </c>
    </row>
    <row r="6518" spans="1:10" x14ac:dyDescent="0.35">
      <c r="A6518" t="s">
        <v>35</v>
      </c>
      <c r="B6518" t="s">
        <v>42</v>
      </c>
      <c r="C6518" t="s">
        <v>117</v>
      </c>
      <c r="D6518" t="s">
        <v>118</v>
      </c>
      <c r="E6518">
        <v>2014</v>
      </c>
      <c r="F6518">
        <v>2014</v>
      </c>
      <c r="G6518" t="s">
        <v>14</v>
      </c>
      <c r="H6518" t="s">
        <v>119</v>
      </c>
      <c r="I6518" t="s">
        <v>15</v>
      </c>
      <c r="J6518" s="10">
        <v>18.302411450000001</v>
      </c>
    </row>
    <row r="6519" spans="1:10" x14ac:dyDescent="0.35">
      <c r="A6519" t="s">
        <v>35</v>
      </c>
      <c r="B6519" t="s">
        <v>42</v>
      </c>
      <c r="C6519" t="s">
        <v>117</v>
      </c>
      <c r="D6519" t="s">
        <v>118</v>
      </c>
      <c r="E6519">
        <v>2014</v>
      </c>
      <c r="F6519">
        <v>2014</v>
      </c>
      <c r="G6519" t="s">
        <v>14</v>
      </c>
      <c r="H6519" t="s">
        <v>120</v>
      </c>
      <c r="I6519" t="s">
        <v>15</v>
      </c>
      <c r="J6519" s="10">
        <v>11.558857939999999</v>
      </c>
    </row>
    <row r="6520" spans="1:10" x14ac:dyDescent="0.35">
      <c r="A6520" t="s">
        <v>35</v>
      </c>
      <c r="B6520" t="s">
        <v>42</v>
      </c>
      <c r="C6520" t="s">
        <v>117</v>
      </c>
      <c r="D6520" t="s">
        <v>118</v>
      </c>
      <c r="E6520">
        <v>2014</v>
      </c>
      <c r="F6520">
        <v>2014</v>
      </c>
      <c r="G6520" t="s">
        <v>14</v>
      </c>
      <c r="H6520" t="s">
        <v>121</v>
      </c>
      <c r="I6520" t="s">
        <v>15</v>
      </c>
      <c r="J6520" s="10">
        <v>31.14221027</v>
      </c>
    </row>
    <row r="6521" spans="1:10" x14ac:dyDescent="0.35">
      <c r="A6521" t="s">
        <v>35</v>
      </c>
      <c r="B6521" t="s">
        <v>42</v>
      </c>
      <c r="C6521" t="s">
        <v>117</v>
      </c>
      <c r="D6521" t="s">
        <v>118</v>
      </c>
      <c r="E6521">
        <v>2014</v>
      </c>
      <c r="F6521">
        <v>2014</v>
      </c>
      <c r="G6521" t="s">
        <v>14</v>
      </c>
      <c r="H6521" t="s">
        <v>122</v>
      </c>
      <c r="I6521" t="s">
        <v>15</v>
      </c>
      <c r="J6521" s="10">
        <v>20.940268339999999</v>
      </c>
    </row>
    <row r="6522" spans="1:10" x14ac:dyDescent="0.35">
      <c r="A6522" t="s">
        <v>35</v>
      </c>
      <c r="B6522" t="s">
        <v>42</v>
      </c>
      <c r="C6522" t="s">
        <v>117</v>
      </c>
      <c r="D6522" t="s">
        <v>118</v>
      </c>
      <c r="E6522">
        <v>2014</v>
      </c>
      <c r="F6522">
        <v>2014</v>
      </c>
      <c r="G6522" t="s">
        <v>14</v>
      </c>
      <c r="H6522" t="s">
        <v>123</v>
      </c>
      <c r="I6522" t="s">
        <v>15</v>
      </c>
      <c r="J6522" s="10">
        <v>16.428864480000001</v>
      </c>
    </row>
    <row r="6523" spans="1:10" x14ac:dyDescent="0.35">
      <c r="A6523" t="s">
        <v>35</v>
      </c>
      <c r="B6523" t="s">
        <v>42</v>
      </c>
      <c r="C6523" t="s">
        <v>117</v>
      </c>
      <c r="D6523" t="s">
        <v>118</v>
      </c>
      <c r="E6523">
        <v>2014</v>
      </c>
      <c r="F6523">
        <v>2014</v>
      </c>
      <c r="G6523" t="s">
        <v>14</v>
      </c>
      <c r="H6523" t="s">
        <v>124</v>
      </c>
      <c r="I6523" t="s">
        <v>15</v>
      </c>
      <c r="J6523" s="10">
        <v>1.627387519</v>
      </c>
    </row>
    <row r="6524" spans="1:10" x14ac:dyDescent="0.35">
      <c r="A6524" t="s">
        <v>35</v>
      </c>
      <c r="B6524" t="s">
        <v>42</v>
      </c>
      <c r="C6524" t="s">
        <v>117</v>
      </c>
      <c r="D6524" t="s">
        <v>118</v>
      </c>
      <c r="E6524">
        <v>2014</v>
      </c>
      <c r="F6524">
        <v>2014</v>
      </c>
      <c r="G6524" t="s">
        <v>125</v>
      </c>
      <c r="H6524" t="s">
        <v>119</v>
      </c>
      <c r="I6524" t="s">
        <v>15</v>
      </c>
      <c r="J6524" s="10">
        <v>19.691551180000001</v>
      </c>
    </row>
    <row r="6525" spans="1:10" x14ac:dyDescent="0.35">
      <c r="A6525" t="s">
        <v>35</v>
      </c>
      <c r="B6525" t="s">
        <v>42</v>
      </c>
      <c r="C6525" t="s">
        <v>117</v>
      </c>
      <c r="D6525" t="s">
        <v>118</v>
      </c>
      <c r="E6525">
        <v>2014</v>
      </c>
      <c r="F6525">
        <v>2014</v>
      </c>
      <c r="G6525" t="s">
        <v>125</v>
      </c>
      <c r="H6525" t="s">
        <v>120</v>
      </c>
      <c r="I6525" t="s">
        <v>15</v>
      </c>
      <c r="J6525" s="10">
        <v>12.42097197</v>
      </c>
    </row>
    <row r="6526" spans="1:10" x14ac:dyDescent="0.35">
      <c r="A6526" t="s">
        <v>35</v>
      </c>
      <c r="B6526" t="s">
        <v>42</v>
      </c>
      <c r="C6526" t="s">
        <v>117</v>
      </c>
      <c r="D6526" t="s">
        <v>118</v>
      </c>
      <c r="E6526">
        <v>2014</v>
      </c>
      <c r="F6526">
        <v>2014</v>
      </c>
      <c r="G6526" t="s">
        <v>125</v>
      </c>
      <c r="H6526" t="s">
        <v>121</v>
      </c>
      <c r="I6526" t="s">
        <v>15</v>
      </c>
      <c r="J6526" s="10">
        <v>30.28609745</v>
      </c>
    </row>
    <row r="6527" spans="1:10" x14ac:dyDescent="0.35">
      <c r="A6527" t="s">
        <v>35</v>
      </c>
      <c r="B6527" t="s">
        <v>42</v>
      </c>
      <c r="C6527" t="s">
        <v>117</v>
      </c>
      <c r="D6527" t="s">
        <v>118</v>
      </c>
      <c r="E6527">
        <v>2014</v>
      </c>
      <c r="F6527">
        <v>2014</v>
      </c>
      <c r="G6527" t="s">
        <v>125</v>
      </c>
      <c r="H6527" t="s">
        <v>122</v>
      </c>
      <c r="I6527" t="s">
        <v>15</v>
      </c>
      <c r="J6527" s="10">
        <v>20.908103969999999</v>
      </c>
    </row>
    <row r="6528" spans="1:10" x14ac:dyDescent="0.35">
      <c r="A6528" t="s">
        <v>35</v>
      </c>
      <c r="B6528" t="s">
        <v>42</v>
      </c>
      <c r="C6528" t="s">
        <v>117</v>
      </c>
      <c r="D6528" t="s">
        <v>118</v>
      </c>
      <c r="E6528">
        <v>2014</v>
      </c>
      <c r="F6528">
        <v>2014</v>
      </c>
      <c r="G6528" t="s">
        <v>125</v>
      </c>
      <c r="H6528" t="s">
        <v>123</v>
      </c>
      <c r="I6528" t="s">
        <v>15</v>
      </c>
      <c r="J6528" s="10">
        <v>15.629989139999999</v>
      </c>
    </row>
    <row r="6529" spans="1:10" x14ac:dyDescent="0.35">
      <c r="A6529" t="s">
        <v>35</v>
      </c>
      <c r="B6529" t="s">
        <v>42</v>
      </c>
      <c r="C6529" t="s">
        <v>117</v>
      </c>
      <c r="D6529" t="s">
        <v>118</v>
      </c>
      <c r="E6529">
        <v>2014</v>
      </c>
      <c r="F6529">
        <v>2014</v>
      </c>
      <c r="G6529" t="s">
        <v>125</v>
      </c>
      <c r="H6529" t="s">
        <v>124</v>
      </c>
      <c r="I6529" t="s">
        <v>15</v>
      </c>
      <c r="J6529" s="10">
        <v>1.0632862890000001</v>
      </c>
    </row>
    <row r="6530" spans="1:10" x14ac:dyDescent="0.35">
      <c r="A6530" t="s">
        <v>35</v>
      </c>
      <c r="B6530" t="s">
        <v>42</v>
      </c>
      <c r="C6530" t="s">
        <v>117</v>
      </c>
      <c r="D6530" t="s">
        <v>118</v>
      </c>
      <c r="E6530">
        <v>2014</v>
      </c>
      <c r="F6530">
        <v>2014</v>
      </c>
      <c r="G6530" t="s">
        <v>126</v>
      </c>
      <c r="H6530" t="s">
        <v>119</v>
      </c>
      <c r="I6530" t="s">
        <v>15</v>
      </c>
      <c r="J6530" s="10">
        <v>17.041138780000001</v>
      </c>
    </row>
    <row r="6531" spans="1:10" x14ac:dyDescent="0.35">
      <c r="A6531" t="s">
        <v>35</v>
      </c>
      <c r="B6531" t="s">
        <v>42</v>
      </c>
      <c r="C6531" t="s">
        <v>117</v>
      </c>
      <c r="D6531" t="s">
        <v>118</v>
      </c>
      <c r="E6531">
        <v>2014</v>
      </c>
      <c r="F6531">
        <v>2014</v>
      </c>
      <c r="G6531" t="s">
        <v>126</v>
      </c>
      <c r="H6531" t="s">
        <v>120</v>
      </c>
      <c r="I6531" t="s">
        <v>15</v>
      </c>
      <c r="J6531" s="10">
        <v>10.776099500000001</v>
      </c>
    </row>
    <row r="6532" spans="1:10" x14ac:dyDescent="0.35">
      <c r="A6532" t="s">
        <v>35</v>
      </c>
      <c r="B6532" t="s">
        <v>42</v>
      </c>
      <c r="C6532" t="s">
        <v>117</v>
      </c>
      <c r="D6532" t="s">
        <v>118</v>
      </c>
      <c r="E6532">
        <v>2014</v>
      </c>
      <c r="F6532">
        <v>2014</v>
      </c>
      <c r="G6532" t="s">
        <v>126</v>
      </c>
      <c r="H6532" t="s">
        <v>121</v>
      </c>
      <c r="I6532" t="s">
        <v>15</v>
      </c>
      <c r="J6532" s="10">
        <v>31.919519900000001</v>
      </c>
    </row>
    <row r="6533" spans="1:10" x14ac:dyDescent="0.35">
      <c r="A6533" t="s">
        <v>35</v>
      </c>
      <c r="B6533" t="s">
        <v>42</v>
      </c>
      <c r="C6533" t="s">
        <v>117</v>
      </c>
      <c r="D6533" t="s">
        <v>118</v>
      </c>
      <c r="E6533">
        <v>2014</v>
      </c>
      <c r="F6533">
        <v>2014</v>
      </c>
      <c r="G6533" t="s">
        <v>126</v>
      </c>
      <c r="H6533" t="s">
        <v>122</v>
      </c>
      <c r="I6533" t="s">
        <v>15</v>
      </c>
      <c r="J6533" s="10">
        <v>20.969472069999998</v>
      </c>
    </row>
    <row r="6534" spans="1:10" x14ac:dyDescent="0.35">
      <c r="A6534" t="s">
        <v>35</v>
      </c>
      <c r="B6534" t="s">
        <v>42</v>
      </c>
      <c r="C6534" t="s">
        <v>117</v>
      </c>
      <c r="D6534" t="s">
        <v>118</v>
      </c>
      <c r="E6534">
        <v>2014</v>
      </c>
      <c r="F6534">
        <v>2014</v>
      </c>
      <c r="G6534" t="s">
        <v>126</v>
      </c>
      <c r="H6534" t="s">
        <v>123</v>
      </c>
      <c r="I6534" t="s">
        <v>15</v>
      </c>
      <c r="J6534" s="10">
        <v>17.1542052</v>
      </c>
    </row>
    <row r="6535" spans="1:10" x14ac:dyDescent="0.35">
      <c r="A6535" t="s">
        <v>35</v>
      </c>
      <c r="B6535" t="s">
        <v>42</v>
      </c>
      <c r="C6535" t="s">
        <v>117</v>
      </c>
      <c r="D6535" t="s">
        <v>118</v>
      </c>
      <c r="E6535">
        <v>2014</v>
      </c>
      <c r="F6535">
        <v>2014</v>
      </c>
      <c r="G6535" t="s">
        <v>126</v>
      </c>
      <c r="H6535" t="s">
        <v>124</v>
      </c>
      <c r="I6535" t="s">
        <v>15</v>
      </c>
      <c r="J6535" s="10">
        <v>2.1395645490000001</v>
      </c>
    </row>
    <row r="6536" spans="1:10" x14ac:dyDescent="0.35">
      <c r="A6536" t="s">
        <v>35</v>
      </c>
      <c r="B6536" t="s">
        <v>42</v>
      </c>
      <c r="C6536" t="s">
        <v>117</v>
      </c>
      <c r="D6536" t="s">
        <v>118</v>
      </c>
      <c r="E6536">
        <v>2013</v>
      </c>
      <c r="F6536">
        <v>2013</v>
      </c>
      <c r="G6536" t="s">
        <v>14</v>
      </c>
      <c r="H6536" t="s">
        <v>119</v>
      </c>
      <c r="I6536" t="s">
        <v>15</v>
      </c>
      <c r="J6536" s="10">
        <v>18.456940880000001</v>
      </c>
    </row>
    <row r="6537" spans="1:10" x14ac:dyDescent="0.35">
      <c r="A6537" t="s">
        <v>35</v>
      </c>
      <c r="B6537" t="s">
        <v>42</v>
      </c>
      <c r="C6537" t="s">
        <v>117</v>
      </c>
      <c r="D6537" t="s">
        <v>118</v>
      </c>
      <c r="E6537">
        <v>2013</v>
      </c>
      <c r="F6537">
        <v>2013</v>
      </c>
      <c r="G6537" t="s">
        <v>14</v>
      </c>
      <c r="H6537" t="s">
        <v>120</v>
      </c>
      <c r="I6537" t="s">
        <v>15</v>
      </c>
      <c r="J6537" s="10">
        <v>11.58356214</v>
      </c>
    </row>
    <row r="6538" spans="1:10" x14ac:dyDescent="0.35">
      <c r="A6538" t="s">
        <v>35</v>
      </c>
      <c r="B6538" t="s">
        <v>42</v>
      </c>
      <c r="C6538" t="s">
        <v>117</v>
      </c>
      <c r="D6538" t="s">
        <v>118</v>
      </c>
      <c r="E6538">
        <v>2013</v>
      </c>
      <c r="F6538">
        <v>2013</v>
      </c>
      <c r="G6538" t="s">
        <v>14</v>
      </c>
      <c r="H6538" t="s">
        <v>121</v>
      </c>
      <c r="I6538" t="s">
        <v>15</v>
      </c>
      <c r="J6538" s="10">
        <v>31.760743919999999</v>
      </c>
    </row>
    <row r="6539" spans="1:10" x14ac:dyDescent="0.35">
      <c r="A6539" t="s">
        <v>35</v>
      </c>
      <c r="B6539" t="s">
        <v>42</v>
      </c>
      <c r="C6539" t="s">
        <v>117</v>
      </c>
      <c r="D6539" t="s">
        <v>118</v>
      </c>
      <c r="E6539">
        <v>2013</v>
      </c>
      <c r="F6539">
        <v>2013</v>
      </c>
      <c r="G6539" t="s">
        <v>14</v>
      </c>
      <c r="H6539" t="s">
        <v>122</v>
      </c>
      <c r="I6539" t="s">
        <v>15</v>
      </c>
      <c r="J6539" s="10">
        <v>20.668679180000002</v>
      </c>
    </row>
    <row r="6540" spans="1:10" x14ac:dyDescent="0.35">
      <c r="A6540" t="s">
        <v>35</v>
      </c>
      <c r="B6540" t="s">
        <v>42</v>
      </c>
      <c r="C6540" t="s">
        <v>117</v>
      </c>
      <c r="D6540" t="s">
        <v>118</v>
      </c>
      <c r="E6540">
        <v>2013</v>
      </c>
      <c r="F6540">
        <v>2013</v>
      </c>
      <c r="G6540" t="s">
        <v>14</v>
      </c>
      <c r="H6540" t="s">
        <v>123</v>
      </c>
      <c r="I6540" t="s">
        <v>15</v>
      </c>
      <c r="J6540" s="10">
        <v>15.952427910000001</v>
      </c>
    </row>
    <row r="6541" spans="1:10" x14ac:dyDescent="0.35">
      <c r="A6541" t="s">
        <v>35</v>
      </c>
      <c r="B6541" t="s">
        <v>42</v>
      </c>
      <c r="C6541" t="s">
        <v>117</v>
      </c>
      <c r="D6541" t="s">
        <v>118</v>
      </c>
      <c r="E6541">
        <v>2013</v>
      </c>
      <c r="F6541">
        <v>2013</v>
      </c>
      <c r="G6541" t="s">
        <v>14</v>
      </c>
      <c r="H6541" t="s">
        <v>124</v>
      </c>
      <c r="I6541" t="s">
        <v>15</v>
      </c>
      <c r="J6541" s="10">
        <v>1.5776459700000001</v>
      </c>
    </row>
    <row r="6542" spans="1:10" x14ac:dyDescent="0.35">
      <c r="A6542" t="s">
        <v>35</v>
      </c>
      <c r="B6542" t="s">
        <v>42</v>
      </c>
      <c r="C6542" t="s">
        <v>117</v>
      </c>
      <c r="D6542" t="s">
        <v>118</v>
      </c>
      <c r="E6542">
        <v>2013</v>
      </c>
      <c r="F6542">
        <v>2013</v>
      </c>
      <c r="G6542" t="s">
        <v>125</v>
      </c>
      <c r="H6542" t="s">
        <v>119</v>
      </c>
      <c r="I6542" t="s">
        <v>15</v>
      </c>
      <c r="J6542" s="10">
        <v>19.839928570000001</v>
      </c>
    </row>
    <row r="6543" spans="1:10" x14ac:dyDescent="0.35">
      <c r="A6543" t="s">
        <v>35</v>
      </c>
      <c r="B6543" t="s">
        <v>42</v>
      </c>
      <c r="C6543" t="s">
        <v>117</v>
      </c>
      <c r="D6543" t="s">
        <v>118</v>
      </c>
      <c r="E6543">
        <v>2013</v>
      </c>
      <c r="F6543">
        <v>2013</v>
      </c>
      <c r="G6543" t="s">
        <v>125</v>
      </c>
      <c r="H6543" t="s">
        <v>120</v>
      </c>
      <c r="I6543" t="s">
        <v>15</v>
      </c>
      <c r="J6543" s="10">
        <v>12.368865789999999</v>
      </c>
    </row>
    <row r="6544" spans="1:10" x14ac:dyDescent="0.35">
      <c r="A6544" t="s">
        <v>35</v>
      </c>
      <c r="B6544" t="s">
        <v>42</v>
      </c>
      <c r="C6544" t="s">
        <v>117</v>
      </c>
      <c r="D6544" t="s">
        <v>118</v>
      </c>
      <c r="E6544">
        <v>2013</v>
      </c>
      <c r="F6544">
        <v>2013</v>
      </c>
      <c r="G6544" t="s">
        <v>125</v>
      </c>
      <c r="H6544" t="s">
        <v>121</v>
      </c>
      <c r="I6544" t="s">
        <v>15</v>
      </c>
      <c r="J6544" s="10">
        <v>30.968400240000001</v>
      </c>
    </row>
    <row r="6545" spans="1:10" x14ac:dyDescent="0.35">
      <c r="A6545" t="s">
        <v>35</v>
      </c>
      <c r="B6545" t="s">
        <v>42</v>
      </c>
      <c r="C6545" t="s">
        <v>117</v>
      </c>
      <c r="D6545" t="s">
        <v>118</v>
      </c>
      <c r="E6545">
        <v>2013</v>
      </c>
      <c r="F6545">
        <v>2013</v>
      </c>
      <c r="G6545" t="s">
        <v>125</v>
      </c>
      <c r="H6545" t="s">
        <v>122</v>
      </c>
      <c r="I6545" t="s">
        <v>15</v>
      </c>
      <c r="J6545" s="10">
        <v>20.630719679999999</v>
      </c>
    </row>
    <row r="6546" spans="1:10" x14ac:dyDescent="0.35">
      <c r="A6546" t="s">
        <v>35</v>
      </c>
      <c r="B6546" t="s">
        <v>42</v>
      </c>
      <c r="C6546" t="s">
        <v>117</v>
      </c>
      <c r="D6546" t="s">
        <v>118</v>
      </c>
      <c r="E6546">
        <v>2013</v>
      </c>
      <c r="F6546">
        <v>2013</v>
      </c>
      <c r="G6546" t="s">
        <v>125</v>
      </c>
      <c r="H6546" t="s">
        <v>123</v>
      </c>
      <c r="I6546" t="s">
        <v>15</v>
      </c>
      <c r="J6546" s="10">
        <v>15.158955389999999</v>
      </c>
    </row>
    <row r="6547" spans="1:10" x14ac:dyDescent="0.35">
      <c r="A6547" t="s">
        <v>35</v>
      </c>
      <c r="B6547" t="s">
        <v>42</v>
      </c>
      <c r="C6547" t="s">
        <v>117</v>
      </c>
      <c r="D6547" t="s">
        <v>118</v>
      </c>
      <c r="E6547">
        <v>2013</v>
      </c>
      <c r="F6547">
        <v>2013</v>
      </c>
      <c r="G6547" t="s">
        <v>125</v>
      </c>
      <c r="H6547" t="s">
        <v>124</v>
      </c>
      <c r="I6547" t="s">
        <v>15</v>
      </c>
      <c r="J6547" s="10">
        <v>1.033130321</v>
      </c>
    </row>
    <row r="6548" spans="1:10" x14ac:dyDescent="0.35">
      <c r="A6548" t="s">
        <v>35</v>
      </c>
      <c r="B6548" t="s">
        <v>42</v>
      </c>
      <c r="C6548" t="s">
        <v>117</v>
      </c>
      <c r="D6548" t="s">
        <v>118</v>
      </c>
      <c r="E6548">
        <v>2013</v>
      </c>
      <c r="F6548">
        <v>2013</v>
      </c>
      <c r="G6548" t="s">
        <v>126</v>
      </c>
      <c r="H6548" t="s">
        <v>119</v>
      </c>
      <c r="I6548" t="s">
        <v>15</v>
      </c>
      <c r="J6548" s="10">
        <v>17.201967589999999</v>
      </c>
    </row>
    <row r="6549" spans="1:10" x14ac:dyDescent="0.35">
      <c r="A6549" t="s">
        <v>35</v>
      </c>
      <c r="B6549" t="s">
        <v>42</v>
      </c>
      <c r="C6549" t="s">
        <v>117</v>
      </c>
      <c r="D6549" t="s">
        <v>118</v>
      </c>
      <c r="E6549">
        <v>2013</v>
      </c>
      <c r="F6549">
        <v>2013</v>
      </c>
      <c r="G6549" t="s">
        <v>126</v>
      </c>
      <c r="H6549" t="s">
        <v>120</v>
      </c>
      <c r="I6549" t="s">
        <v>15</v>
      </c>
      <c r="J6549" s="10">
        <v>10.87094907</v>
      </c>
    </row>
    <row r="6550" spans="1:10" x14ac:dyDescent="0.35">
      <c r="A6550" t="s">
        <v>35</v>
      </c>
      <c r="B6550" t="s">
        <v>42</v>
      </c>
      <c r="C6550" t="s">
        <v>117</v>
      </c>
      <c r="D6550" t="s">
        <v>118</v>
      </c>
      <c r="E6550">
        <v>2013</v>
      </c>
      <c r="F6550">
        <v>2013</v>
      </c>
      <c r="G6550" t="s">
        <v>126</v>
      </c>
      <c r="H6550" t="s">
        <v>121</v>
      </c>
      <c r="I6550" t="s">
        <v>15</v>
      </c>
      <c r="J6550" s="10">
        <v>32.479745370000003</v>
      </c>
    </row>
    <row r="6551" spans="1:10" x14ac:dyDescent="0.35">
      <c r="A6551" t="s">
        <v>35</v>
      </c>
      <c r="B6551" t="s">
        <v>42</v>
      </c>
      <c r="C6551" t="s">
        <v>117</v>
      </c>
      <c r="D6551" t="s">
        <v>118</v>
      </c>
      <c r="E6551">
        <v>2013</v>
      </c>
      <c r="F6551">
        <v>2013</v>
      </c>
      <c r="G6551" t="s">
        <v>126</v>
      </c>
      <c r="H6551" t="s">
        <v>122</v>
      </c>
      <c r="I6551" t="s">
        <v>15</v>
      </c>
      <c r="J6551" s="10">
        <v>20.703125</v>
      </c>
    </row>
    <row r="6552" spans="1:10" x14ac:dyDescent="0.35">
      <c r="A6552" t="s">
        <v>35</v>
      </c>
      <c r="B6552" t="s">
        <v>42</v>
      </c>
      <c r="C6552" t="s">
        <v>117</v>
      </c>
      <c r="D6552" t="s">
        <v>118</v>
      </c>
      <c r="E6552">
        <v>2013</v>
      </c>
      <c r="F6552">
        <v>2013</v>
      </c>
      <c r="G6552" t="s">
        <v>126</v>
      </c>
      <c r="H6552" t="s">
        <v>123</v>
      </c>
      <c r="I6552" t="s">
        <v>15</v>
      </c>
      <c r="J6552" s="10">
        <v>16.672453699999998</v>
      </c>
    </row>
    <row r="6553" spans="1:10" x14ac:dyDescent="0.35">
      <c r="A6553" t="s">
        <v>35</v>
      </c>
      <c r="B6553" t="s">
        <v>42</v>
      </c>
      <c r="C6553" t="s">
        <v>117</v>
      </c>
      <c r="D6553" t="s">
        <v>118</v>
      </c>
      <c r="E6553">
        <v>2013</v>
      </c>
      <c r="F6553">
        <v>2013</v>
      </c>
      <c r="G6553" t="s">
        <v>126</v>
      </c>
      <c r="H6553" t="s">
        <v>124</v>
      </c>
      <c r="I6553" t="s">
        <v>15</v>
      </c>
      <c r="J6553" s="10">
        <v>2.0717592589999998</v>
      </c>
    </row>
    <row r="6554" spans="1:10" x14ac:dyDescent="0.35">
      <c r="A6554" t="s">
        <v>35</v>
      </c>
      <c r="B6554" t="s">
        <v>42</v>
      </c>
      <c r="C6554" t="s">
        <v>117</v>
      </c>
      <c r="D6554" t="s">
        <v>118</v>
      </c>
      <c r="E6554">
        <v>2012</v>
      </c>
      <c r="F6554">
        <v>2012</v>
      </c>
      <c r="G6554" t="s">
        <v>14</v>
      </c>
      <c r="H6554" t="s">
        <v>119</v>
      </c>
      <c r="I6554" t="s">
        <v>15</v>
      </c>
      <c r="J6554" s="10">
        <v>18.670427799999999</v>
      </c>
    </row>
    <row r="6555" spans="1:10" x14ac:dyDescent="0.35">
      <c r="A6555" t="s">
        <v>35</v>
      </c>
      <c r="B6555" t="s">
        <v>42</v>
      </c>
      <c r="C6555" t="s">
        <v>117</v>
      </c>
      <c r="D6555" t="s">
        <v>118</v>
      </c>
      <c r="E6555">
        <v>2012</v>
      </c>
      <c r="F6555">
        <v>2012</v>
      </c>
      <c r="G6555" t="s">
        <v>14</v>
      </c>
      <c r="H6555" t="s">
        <v>120</v>
      </c>
      <c r="I6555" t="s">
        <v>15</v>
      </c>
      <c r="J6555" s="10">
        <v>11.749532370000001</v>
      </c>
    </row>
    <row r="6556" spans="1:10" x14ac:dyDescent="0.35">
      <c r="A6556" t="s">
        <v>35</v>
      </c>
      <c r="B6556" t="s">
        <v>42</v>
      </c>
      <c r="C6556" t="s">
        <v>117</v>
      </c>
      <c r="D6556" t="s">
        <v>118</v>
      </c>
      <c r="E6556">
        <v>2012</v>
      </c>
      <c r="F6556">
        <v>2012</v>
      </c>
      <c r="G6556" t="s">
        <v>14</v>
      </c>
      <c r="H6556" t="s">
        <v>121</v>
      </c>
      <c r="I6556" t="s">
        <v>15</v>
      </c>
      <c r="J6556" s="10">
        <v>32.192421410000001</v>
      </c>
    </row>
    <row r="6557" spans="1:10" x14ac:dyDescent="0.35">
      <c r="A6557" t="s">
        <v>35</v>
      </c>
      <c r="B6557" t="s">
        <v>42</v>
      </c>
      <c r="C6557" t="s">
        <v>117</v>
      </c>
      <c r="D6557" t="s">
        <v>118</v>
      </c>
      <c r="E6557">
        <v>2012</v>
      </c>
      <c r="F6557">
        <v>2012</v>
      </c>
      <c r="G6557" t="s">
        <v>14</v>
      </c>
      <c r="H6557" t="s">
        <v>122</v>
      </c>
      <c r="I6557" t="s">
        <v>15</v>
      </c>
      <c r="J6557" s="10">
        <v>20.494177279999999</v>
      </c>
    </row>
    <row r="6558" spans="1:10" x14ac:dyDescent="0.35">
      <c r="A6558" t="s">
        <v>35</v>
      </c>
      <c r="B6558" t="s">
        <v>42</v>
      </c>
      <c r="C6558" t="s">
        <v>117</v>
      </c>
      <c r="D6558" t="s">
        <v>118</v>
      </c>
      <c r="E6558">
        <v>2012</v>
      </c>
      <c r="F6558">
        <v>2012</v>
      </c>
      <c r="G6558" t="s">
        <v>14</v>
      </c>
      <c r="H6558" t="s">
        <v>123</v>
      </c>
      <c r="I6558" t="s">
        <v>15</v>
      </c>
      <c r="J6558" s="10">
        <v>15.36082785</v>
      </c>
    </row>
    <row r="6559" spans="1:10" x14ac:dyDescent="0.35">
      <c r="A6559" t="s">
        <v>35</v>
      </c>
      <c r="B6559" t="s">
        <v>42</v>
      </c>
      <c r="C6559" t="s">
        <v>117</v>
      </c>
      <c r="D6559" t="s">
        <v>118</v>
      </c>
      <c r="E6559">
        <v>2012</v>
      </c>
      <c r="F6559">
        <v>2012</v>
      </c>
      <c r="G6559" t="s">
        <v>14</v>
      </c>
      <c r="H6559" t="s">
        <v>124</v>
      </c>
      <c r="I6559" t="s">
        <v>15</v>
      </c>
      <c r="J6559" s="10">
        <v>1.532613287</v>
      </c>
    </row>
    <row r="6560" spans="1:10" x14ac:dyDescent="0.35">
      <c r="A6560" t="s">
        <v>35</v>
      </c>
      <c r="B6560" t="s">
        <v>42</v>
      </c>
      <c r="C6560" t="s">
        <v>117</v>
      </c>
      <c r="D6560" t="s">
        <v>118</v>
      </c>
      <c r="E6560">
        <v>2012</v>
      </c>
      <c r="F6560">
        <v>2012</v>
      </c>
      <c r="G6560" t="s">
        <v>125</v>
      </c>
      <c r="H6560" t="s">
        <v>119</v>
      </c>
      <c r="I6560" t="s">
        <v>15</v>
      </c>
      <c r="J6560" s="10">
        <v>20.140871879999999</v>
      </c>
    </row>
    <row r="6561" spans="1:10" x14ac:dyDescent="0.35">
      <c r="A6561" t="s">
        <v>35</v>
      </c>
      <c r="B6561" t="s">
        <v>42</v>
      </c>
      <c r="C6561" t="s">
        <v>117</v>
      </c>
      <c r="D6561" t="s">
        <v>118</v>
      </c>
      <c r="E6561">
        <v>2012</v>
      </c>
      <c r="F6561">
        <v>2012</v>
      </c>
      <c r="G6561" t="s">
        <v>125</v>
      </c>
      <c r="H6561" t="s">
        <v>120</v>
      </c>
      <c r="I6561" t="s">
        <v>15</v>
      </c>
      <c r="J6561" s="10">
        <v>12.30090742</v>
      </c>
    </row>
    <row r="6562" spans="1:10" x14ac:dyDescent="0.35">
      <c r="A6562" t="s">
        <v>35</v>
      </c>
      <c r="B6562" t="s">
        <v>42</v>
      </c>
      <c r="C6562" t="s">
        <v>117</v>
      </c>
      <c r="D6562" t="s">
        <v>118</v>
      </c>
      <c r="E6562">
        <v>2012</v>
      </c>
      <c r="F6562">
        <v>2012</v>
      </c>
      <c r="G6562" t="s">
        <v>125</v>
      </c>
      <c r="H6562" t="s">
        <v>121</v>
      </c>
      <c r="I6562" t="s">
        <v>15</v>
      </c>
      <c r="J6562" s="10">
        <v>31.505806209999999</v>
      </c>
    </row>
    <row r="6563" spans="1:10" x14ac:dyDescent="0.35">
      <c r="A6563" t="s">
        <v>35</v>
      </c>
      <c r="B6563" t="s">
        <v>42</v>
      </c>
      <c r="C6563" t="s">
        <v>117</v>
      </c>
      <c r="D6563" t="s">
        <v>118</v>
      </c>
      <c r="E6563">
        <v>2012</v>
      </c>
      <c r="F6563">
        <v>2012</v>
      </c>
      <c r="G6563" t="s">
        <v>125</v>
      </c>
      <c r="H6563" t="s">
        <v>122</v>
      </c>
      <c r="I6563" t="s">
        <v>15</v>
      </c>
      <c r="J6563" s="10">
        <v>20.47401485</v>
      </c>
    </row>
    <row r="6564" spans="1:10" x14ac:dyDescent="0.35">
      <c r="A6564" t="s">
        <v>35</v>
      </c>
      <c r="B6564" t="s">
        <v>42</v>
      </c>
      <c r="C6564" t="s">
        <v>117</v>
      </c>
      <c r="D6564" t="s">
        <v>118</v>
      </c>
      <c r="E6564">
        <v>2012</v>
      </c>
      <c r="F6564">
        <v>2012</v>
      </c>
      <c r="G6564" t="s">
        <v>125</v>
      </c>
      <c r="H6564" t="s">
        <v>123</v>
      </c>
      <c r="I6564" t="s">
        <v>15</v>
      </c>
      <c r="J6564" s="10">
        <v>14.57262517</v>
      </c>
    </row>
    <row r="6565" spans="1:10" x14ac:dyDescent="0.35">
      <c r="A6565" t="s">
        <v>35</v>
      </c>
      <c r="B6565" t="s">
        <v>42</v>
      </c>
      <c r="C6565" t="s">
        <v>117</v>
      </c>
      <c r="D6565" t="s">
        <v>118</v>
      </c>
      <c r="E6565">
        <v>2012</v>
      </c>
      <c r="F6565">
        <v>2012</v>
      </c>
      <c r="G6565" t="s">
        <v>125</v>
      </c>
      <c r="H6565" t="s">
        <v>124</v>
      </c>
      <c r="I6565" t="s">
        <v>15</v>
      </c>
      <c r="J6565" s="10">
        <v>1.005774478</v>
      </c>
    </row>
    <row r="6566" spans="1:10" x14ac:dyDescent="0.35">
      <c r="A6566" t="s">
        <v>35</v>
      </c>
      <c r="B6566" t="s">
        <v>42</v>
      </c>
      <c r="C6566" t="s">
        <v>117</v>
      </c>
      <c r="D6566" t="s">
        <v>118</v>
      </c>
      <c r="E6566">
        <v>2012</v>
      </c>
      <c r="F6566">
        <v>2012</v>
      </c>
      <c r="G6566" t="s">
        <v>126</v>
      </c>
      <c r="H6566" t="s">
        <v>119</v>
      </c>
      <c r="I6566" t="s">
        <v>15</v>
      </c>
      <c r="J6566" s="10">
        <v>17.337666070000001</v>
      </c>
    </row>
    <row r="6567" spans="1:10" x14ac:dyDescent="0.35">
      <c r="A6567" t="s">
        <v>35</v>
      </c>
      <c r="B6567" t="s">
        <v>42</v>
      </c>
      <c r="C6567" t="s">
        <v>117</v>
      </c>
      <c r="D6567" t="s">
        <v>118</v>
      </c>
      <c r="E6567">
        <v>2012</v>
      </c>
      <c r="F6567">
        <v>2012</v>
      </c>
      <c r="G6567" t="s">
        <v>126</v>
      </c>
      <c r="H6567" t="s">
        <v>120</v>
      </c>
      <c r="I6567" t="s">
        <v>15</v>
      </c>
      <c r="J6567" s="10">
        <v>11.24978432</v>
      </c>
    </row>
    <row r="6568" spans="1:10" x14ac:dyDescent="0.35">
      <c r="A6568" t="s">
        <v>35</v>
      </c>
      <c r="B6568" t="s">
        <v>42</v>
      </c>
      <c r="C6568" t="s">
        <v>117</v>
      </c>
      <c r="D6568" t="s">
        <v>118</v>
      </c>
      <c r="E6568">
        <v>2012</v>
      </c>
      <c r="F6568">
        <v>2012</v>
      </c>
      <c r="G6568" t="s">
        <v>126</v>
      </c>
      <c r="H6568" t="s">
        <v>121</v>
      </c>
      <c r="I6568" t="s">
        <v>15</v>
      </c>
      <c r="J6568" s="10">
        <v>32.814746649999996</v>
      </c>
    </row>
    <row r="6569" spans="1:10" x14ac:dyDescent="0.35">
      <c r="A6569" t="s">
        <v>35</v>
      </c>
      <c r="B6569" t="s">
        <v>42</v>
      </c>
      <c r="C6569" t="s">
        <v>117</v>
      </c>
      <c r="D6569" t="s">
        <v>118</v>
      </c>
      <c r="E6569">
        <v>2012</v>
      </c>
      <c r="F6569">
        <v>2012</v>
      </c>
      <c r="G6569" t="s">
        <v>126</v>
      </c>
      <c r="H6569" t="s">
        <v>122</v>
      </c>
      <c r="I6569" t="s">
        <v>15</v>
      </c>
      <c r="J6569" s="10">
        <v>20.51245183</v>
      </c>
    </row>
    <row r="6570" spans="1:10" x14ac:dyDescent="0.35">
      <c r="A6570" t="s">
        <v>35</v>
      </c>
      <c r="B6570" t="s">
        <v>42</v>
      </c>
      <c r="C6570" t="s">
        <v>117</v>
      </c>
      <c r="D6570" t="s">
        <v>118</v>
      </c>
      <c r="E6570">
        <v>2012</v>
      </c>
      <c r="F6570">
        <v>2012</v>
      </c>
      <c r="G6570" t="s">
        <v>126</v>
      </c>
      <c r="H6570" t="s">
        <v>123</v>
      </c>
      <c r="I6570" t="s">
        <v>15</v>
      </c>
      <c r="J6570" s="10">
        <v>16.075228620000001</v>
      </c>
    </row>
    <row r="6571" spans="1:10" x14ac:dyDescent="0.35">
      <c r="A6571" t="s">
        <v>35</v>
      </c>
      <c r="B6571" t="s">
        <v>42</v>
      </c>
      <c r="C6571" t="s">
        <v>117</v>
      </c>
      <c r="D6571" t="s">
        <v>118</v>
      </c>
      <c r="E6571">
        <v>2012</v>
      </c>
      <c r="F6571">
        <v>2012</v>
      </c>
      <c r="G6571" t="s">
        <v>126</v>
      </c>
      <c r="H6571" t="s">
        <v>124</v>
      </c>
      <c r="I6571" t="s">
        <v>15</v>
      </c>
      <c r="J6571" s="10">
        <v>2.010122505</v>
      </c>
    </row>
    <row r="6572" spans="1:10" x14ac:dyDescent="0.35">
      <c r="A6572" t="s">
        <v>35</v>
      </c>
      <c r="B6572" t="s">
        <v>42</v>
      </c>
      <c r="C6572" t="s">
        <v>117</v>
      </c>
      <c r="D6572" t="s">
        <v>118</v>
      </c>
      <c r="E6572">
        <v>2011</v>
      </c>
      <c r="F6572">
        <v>2011</v>
      </c>
      <c r="G6572" t="s">
        <v>14</v>
      </c>
      <c r="H6572" t="s">
        <v>119</v>
      </c>
      <c r="I6572" t="s">
        <v>15</v>
      </c>
      <c r="J6572" s="10">
        <v>18.742961820000001</v>
      </c>
    </row>
    <row r="6573" spans="1:10" x14ac:dyDescent="0.35">
      <c r="A6573" t="s">
        <v>35</v>
      </c>
      <c r="B6573" t="s">
        <v>42</v>
      </c>
      <c r="C6573" t="s">
        <v>117</v>
      </c>
      <c r="D6573" t="s">
        <v>118</v>
      </c>
      <c r="E6573">
        <v>2011</v>
      </c>
      <c r="F6573">
        <v>2011</v>
      </c>
      <c r="G6573" t="s">
        <v>14</v>
      </c>
      <c r="H6573" t="s">
        <v>120</v>
      </c>
      <c r="I6573" t="s">
        <v>15</v>
      </c>
      <c r="J6573" s="10">
        <v>11.765589110000001</v>
      </c>
    </row>
    <row r="6574" spans="1:10" x14ac:dyDescent="0.35">
      <c r="A6574" t="s">
        <v>35</v>
      </c>
      <c r="B6574" t="s">
        <v>42</v>
      </c>
      <c r="C6574" t="s">
        <v>117</v>
      </c>
      <c r="D6574" t="s">
        <v>118</v>
      </c>
      <c r="E6574">
        <v>2011</v>
      </c>
      <c r="F6574">
        <v>2011</v>
      </c>
      <c r="G6574" t="s">
        <v>14</v>
      </c>
      <c r="H6574" t="s">
        <v>121</v>
      </c>
      <c r="I6574" t="s">
        <v>15</v>
      </c>
      <c r="J6574" s="10">
        <v>32.825332950000004</v>
      </c>
    </row>
    <row r="6575" spans="1:10" x14ac:dyDescent="0.35">
      <c r="A6575" t="s">
        <v>35</v>
      </c>
      <c r="B6575" t="s">
        <v>42</v>
      </c>
      <c r="C6575" t="s">
        <v>117</v>
      </c>
      <c r="D6575" t="s">
        <v>118</v>
      </c>
      <c r="E6575">
        <v>2011</v>
      </c>
      <c r="F6575">
        <v>2011</v>
      </c>
      <c r="G6575" t="s">
        <v>14</v>
      </c>
      <c r="H6575" t="s">
        <v>122</v>
      </c>
      <c r="I6575" t="s">
        <v>15</v>
      </c>
      <c r="J6575" s="10">
        <v>20.55975136</v>
      </c>
    </row>
    <row r="6576" spans="1:10" x14ac:dyDescent="0.35">
      <c r="A6576" t="s">
        <v>35</v>
      </c>
      <c r="B6576" t="s">
        <v>42</v>
      </c>
      <c r="C6576" t="s">
        <v>117</v>
      </c>
      <c r="D6576" t="s">
        <v>118</v>
      </c>
      <c r="E6576">
        <v>2011</v>
      </c>
      <c r="F6576">
        <v>2011</v>
      </c>
      <c r="G6576" t="s">
        <v>14</v>
      </c>
      <c r="H6576" t="s">
        <v>123</v>
      </c>
      <c r="I6576" t="s">
        <v>15</v>
      </c>
      <c r="J6576" s="10">
        <v>14.5988799</v>
      </c>
    </row>
    <row r="6577" spans="1:10" x14ac:dyDescent="0.35">
      <c r="A6577" t="s">
        <v>35</v>
      </c>
      <c r="B6577" t="s">
        <v>42</v>
      </c>
      <c r="C6577" t="s">
        <v>117</v>
      </c>
      <c r="D6577" t="s">
        <v>118</v>
      </c>
      <c r="E6577">
        <v>2011</v>
      </c>
      <c r="F6577">
        <v>2011</v>
      </c>
      <c r="G6577" t="s">
        <v>14</v>
      </c>
      <c r="H6577" t="s">
        <v>124</v>
      </c>
      <c r="I6577" t="s">
        <v>15</v>
      </c>
      <c r="J6577" s="10">
        <v>1.5074848729999999</v>
      </c>
    </row>
    <row r="6578" spans="1:10" x14ac:dyDescent="0.35">
      <c r="A6578" t="s">
        <v>35</v>
      </c>
      <c r="B6578" t="s">
        <v>42</v>
      </c>
      <c r="C6578" t="s">
        <v>117</v>
      </c>
      <c r="D6578" t="s">
        <v>118</v>
      </c>
      <c r="E6578">
        <v>2011</v>
      </c>
      <c r="F6578">
        <v>2011</v>
      </c>
      <c r="G6578" t="s">
        <v>125</v>
      </c>
      <c r="H6578" t="s">
        <v>119</v>
      </c>
      <c r="I6578" t="s">
        <v>15</v>
      </c>
      <c r="J6578" s="10">
        <v>20.164089619999999</v>
      </c>
    </row>
    <row r="6579" spans="1:10" x14ac:dyDescent="0.35">
      <c r="A6579" t="s">
        <v>35</v>
      </c>
      <c r="B6579" t="s">
        <v>42</v>
      </c>
      <c r="C6579" t="s">
        <v>117</v>
      </c>
      <c r="D6579" t="s">
        <v>118</v>
      </c>
      <c r="E6579">
        <v>2011</v>
      </c>
      <c r="F6579">
        <v>2011</v>
      </c>
      <c r="G6579" t="s">
        <v>125</v>
      </c>
      <c r="H6579" t="s">
        <v>120</v>
      </c>
      <c r="I6579" t="s">
        <v>15</v>
      </c>
      <c r="J6579" s="10">
        <v>12.35089934</v>
      </c>
    </row>
    <row r="6580" spans="1:10" x14ac:dyDescent="0.35">
      <c r="A6580" t="s">
        <v>35</v>
      </c>
      <c r="B6580" t="s">
        <v>42</v>
      </c>
      <c r="C6580" t="s">
        <v>117</v>
      </c>
      <c r="D6580" t="s">
        <v>118</v>
      </c>
      <c r="E6580">
        <v>2011</v>
      </c>
      <c r="F6580">
        <v>2011</v>
      </c>
      <c r="G6580" t="s">
        <v>125</v>
      </c>
      <c r="H6580" t="s">
        <v>121</v>
      </c>
      <c r="I6580" t="s">
        <v>15</v>
      </c>
      <c r="J6580" s="10">
        <v>32.215209850000001</v>
      </c>
    </row>
    <row r="6581" spans="1:10" x14ac:dyDescent="0.35">
      <c r="A6581" t="s">
        <v>35</v>
      </c>
      <c r="B6581" t="s">
        <v>42</v>
      </c>
      <c r="C6581" t="s">
        <v>117</v>
      </c>
      <c r="D6581" t="s">
        <v>118</v>
      </c>
      <c r="E6581">
        <v>2011</v>
      </c>
      <c r="F6581">
        <v>2011</v>
      </c>
      <c r="G6581" t="s">
        <v>125</v>
      </c>
      <c r="H6581" t="s">
        <v>122</v>
      </c>
      <c r="I6581" t="s">
        <v>15</v>
      </c>
      <c r="J6581" s="10">
        <v>20.526980120000001</v>
      </c>
    </row>
    <row r="6582" spans="1:10" x14ac:dyDescent="0.35">
      <c r="A6582" t="s">
        <v>35</v>
      </c>
      <c r="B6582" t="s">
        <v>42</v>
      </c>
      <c r="C6582" t="s">
        <v>117</v>
      </c>
      <c r="D6582" t="s">
        <v>118</v>
      </c>
      <c r="E6582">
        <v>2011</v>
      </c>
      <c r="F6582">
        <v>2011</v>
      </c>
      <c r="G6582" t="s">
        <v>125</v>
      </c>
      <c r="H6582" t="s">
        <v>123</v>
      </c>
      <c r="I6582" t="s">
        <v>15</v>
      </c>
      <c r="J6582" s="10">
        <v>13.76459451</v>
      </c>
    </row>
    <row r="6583" spans="1:10" x14ac:dyDescent="0.35">
      <c r="A6583" t="s">
        <v>35</v>
      </c>
      <c r="B6583" t="s">
        <v>42</v>
      </c>
      <c r="C6583" t="s">
        <v>117</v>
      </c>
      <c r="D6583" t="s">
        <v>118</v>
      </c>
      <c r="E6583">
        <v>2011</v>
      </c>
      <c r="F6583">
        <v>2011</v>
      </c>
      <c r="G6583" t="s">
        <v>125</v>
      </c>
      <c r="H6583" t="s">
        <v>124</v>
      </c>
      <c r="I6583" t="s">
        <v>15</v>
      </c>
      <c r="J6583" s="10">
        <v>0.97822657000000002</v>
      </c>
    </row>
    <row r="6584" spans="1:10" x14ac:dyDescent="0.35">
      <c r="A6584" t="s">
        <v>35</v>
      </c>
      <c r="B6584" t="s">
        <v>42</v>
      </c>
      <c r="C6584" t="s">
        <v>117</v>
      </c>
      <c r="D6584" t="s">
        <v>118</v>
      </c>
      <c r="E6584">
        <v>2011</v>
      </c>
      <c r="F6584">
        <v>2011</v>
      </c>
      <c r="G6584" t="s">
        <v>126</v>
      </c>
      <c r="H6584" t="s">
        <v>119</v>
      </c>
      <c r="I6584" t="s">
        <v>15</v>
      </c>
      <c r="J6584" s="10">
        <v>17.45295179</v>
      </c>
    </row>
    <row r="6585" spans="1:10" x14ac:dyDescent="0.35">
      <c r="A6585" t="s">
        <v>35</v>
      </c>
      <c r="B6585" t="s">
        <v>42</v>
      </c>
      <c r="C6585" t="s">
        <v>117</v>
      </c>
      <c r="D6585" t="s">
        <v>118</v>
      </c>
      <c r="E6585">
        <v>2011</v>
      </c>
      <c r="F6585">
        <v>2011</v>
      </c>
      <c r="G6585" t="s">
        <v>126</v>
      </c>
      <c r="H6585" t="s">
        <v>120</v>
      </c>
      <c r="I6585" t="s">
        <v>15</v>
      </c>
      <c r="J6585" s="10">
        <v>11.23428146</v>
      </c>
    </row>
    <row r="6586" spans="1:10" x14ac:dyDescent="0.35">
      <c r="A6586" t="s">
        <v>35</v>
      </c>
      <c r="B6586" t="s">
        <v>42</v>
      </c>
      <c r="C6586" t="s">
        <v>117</v>
      </c>
      <c r="D6586" t="s">
        <v>118</v>
      </c>
      <c r="E6586">
        <v>2011</v>
      </c>
      <c r="F6586">
        <v>2011</v>
      </c>
      <c r="G6586" t="s">
        <v>126</v>
      </c>
      <c r="H6586" t="s">
        <v>121</v>
      </c>
      <c r="I6586" t="s">
        <v>15</v>
      </c>
      <c r="J6586" s="10">
        <v>33.379164160000002</v>
      </c>
    </row>
    <row r="6587" spans="1:10" x14ac:dyDescent="0.35">
      <c r="A6587" t="s">
        <v>35</v>
      </c>
      <c r="B6587" t="s">
        <v>42</v>
      </c>
      <c r="C6587" t="s">
        <v>117</v>
      </c>
      <c r="D6587" t="s">
        <v>118</v>
      </c>
      <c r="E6587">
        <v>2011</v>
      </c>
      <c r="F6587">
        <v>2011</v>
      </c>
      <c r="G6587" t="s">
        <v>126</v>
      </c>
      <c r="H6587" t="s">
        <v>122</v>
      </c>
      <c r="I6587" t="s">
        <v>15</v>
      </c>
      <c r="J6587" s="10">
        <v>20.589499010000001</v>
      </c>
    </row>
    <row r="6588" spans="1:10" x14ac:dyDescent="0.35">
      <c r="A6588" t="s">
        <v>35</v>
      </c>
      <c r="B6588" t="s">
        <v>42</v>
      </c>
      <c r="C6588" t="s">
        <v>117</v>
      </c>
      <c r="D6588" t="s">
        <v>118</v>
      </c>
      <c r="E6588">
        <v>2011</v>
      </c>
      <c r="F6588">
        <v>2011</v>
      </c>
      <c r="G6588" t="s">
        <v>126</v>
      </c>
      <c r="H6588" t="s">
        <v>123</v>
      </c>
      <c r="I6588" t="s">
        <v>15</v>
      </c>
      <c r="J6588" s="10">
        <v>15.35619146</v>
      </c>
    </row>
    <row r="6589" spans="1:10" x14ac:dyDescent="0.35">
      <c r="A6589" t="s">
        <v>35</v>
      </c>
      <c r="B6589" t="s">
        <v>42</v>
      </c>
      <c r="C6589" t="s">
        <v>117</v>
      </c>
      <c r="D6589" t="s">
        <v>118</v>
      </c>
      <c r="E6589">
        <v>2011</v>
      </c>
      <c r="F6589">
        <v>2011</v>
      </c>
      <c r="G6589" t="s">
        <v>126</v>
      </c>
      <c r="H6589" t="s">
        <v>124</v>
      </c>
      <c r="I6589" t="s">
        <v>15</v>
      </c>
      <c r="J6589" s="10">
        <v>1.987912119</v>
      </c>
    </row>
    <row r="6590" spans="1:10" x14ac:dyDescent="0.35">
      <c r="A6590" t="s">
        <v>35</v>
      </c>
      <c r="B6590" t="s">
        <v>43</v>
      </c>
      <c r="C6590" t="s">
        <v>117</v>
      </c>
      <c r="D6590" t="s">
        <v>118</v>
      </c>
      <c r="E6590">
        <v>2020</v>
      </c>
      <c r="F6590">
        <v>2020</v>
      </c>
      <c r="G6590" t="s">
        <v>14</v>
      </c>
      <c r="H6590" t="s">
        <v>119</v>
      </c>
      <c r="I6590" t="s">
        <v>15</v>
      </c>
      <c r="J6590" s="10">
        <v>16.498822100000002</v>
      </c>
    </row>
    <row r="6591" spans="1:10" x14ac:dyDescent="0.35">
      <c r="A6591" t="s">
        <v>35</v>
      </c>
      <c r="B6591" t="s">
        <v>43</v>
      </c>
      <c r="C6591" t="s">
        <v>117</v>
      </c>
      <c r="D6591" t="s">
        <v>118</v>
      </c>
      <c r="E6591">
        <v>2020</v>
      </c>
      <c r="F6591">
        <v>2020</v>
      </c>
      <c r="G6591" t="s">
        <v>14</v>
      </c>
      <c r="H6591" t="s">
        <v>120</v>
      </c>
      <c r="I6591" t="s">
        <v>15</v>
      </c>
      <c r="J6591" s="10">
        <v>10.347582900000001</v>
      </c>
    </row>
    <row r="6592" spans="1:10" x14ac:dyDescent="0.35">
      <c r="A6592" t="s">
        <v>35</v>
      </c>
      <c r="B6592" t="s">
        <v>43</v>
      </c>
      <c r="C6592" t="s">
        <v>117</v>
      </c>
      <c r="D6592" t="s">
        <v>118</v>
      </c>
      <c r="E6592">
        <v>2020</v>
      </c>
      <c r="F6592">
        <v>2020</v>
      </c>
      <c r="G6592" t="s">
        <v>14</v>
      </c>
      <c r="H6592" t="s">
        <v>121</v>
      </c>
      <c r="I6592" t="s">
        <v>15</v>
      </c>
      <c r="J6592" s="10">
        <v>29.594831030000002</v>
      </c>
    </row>
    <row r="6593" spans="1:10" x14ac:dyDescent="0.35">
      <c r="A6593" t="s">
        <v>35</v>
      </c>
      <c r="B6593" t="s">
        <v>43</v>
      </c>
      <c r="C6593" t="s">
        <v>117</v>
      </c>
      <c r="D6593" t="s">
        <v>118</v>
      </c>
      <c r="E6593">
        <v>2020</v>
      </c>
      <c r="F6593">
        <v>2020</v>
      </c>
      <c r="G6593" t="s">
        <v>14</v>
      </c>
      <c r="H6593" t="s">
        <v>122</v>
      </c>
      <c r="I6593" t="s">
        <v>15</v>
      </c>
      <c r="J6593" s="10">
        <v>22.891151310000001</v>
      </c>
    </row>
    <row r="6594" spans="1:10" x14ac:dyDescent="0.35">
      <c r="A6594" t="s">
        <v>35</v>
      </c>
      <c r="B6594" t="s">
        <v>43</v>
      </c>
      <c r="C6594" t="s">
        <v>117</v>
      </c>
      <c r="D6594" t="s">
        <v>118</v>
      </c>
      <c r="E6594">
        <v>2020</v>
      </c>
      <c r="F6594">
        <v>2020</v>
      </c>
      <c r="G6594" t="s">
        <v>14</v>
      </c>
      <c r="H6594" t="s">
        <v>123</v>
      </c>
      <c r="I6594" t="s">
        <v>15</v>
      </c>
      <c r="J6594" s="10">
        <v>18.36830286</v>
      </c>
    </row>
    <row r="6595" spans="1:10" x14ac:dyDescent="0.35">
      <c r="A6595" t="s">
        <v>35</v>
      </c>
      <c r="B6595" t="s">
        <v>43</v>
      </c>
      <c r="C6595" t="s">
        <v>117</v>
      </c>
      <c r="D6595" t="s">
        <v>118</v>
      </c>
      <c r="E6595">
        <v>2020</v>
      </c>
      <c r="F6595">
        <v>2020</v>
      </c>
      <c r="G6595" t="s">
        <v>14</v>
      </c>
      <c r="H6595" t="s">
        <v>124</v>
      </c>
      <c r="I6595" t="s">
        <v>15</v>
      </c>
      <c r="J6595" s="10">
        <v>2.299309794</v>
      </c>
    </row>
    <row r="6596" spans="1:10" x14ac:dyDescent="0.35">
      <c r="A6596" t="s">
        <v>35</v>
      </c>
      <c r="B6596" t="s">
        <v>43</v>
      </c>
      <c r="C6596" t="s">
        <v>117</v>
      </c>
      <c r="D6596" t="s">
        <v>118</v>
      </c>
      <c r="E6596">
        <v>2020</v>
      </c>
      <c r="F6596">
        <v>2020</v>
      </c>
      <c r="G6596" t="s">
        <v>125</v>
      </c>
      <c r="H6596" t="s">
        <v>119</v>
      </c>
      <c r="I6596" t="s">
        <v>15</v>
      </c>
      <c r="J6596" s="10">
        <v>17.085329170000001</v>
      </c>
    </row>
    <row r="6597" spans="1:10" x14ac:dyDescent="0.35">
      <c r="A6597" t="s">
        <v>35</v>
      </c>
      <c r="B6597" t="s">
        <v>43</v>
      </c>
      <c r="C6597" t="s">
        <v>117</v>
      </c>
      <c r="D6597" t="s">
        <v>118</v>
      </c>
      <c r="E6597">
        <v>2020</v>
      </c>
      <c r="F6597">
        <v>2020</v>
      </c>
      <c r="G6597" t="s">
        <v>125</v>
      </c>
      <c r="H6597" t="s">
        <v>120</v>
      </c>
      <c r="I6597" t="s">
        <v>15</v>
      </c>
      <c r="J6597" s="10">
        <v>11.858081759999999</v>
      </c>
    </row>
    <row r="6598" spans="1:10" x14ac:dyDescent="0.35">
      <c r="A6598" t="s">
        <v>35</v>
      </c>
      <c r="B6598" t="s">
        <v>43</v>
      </c>
      <c r="C6598" t="s">
        <v>117</v>
      </c>
      <c r="D6598" t="s">
        <v>118</v>
      </c>
      <c r="E6598">
        <v>2020</v>
      </c>
      <c r="F6598">
        <v>2020</v>
      </c>
      <c r="G6598" t="s">
        <v>125</v>
      </c>
      <c r="H6598" t="s">
        <v>121</v>
      </c>
      <c r="I6598" t="s">
        <v>15</v>
      </c>
      <c r="J6598" s="10">
        <v>30.246741669999999</v>
      </c>
    </row>
    <row r="6599" spans="1:10" x14ac:dyDescent="0.35">
      <c r="A6599" t="s">
        <v>35</v>
      </c>
      <c r="B6599" t="s">
        <v>43</v>
      </c>
      <c r="C6599" t="s">
        <v>117</v>
      </c>
      <c r="D6599" t="s">
        <v>118</v>
      </c>
      <c r="E6599">
        <v>2020</v>
      </c>
      <c r="F6599">
        <v>2020</v>
      </c>
      <c r="G6599" t="s">
        <v>125</v>
      </c>
      <c r="H6599" t="s">
        <v>122</v>
      </c>
      <c r="I6599" t="s">
        <v>15</v>
      </c>
      <c r="J6599" s="10">
        <v>22.048011590000002</v>
      </c>
    </row>
    <row r="6600" spans="1:10" x14ac:dyDescent="0.35">
      <c r="A6600" t="s">
        <v>35</v>
      </c>
      <c r="B6600" t="s">
        <v>43</v>
      </c>
      <c r="C6600" t="s">
        <v>117</v>
      </c>
      <c r="D6600" t="s">
        <v>118</v>
      </c>
      <c r="E6600">
        <v>2020</v>
      </c>
      <c r="F6600">
        <v>2020</v>
      </c>
      <c r="G6600" t="s">
        <v>125</v>
      </c>
      <c r="H6600" t="s">
        <v>123</v>
      </c>
      <c r="I6600" t="s">
        <v>15</v>
      </c>
      <c r="J6600" s="10">
        <v>17.115963019999999</v>
      </c>
    </row>
    <row r="6601" spans="1:10" x14ac:dyDescent="0.35">
      <c r="A6601" t="s">
        <v>35</v>
      </c>
      <c r="B6601" t="s">
        <v>43</v>
      </c>
      <c r="C6601" t="s">
        <v>117</v>
      </c>
      <c r="D6601" t="s">
        <v>118</v>
      </c>
      <c r="E6601">
        <v>2020</v>
      </c>
      <c r="F6601">
        <v>2020</v>
      </c>
      <c r="G6601" t="s">
        <v>125</v>
      </c>
      <c r="H6601" t="s">
        <v>124</v>
      </c>
      <c r="I6601" t="s">
        <v>15</v>
      </c>
      <c r="J6601" s="10">
        <v>1.645872786</v>
      </c>
    </row>
    <row r="6602" spans="1:10" x14ac:dyDescent="0.35">
      <c r="A6602" t="s">
        <v>35</v>
      </c>
      <c r="B6602" t="s">
        <v>43</v>
      </c>
      <c r="C6602" t="s">
        <v>117</v>
      </c>
      <c r="D6602" t="s">
        <v>118</v>
      </c>
      <c r="E6602">
        <v>2020</v>
      </c>
      <c r="F6602">
        <v>2020</v>
      </c>
      <c r="G6602" t="s">
        <v>126</v>
      </c>
      <c r="H6602" t="s">
        <v>119</v>
      </c>
      <c r="I6602" t="s">
        <v>15</v>
      </c>
      <c r="J6602" s="10">
        <v>15.924643530000001</v>
      </c>
    </row>
    <row r="6603" spans="1:10" x14ac:dyDescent="0.35">
      <c r="A6603" t="s">
        <v>35</v>
      </c>
      <c r="B6603" t="s">
        <v>43</v>
      </c>
      <c r="C6603" t="s">
        <v>117</v>
      </c>
      <c r="D6603" t="s">
        <v>118</v>
      </c>
      <c r="E6603">
        <v>2020</v>
      </c>
      <c r="F6603">
        <v>2020</v>
      </c>
      <c r="G6603" t="s">
        <v>126</v>
      </c>
      <c r="H6603" t="s">
        <v>120</v>
      </c>
      <c r="I6603" t="s">
        <v>15</v>
      </c>
      <c r="J6603" s="10">
        <v>8.8688350279999995</v>
      </c>
    </row>
    <row r="6604" spans="1:10" x14ac:dyDescent="0.35">
      <c r="A6604" t="s">
        <v>35</v>
      </c>
      <c r="B6604" t="s">
        <v>43</v>
      </c>
      <c r="C6604" t="s">
        <v>117</v>
      </c>
      <c r="D6604" t="s">
        <v>118</v>
      </c>
      <c r="E6604">
        <v>2020</v>
      </c>
      <c r="F6604">
        <v>2020</v>
      </c>
      <c r="G6604" t="s">
        <v>126</v>
      </c>
      <c r="H6604" t="s">
        <v>121</v>
      </c>
      <c r="I6604" t="s">
        <v>15</v>
      </c>
      <c r="J6604" s="10">
        <v>28.95662368</v>
      </c>
    </row>
    <row r="6605" spans="1:10" x14ac:dyDescent="0.35">
      <c r="A6605" t="s">
        <v>35</v>
      </c>
      <c r="B6605" t="s">
        <v>43</v>
      </c>
      <c r="C6605" t="s">
        <v>117</v>
      </c>
      <c r="D6605" t="s">
        <v>118</v>
      </c>
      <c r="E6605">
        <v>2020</v>
      </c>
      <c r="F6605">
        <v>2020</v>
      </c>
      <c r="G6605" t="s">
        <v>126</v>
      </c>
      <c r="H6605" t="s">
        <v>122</v>
      </c>
      <c r="I6605" t="s">
        <v>15</v>
      </c>
      <c r="J6605" s="10">
        <v>23.71656806</v>
      </c>
    </row>
    <row r="6606" spans="1:10" x14ac:dyDescent="0.35">
      <c r="A6606" t="s">
        <v>35</v>
      </c>
      <c r="B6606" t="s">
        <v>43</v>
      </c>
      <c r="C6606" t="s">
        <v>117</v>
      </c>
      <c r="D6606" t="s">
        <v>118</v>
      </c>
      <c r="E6606">
        <v>2020</v>
      </c>
      <c r="F6606">
        <v>2020</v>
      </c>
      <c r="G6606" t="s">
        <v>126</v>
      </c>
      <c r="H6606" t="s">
        <v>123</v>
      </c>
      <c r="I6606" t="s">
        <v>15</v>
      </c>
      <c r="J6606" s="10">
        <v>19.594318269999999</v>
      </c>
    </row>
    <row r="6607" spans="1:10" x14ac:dyDescent="0.35">
      <c r="A6607" t="s">
        <v>35</v>
      </c>
      <c r="B6607" t="s">
        <v>43</v>
      </c>
      <c r="C6607" t="s">
        <v>117</v>
      </c>
      <c r="D6607" t="s">
        <v>118</v>
      </c>
      <c r="E6607">
        <v>2020</v>
      </c>
      <c r="F6607">
        <v>2020</v>
      </c>
      <c r="G6607" t="s">
        <v>126</v>
      </c>
      <c r="H6607" t="s">
        <v>124</v>
      </c>
      <c r="I6607" t="s">
        <v>15</v>
      </c>
      <c r="J6607" s="10">
        <v>2.9390114230000002</v>
      </c>
    </row>
    <row r="6608" spans="1:10" x14ac:dyDescent="0.35">
      <c r="A6608" t="s">
        <v>35</v>
      </c>
      <c r="B6608" t="s">
        <v>43</v>
      </c>
      <c r="C6608" t="s">
        <v>117</v>
      </c>
      <c r="D6608" t="s">
        <v>118</v>
      </c>
      <c r="E6608">
        <v>2019</v>
      </c>
      <c r="F6608">
        <v>2019</v>
      </c>
      <c r="G6608" t="s">
        <v>14</v>
      </c>
      <c r="H6608" t="s">
        <v>119</v>
      </c>
      <c r="I6608" t="s">
        <v>15</v>
      </c>
      <c r="J6608" s="10">
        <v>16.733226290000001</v>
      </c>
    </row>
    <row r="6609" spans="1:10" x14ac:dyDescent="0.35">
      <c r="A6609" t="s">
        <v>35</v>
      </c>
      <c r="B6609" t="s">
        <v>43</v>
      </c>
      <c r="C6609" t="s">
        <v>117</v>
      </c>
      <c r="D6609" t="s">
        <v>118</v>
      </c>
      <c r="E6609">
        <v>2019</v>
      </c>
      <c r="F6609">
        <v>2019</v>
      </c>
      <c r="G6609" t="s">
        <v>14</v>
      </c>
      <c r="H6609" t="s">
        <v>120</v>
      </c>
      <c r="I6609" t="s">
        <v>15</v>
      </c>
      <c r="J6609" s="10">
        <v>10.303704010000001</v>
      </c>
    </row>
    <row r="6610" spans="1:10" x14ac:dyDescent="0.35">
      <c r="A6610" t="s">
        <v>35</v>
      </c>
      <c r="B6610" t="s">
        <v>43</v>
      </c>
      <c r="C6610" t="s">
        <v>117</v>
      </c>
      <c r="D6610" t="s">
        <v>118</v>
      </c>
      <c r="E6610">
        <v>2019</v>
      </c>
      <c r="F6610">
        <v>2019</v>
      </c>
      <c r="G6610" t="s">
        <v>14</v>
      </c>
      <c r="H6610" t="s">
        <v>121</v>
      </c>
      <c r="I6610" t="s">
        <v>15</v>
      </c>
      <c r="J6610" s="10">
        <v>29.666378470000001</v>
      </c>
    </row>
    <row r="6611" spans="1:10" x14ac:dyDescent="0.35">
      <c r="A6611" t="s">
        <v>35</v>
      </c>
      <c r="B6611" t="s">
        <v>43</v>
      </c>
      <c r="C6611" t="s">
        <v>117</v>
      </c>
      <c r="D6611" t="s">
        <v>118</v>
      </c>
      <c r="E6611">
        <v>2019</v>
      </c>
      <c r="F6611">
        <v>2019</v>
      </c>
      <c r="G6611" t="s">
        <v>14</v>
      </c>
      <c r="H6611" t="s">
        <v>122</v>
      </c>
      <c r="I6611" t="s">
        <v>15</v>
      </c>
      <c r="J6611" s="10">
        <v>22.855339180000001</v>
      </c>
    </row>
    <row r="6612" spans="1:10" x14ac:dyDescent="0.35">
      <c r="A6612" t="s">
        <v>35</v>
      </c>
      <c r="B6612" t="s">
        <v>43</v>
      </c>
      <c r="C6612" t="s">
        <v>117</v>
      </c>
      <c r="D6612" t="s">
        <v>118</v>
      </c>
      <c r="E6612">
        <v>2019</v>
      </c>
      <c r="F6612">
        <v>2019</v>
      </c>
      <c r="G6612" t="s">
        <v>14</v>
      </c>
      <c r="H6612" t="s">
        <v>123</v>
      </c>
      <c r="I6612" t="s">
        <v>15</v>
      </c>
      <c r="J6612" s="10">
        <v>18.139898720000001</v>
      </c>
    </row>
    <row r="6613" spans="1:10" x14ac:dyDescent="0.35">
      <c r="A6613" t="s">
        <v>35</v>
      </c>
      <c r="B6613" t="s">
        <v>43</v>
      </c>
      <c r="C6613" t="s">
        <v>117</v>
      </c>
      <c r="D6613" t="s">
        <v>118</v>
      </c>
      <c r="E6613">
        <v>2019</v>
      </c>
      <c r="F6613">
        <v>2019</v>
      </c>
      <c r="G6613" t="s">
        <v>14</v>
      </c>
      <c r="H6613" t="s">
        <v>124</v>
      </c>
      <c r="I6613" t="s">
        <v>15</v>
      </c>
      <c r="J6613" s="10">
        <v>2.301453333</v>
      </c>
    </row>
    <row r="6614" spans="1:10" x14ac:dyDescent="0.35">
      <c r="A6614" t="s">
        <v>35</v>
      </c>
      <c r="B6614" t="s">
        <v>43</v>
      </c>
      <c r="C6614" t="s">
        <v>117</v>
      </c>
      <c r="D6614" t="s">
        <v>118</v>
      </c>
      <c r="E6614">
        <v>2019</v>
      </c>
      <c r="F6614">
        <v>2019</v>
      </c>
      <c r="G6614" t="s">
        <v>125</v>
      </c>
      <c r="H6614" t="s">
        <v>119</v>
      </c>
      <c r="I6614" t="s">
        <v>15</v>
      </c>
      <c r="J6614" s="10">
        <v>17.377887739999998</v>
      </c>
    </row>
    <row r="6615" spans="1:10" x14ac:dyDescent="0.35">
      <c r="A6615" t="s">
        <v>35</v>
      </c>
      <c r="B6615" t="s">
        <v>43</v>
      </c>
      <c r="C6615" t="s">
        <v>117</v>
      </c>
      <c r="D6615" t="s">
        <v>118</v>
      </c>
      <c r="E6615">
        <v>2019</v>
      </c>
      <c r="F6615">
        <v>2019</v>
      </c>
      <c r="G6615" t="s">
        <v>125</v>
      </c>
      <c r="H6615" t="s">
        <v>120</v>
      </c>
      <c r="I6615" t="s">
        <v>15</v>
      </c>
      <c r="J6615" s="10">
        <v>11.714992629999999</v>
      </c>
    </row>
    <row r="6616" spans="1:10" x14ac:dyDescent="0.35">
      <c r="A6616" t="s">
        <v>35</v>
      </c>
      <c r="B6616" t="s">
        <v>43</v>
      </c>
      <c r="C6616" t="s">
        <v>117</v>
      </c>
      <c r="D6616" t="s">
        <v>118</v>
      </c>
      <c r="E6616">
        <v>2019</v>
      </c>
      <c r="F6616">
        <v>2019</v>
      </c>
      <c r="G6616" t="s">
        <v>125</v>
      </c>
      <c r="H6616" t="s">
        <v>121</v>
      </c>
      <c r="I6616" t="s">
        <v>15</v>
      </c>
      <c r="J6616" s="10">
        <v>30.11870674</v>
      </c>
    </row>
    <row r="6617" spans="1:10" x14ac:dyDescent="0.35">
      <c r="A6617" t="s">
        <v>35</v>
      </c>
      <c r="B6617" t="s">
        <v>43</v>
      </c>
      <c r="C6617" t="s">
        <v>117</v>
      </c>
      <c r="D6617" t="s">
        <v>118</v>
      </c>
      <c r="E6617">
        <v>2019</v>
      </c>
      <c r="F6617">
        <v>2019</v>
      </c>
      <c r="G6617" t="s">
        <v>125</v>
      </c>
      <c r="H6617" t="s">
        <v>122</v>
      </c>
      <c r="I6617" t="s">
        <v>15</v>
      </c>
      <c r="J6617" s="10">
        <v>22.306858299999998</v>
      </c>
    </row>
    <row r="6618" spans="1:10" x14ac:dyDescent="0.35">
      <c r="A6618" t="s">
        <v>35</v>
      </c>
      <c r="B6618" t="s">
        <v>43</v>
      </c>
      <c r="C6618" t="s">
        <v>117</v>
      </c>
      <c r="D6618" t="s">
        <v>118</v>
      </c>
      <c r="E6618">
        <v>2019</v>
      </c>
      <c r="F6618">
        <v>2019</v>
      </c>
      <c r="G6618" t="s">
        <v>125</v>
      </c>
      <c r="H6618" t="s">
        <v>123</v>
      </c>
      <c r="I6618" t="s">
        <v>15</v>
      </c>
      <c r="J6618" s="10">
        <v>16.824664309999999</v>
      </c>
    </row>
    <row r="6619" spans="1:10" x14ac:dyDescent="0.35">
      <c r="A6619" t="s">
        <v>35</v>
      </c>
      <c r="B6619" t="s">
        <v>43</v>
      </c>
      <c r="C6619" t="s">
        <v>117</v>
      </c>
      <c r="D6619" t="s">
        <v>118</v>
      </c>
      <c r="E6619">
        <v>2019</v>
      </c>
      <c r="F6619">
        <v>2019</v>
      </c>
      <c r="G6619" t="s">
        <v>125</v>
      </c>
      <c r="H6619" t="s">
        <v>124</v>
      </c>
      <c r="I6619" t="s">
        <v>15</v>
      </c>
      <c r="J6619" s="10">
        <v>1.6568902729999999</v>
      </c>
    </row>
    <row r="6620" spans="1:10" x14ac:dyDescent="0.35">
      <c r="A6620" t="s">
        <v>35</v>
      </c>
      <c r="B6620" t="s">
        <v>43</v>
      </c>
      <c r="C6620" t="s">
        <v>117</v>
      </c>
      <c r="D6620" t="s">
        <v>118</v>
      </c>
      <c r="E6620">
        <v>2019</v>
      </c>
      <c r="F6620">
        <v>2019</v>
      </c>
      <c r="G6620" t="s">
        <v>126</v>
      </c>
      <c r="H6620" t="s">
        <v>119</v>
      </c>
      <c r="I6620" t="s">
        <v>15</v>
      </c>
      <c r="J6620" s="10">
        <v>16.104726800000002</v>
      </c>
    </row>
    <row r="6621" spans="1:10" x14ac:dyDescent="0.35">
      <c r="A6621" t="s">
        <v>35</v>
      </c>
      <c r="B6621" t="s">
        <v>43</v>
      </c>
      <c r="C6621" t="s">
        <v>117</v>
      </c>
      <c r="D6621" t="s">
        <v>118</v>
      </c>
      <c r="E6621">
        <v>2019</v>
      </c>
      <c r="F6621">
        <v>2019</v>
      </c>
      <c r="G6621" t="s">
        <v>126</v>
      </c>
      <c r="H6621" t="s">
        <v>120</v>
      </c>
      <c r="I6621" t="s">
        <v>15</v>
      </c>
      <c r="J6621" s="10">
        <v>8.9277970510000006</v>
      </c>
    </row>
    <row r="6622" spans="1:10" x14ac:dyDescent="0.35">
      <c r="A6622" t="s">
        <v>35</v>
      </c>
      <c r="B6622" t="s">
        <v>43</v>
      </c>
      <c r="C6622" t="s">
        <v>117</v>
      </c>
      <c r="D6622" t="s">
        <v>118</v>
      </c>
      <c r="E6622">
        <v>2019</v>
      </c>
      <c r="F6622">
        <v>2019</v>
      </c>
      <c r="G6622" t="s">
        <v>126</v>
      </c>
      <c r="H6622" t="s">
        <v>121</v>
      </c>
      <c r="I6622" t="s">
        <v>15</v>
      </c>
      <c r="J6622" s="10">
        <v>29.22539029</v>
      </c>
    </row>
    <row r="6623" spans="1:10" x14ac:dyDescent="0.35">
      <c r="A6623" t="s">
        <v>35</v>
      </c>
      <c r="B6623" t="s">
        <v>43</v>
      </c>
      <c r="C6623" t="s">
        <v>117</v>
      </c>
      <c r="D6623" t="s">
        <v>118</v>
      </c>
      <c r="E6623">
        <v>2019</v>
      </c>
      <c r="F6623">
        <v>2019</v>
      </c>
      <c r="G6623" t="s">
        <v>126</v>
      </c>
      <c r="H6623" t="s">
        <v>122</v>
      </c>
      <c r="I6623" t="s">
        <v>15</v>
      </c>
      <c r="J6623" s="10">
        <v>23.39006938</v>
      </c>
    </row>
    <row r="6624" spans="1:10" x14ac:dyDescent="0.35">
      <c r="A6624" t="s">
        <v>35</v>
      </c>
      <c r="B6624" t="s">
        <v>43</v>
      </c>
      <c r="C6624" t="s">
        <v>117</v>
      </c>
      <c r="D6624" t="s">
        <v>118</v>
      </c>
      <c r="E6624">
        <v>2019</v>
      </c>
      <c r="F6624">
        <v>2019</v>
      </c>
      <c r="G6624" t="s">
        <v>126</v>
      </c>
      <c r="H6624" t="s">
        <v>123</v>
      </c>
      <c r="I6624" t="s">
        <v>15</v>
      </c>
      <c r="J6624" s="10">
        <v>19.422159579999999</v>
      </c>
    </row>
    <row r="6625" spans="1:10" x14ac:dyDescent="0.35">
      <c r="A6625" t="s">
        <v>35</v>
      </c>
      <c r="B6625" t="s">
        <v>43</v>
      </c>
      <c r="C6625" t="s">
        <v>117</v>
      </c>
      <c r="D6625" t="s">
        <v>118</v>
      </c>
      <c r="E6625">
        <v>2019</v>
      </c>
      <c r="F6625">
        <v>2019</v>
      </c>
      <c r="G6625" t="s">
        <v>126</v>
      </c>
      <c r="H6625" t="s">
        <v>124</v>
      </c>
      <c r="I6625" t="s">
        <v>15</v>
      </c>
      <c r="J6625" s="10">
        <v>2.9298568949999999</v>
      </c>
    </row>
    <row r="6626" spans="1:10" x14ac:dyDescent="0.35">
      <c r="A6626" t="s">
        <v>35</v>
      </c>
      <c r="B6626" t="s">
        <v>43</v>
      </c>
      <c r="C6626" t="s">
        <v>117</v>
      </c>
      <c r="D6626" t="s">
        <v>118</v>
      </c>
      <c r="E6626">
        <v>2018</v>
      </c>
      <c r="F6626">
        <v>2018</v>
      </c>
      <c r="G6626" t="s">
        <v>14</v>
      </c>
      <c r="H6626" t="s">
        <v>119</v>
      </c>
      <c r="I6626" t="s">
        <v>15</v>
      </c>
      <c r="J6626" s="10">
        <v>16.792144919999998</v>
      </c>
    </row>
    <row r="6627" spans="1:10" x14ac:dyDescent="0.35">
      <c r="A6627" t="s">
        <v>35</v>
      </c>
      <c r="B6627" t="s">
        <v>43</v>
      </c>
      <c r="C6627" t="s">
        <v>117</v>
      </c>
      <c r="D6627" t="s">
        <v>118</v>
      </c>
      <c r="E6627">
        <v>2018</v>
      </c>
      <c r="F6627">
        <v>2018</v>
      </c>
      <c r="G6627" t="s">
        <v>14</v>
      </c>
      <c r="H6627" t="s">
        <v>120</v>
      </c>
      <c r="I6627" t="s">
        <v>15</v>
      </c>
      <c r="J6627" s="10">
        <v>10.493547810000001</v>
      </c>
    </row>
    <row r="6628" spans="1:10" x14ac:dyDescent="0.35">
      <c r="A6628" t="s">
        <v>35</v>
      </c>
      <c r="B6628" t="s">
        <v>43</v>
      </c>
      <c r="C6628" t="s">
        <v>117</v>
      </c>
      <c r="D6628" t="s">
        <v>118</v>
      </c>
      <c r="E6628">
        <v>2018</v>
      </c>
      <c r="F6628">
        <v>2018</v>
      </c>
      <c r="G6628" t="s">
        <v>14</v>
      </c>
      <c r="H6628" t="s">
        <v>121</v>
      </c>
      <c r="I6628" t="s">
        <v>15</v>
      </c>
      <c r="J6628" s="10">
        <v>30.01604476</v>
      </c>
    </row>
    <row r="6629" spans="1:10" x14ac:dyDescent="0.35">
      <c r="A6629" t="s">
        <v>35</v>
      </c>
      <c r="B6629" t="s">
        <v>43</v>
      </c>
      <c r="C6629" t="s">
        <v>117</v>
      </c>
      <c r="D6629" t="s">
        <v>118</v>
      </c>
      <c r="E6629">
        <v>2018</v>
      </c>
      <c r="F6629">
        <v>2018</v>
      </c>
      <c r="G6629" t="s">
        <v>14</v>
      </c>
      <c r="H6629" t="s">
        <v>122</v>
      </c>
      <c r="I6629" t="s">
        <v>15</v>
      </c>
      <c r="J6629" s="10">
        <v>22.82058666</v>
      </c>
    </row>
    <row r="6630" spans="1:10" x14ac:dyDescent="0.35">
      <c r="A6630" t="s">
        <v>35</v>
      </c>
      <c r="B6630" t="s">
        <v>43</v>
      </c>
      <c r="C6630" t="s">
        <v>117</v>
      </c>
      <c r="D6630" t="s">
        <v>118</v>
      </c>
      <c r="E6630">
        <v>2018</v>
      </c>
      <c r="F6630">
        <v>2018</v>
      </c>
      <c r="G6630" t="s">
        <v>14</v>
      </c>
      <c r="H6630" t="s">
        <v>123</v>
      </c>
      <c r="I6630" t="s">
        <v>15</v>
      </c>
      <c r="J6630" s="10">
        <v>17.701348029999998</v>
      </c>
    </row>
    <row r="6631" spans="1:10" x14ac:dyDescent="0.35">
      <c r="A6631" t="s">
        <v>35</v>
      </c>
      <c r="B6631" t="s">
        <v>43</v>
      </c>
      <c r="C6631" t="s">
        <v>117</v>
      </c>
      <c r="D6631" t="s">
        <v>118</v>
      </c>
      <c r="E6631">
        <v>2018</v>
      </c>
      <c r="F6631">
        <v>2018</v>
      </c>
      <c r="G6631" t="s">
        <v>14</v>
      </c>
      <c r="H6631" t="s">
        <v>124</v>
      </c>
      <c r="I6631" t="s">
        <v>15</v>
      </c>
      <c r="J6631" s="10">
        <v>2.1763278069999998</v>
      </c>
    </row>
    <row r="6632" spans="1:10" x14ac:dyDescent="0.35">
      <c r="A6632" t="s">
        <v>35</v>
      </c>
      <c r="B6632" t="s">
        <v>43</v>
      </c>
      <c r="C6632" t="s">
        <v>117</v>
      </c>
      <c r="D6632" t="s">
        <v>118</v>
      </c>
      <c r="E6632">
        <v>2018</v>
      </c>
      <c r="F6632">
        <v>2018</v>
      </c>
      <c r="G6632" t="s">
        <v>125</v>
      </c>
      <c r="H6632" t="s">
        <v>119</v>
      </c>
      <c r="I6632" t="s">
        <v>15</v>
      </c>
      <c r="J6632" s="10">
        <v>17.442442440000001</v>
      </c>
    </row>
    <row r="6633" spans="1:10" x14ac:dyDescent="0.35">
      <c r="A6633" t="s">
        <v>35</v>
      </c>
      <c r="B6633" t="s">
        <v>43</v>
      </c>
      <c r="C6633" t="s">
        <v>117</v>
      </c>
      <c r="D6633" t="s">
        <v>118</v>
      </c>
      <c r="E6633">
        <v>2018</v>
      </c>
      <c r="F6633">
        <v>2018</v>
      </c>
      <c r="G6633" t="s">
        <v>125</v>
      </c>
      <c r="H6633" t="s">
        <v>120</v>
      </c>
      <c r="I6633" t="s">
        <v>15</v>
      </c>
      <c r="J6633" s="10">
        <v>11.88132577</v>
      </c>
    </row>
    <row r="6634" spans="1:10" x14ac:dyDescent="0.35">
      <c r="A6634" t="s">
        <v>35</v>
      </c>
      <c r="B6634" t="s">
        <v>43</v>
      </c>
      <c r="C6634" t="s">
        <v>117</v>
      </c>
      <c r="D6634" t="s">
        <v>118</v>
      </c>
      <c r="E6634">
        <v>2018</v>
      </c>
      <c r="F6634">
        <v>2018</v>
      </c>
      <c r="G6634" t="s">
        <v>125</v>
      </c>
      <c r="H6634" t="s">
        <v>121</v>
      </c>
      <c r="I6634" t="s">
        <v>15</v>
      </c>
      <c r="J6634" s="10">
        <v>30.424869309999998</v>
      </c>
    </row>
    <row r="6635" spans="1:10" x14ac:dyDescent="0.35">
      <c r="A6635" t="s">
        <v>35</v>
      </c>
      <c r="B6635" t="s">
        <v>43</v>
      </c>
      <c r="C6635" t="s">
        <v>117</v>
      </c>
      <c r="D6635" t="s">
        <v>118</v>
      </c>
      <c r="E6635">
        <v>2018</v>
      </c>
      <c r="F6635">
        <v>2018</v>
      </c>
      <c r="G6635" t="s">
        <v>125</v>
      </c>
      <c r="H6635" t="s">
        <v>122</v>
      </c>
      <c r="I6635" t="s">
        <v>15</v>
      </c>
      <c r="J6635" s="10">
        <v>22.380714050000002</v>
      </c>
    </row>
    <row r="6636" spans="1:10" x14ac:dyDescent="0.35">
      <c r="A6636" t="s">
        <v>35</v>
      </c>
      <c r="B6636" t="s">
        <v>43</v>
      </c>
      <c r="C6636" t="s">
        <v>117</v>
      </c>
      <c r="D6636" t="s">
        <v>118</v>
      </c>
      <c r="E6636">
        <v>2018</v>
      </c>
      <c r="F6636">
        <v>2018</v>
      </c>
      <c r="G6636" t="s">
        <v>125</v>
      </c>
      <c r="H6636" t="s">
        <v>123</v>
      </c>
      <c r="I6636" t="s">
        <v>15</v>
      </c>
      <c r="J6636" s="10">
        <v>16.36358581</v>
      </c>
    </row>
    <row r="6637" spans="1:10" x14ac:dyDescent="0.35">
      <c r="A6637" t="s">
        <v>35</v>
      </c>
      <c r="B6637" t="s">
        <v>43</v>
      </c>
      <c r="C6637" t="s">
        <v>117</v>
      </c>
      <c r="D6637" t="s">
        <v>118</v>
      </c>
      <c r="E6637">
        <v>2018</v>
      </c>
      <c r="F6637">
        <v>2018</v>
      </c>
      <c r="G6637" t="s">
        <v>125</v>
      </c>
      <c r="H6637" t="s">
        <v>124</v>
      </c>
      <c r="I6637" t="s">
        <v>15</v>
      </c>
      <c r="J6637" s="10">
        <v>1.507062618</v>
      </c>
    </row>
    <row r="6638" spans="1:10" x14ac:dyDescent="0.35">
      <c r="A6638" t="s">
        <v>35</v>
      </c>
      <c r="B6638" t="s">
        <v>43</v>
      </c>
      <c r="C6638" t="s">
        <v>117</v>
      </c>
      <c r="D6638" t="s">
        <v>118</v>
      </c>
      <c r="E6638">
        <v>2018</v>
      </c>
      <c r="F6638">
        <v>2018</v>
      </c>
      <c r="G6638" t="s">
        <v>126</v>
      </c>
      <c r="H6638" t="s">
        <v>119</v>
      </c>
      <c r="I6638" t="s">
        <v>15</v>
      </c>
      <c r="J6638" s="10">
        <v>16.15932029</v>
      </c>
    </row>
    <row r="6639" spans="1:10" x14ac:dyDescent="0.35">
      <c r="A6639" t="s">
        <v>35</v>
      </c>
      <c r="B6639" t="s">
        <v>43</v>
      </c>
      <c r="C6639" t="s">
        <v>117</v>
      </c>
      <c r="D6639" t="s">
        <v>118</v>
      </c>
      <c r="E6639">
        <v>2018</v>
      </c>
      <c r="F6639">
        <v>2018</v>
      </c>
      <c r="G6639" t="s">
        <v>126</v>
      </c>
      <c r="H6639" t="s">
        <v>120</v>
      </c>
      <c r="I6639" t="s">
        <v>15</v>
      </c>
      <c r="J6639" s="10">
        <v>9.1430581489999998</v>
      </c>
    </row>
    <row r="6640" spans="1:10" x14ac:dyDescent="0.35">
      <c r="A6640" t="s">
        <v>35</v>
      </c>
      <c r="B6640" t="s">
        <v>43</v>
      </c>
      <c r="C6640" t="s">
        <v>117</v>
      </c>
      <c r="D6640" t="s">
        <v>118</v>
      </c>
      <c r="E6640">
        <v>2018</v>
      </c>
      <c r="F6640">
        <v>2018</v>
      </c>
      <c r="G6640" t="s">
        <v>126</v>
      </c>
      <c r="H6640" t="s">
        <v>121</v>
      </c>
      <c r="I6640" t="s">
        <v>15</v>
      </c>
      <c r="J6640" s="10">
        <v>29.618204939999998</v>
      </c>
    </row>
    <row r="6641" spans="1:10" x14ac:dyDescent="0.35">
      <c r="A6641" t="s">
        <v>35</v>
      </c>
      <c r="B6641" t="s">
        <v>43</v>
      </c>
      <c r="C6641" t="s">
        <v>117</v>
      </c>
      <c r="D6641" t="s">
        <v>118</v>
      </c>
      <c r="E6641">
        <v>2018</v>
      </c>
      <c r="F6641">
        <v>2018</v>
      </c>
      <c r="G6641" t="s">
        <v>126</v>
      </c>
      <c r="H6641" t="s">
        <v>122</v>
      </c>
      <c r="I6641" t="s">
        <v>15</v>
      </c>
      <c r="J6641" s="10">
        <v>23.248640309999999</v>
      </c>
    </row>
    <row r="6642" spans="1:10" x14ac:dyDescent="0.35">
      <c r="A6642" t="s">
        <v>35</v>
      </c>
      <c r="B6642" t="s">
        <v>43</v>
      </c>
      <c r="C6642" t="s">
        <v>117</v>
      </c>
      <c r="D6642" t="s">
        <v>118</v>
      </c>
      <c r="E6642">
        <v>2018</v>
      </c>
      <c r="F6642">
        <v>2018</v>
      </c>
      <c r="G6642" t="s">
        <v>126</v>
      </c>
      <c r="H6642" t="s">
        <v>123</v>
      </c>
      <c r="I6642" t="s">
        <v>15</v>
      </c>
      <c r="J6642" s="10">
        <v>19.003165840000001</v>
      </c>
    </row>
    <row r="6643" spans="1:10" x14ac:dyDescent="0.35">
      <c r="A6643" t="s">
        <v>35</v>
      </c>
      <c r="B6643" t="s">
        <v>43</v>
      </c>
      <c r="C6643" t="s">
        <v>117</v>
      </c>
      <c r="D6643" t="s">
        <v>118</v>
      </c>
      <c r="E6643">
        <v>2018</v>
      </c>
      <c r="F6643">
        <v>2018</v>
      </c>
      <c r="G6643" t="s">
        <v>126</v>
      </c>
      <c r="H6643" t="s">
        <v>124</v>
      </c>
      <c r="I6643" t="s">
        <v>15</v>
      </c>
      <c r="J6643" s="10">
        <v>2.8276104659999999</v>
      </c>
    </row>
    <row r="6644" spans="1:10" x14ac:dyDescent="0.35">
      <c r="A6644" t="s">
        <v>35</v>
      </c>
      <c r="B6644" t="s">
        <v>43</v>
      </c>
      <c r="C6644" t="s">
        <v>117</v>
      </c>
      <c r="D6644" t="s">
        <v>118</v>
      </c>
      <c r="E6644">
        <v>2017</v>
      </c>
      <c r="F6644">
        <v>2017</v>
      </c>
      <c r="G6644" t="s">
        <v>14</v>
      </c>
      <c r="H6644" t="s">
        <v>119</v>
      </c>
      <c r="I6644" t="s">
        <v>15</v>
      </c>
      <c r="J6644" s="10">
        <v>16.82561308</v>
      </c>
    </row>
    <row r="6645" spans="1:10" x14ac:dyDescent="0.35">
      <c r="A6645" t="s">
        <v>35</v>
      </c>
      <c r="B6645" t="s">
        <v>43</v>
      </c>
      <c r="C6645" t="s">
        <v>117</v>
      </c>
      <c r="D6645" t="s">
        <v>118</v>
      </c>
      <c r="E6645">
        <v>2017</v>
      </c>
      <c r="F6645">
        <v>2017</v>
      </c>
      <c r="G6645" t="s">
        <v>14</v>
      </c>
      <c r="H6645" t="s">
        <v>120</v>
      </c>
      <c r="I6645" t="s">
        <v>15</v>
      </c>
      <c r="J6645" s="10">
        <v>10.717983650000001</v>
      </c>
    </row>
    <row r="6646" spans="1:10" x14ac:dyDescent="0.35">
      <c r="A6646" t="s">
        <v>35</v>
      </c>
      <c r="B6646" t="s">
        <v>43</v>
      </c>
      <c r="C6646" t="s">
        <v>117</v>
      </c>
      <c r="D6646" t="s">
        <v>118</v>
      </c>
      <c r="E6646">
        <v>2017</v>
      </c>
      <c r="F6646">
        <v>2017</v>
      </c>
      <c r="G6646" t="s">
        <v>14</v>
      </c>
      <c r="H6646" t="s">
        <v>121</v>
      </c>
      <c r="I6646" t="s">
        <v>15</v>
      </c>
      <c r="J6646" s="10">
        <v>30.48501362</v>
      </c>
    </row>
    <row r="6647" spans="1:10" x14ac:dyDescent="0.35">
      <c r="A6647" t="s">
        <v>35</v>
      </c>
      <c r="B6647" t="s">
        <v>43</v>
      </c>
      <c r="C6647" t="s">
        <v>117</v>
      </c>
      <c r="D6647" t="s">
        <v>118</v>
      </c>
      <c r="E6647">
        <v>2017</v>
      </c>
      <c r="F6647">
        <v>2017</v>
      </c>
      <c r="G6647" t="s">
        <v>14</v>
      </c>
      <c r="H6647" t="s">
        <v>122</v>
      </c>
      <c r="I6647" t="s">
        <v>15</v>
      </c>
      <c r="J6647" s="10">
        <v>22.513623979999998</v>
      </c>
    </row>
    <row r="6648" spans="1:10" x14ac:dyDescent="0.35">
      <c r="A6648" t="s">
        <v>35</v>
      </c>
      <c r="B6648" t="s">
        <v>43</v>
      </c>
      <c r="C6648" t="s">
        <v>117</v>
      </c>
      <c r="D6648" t="s">
        <v>118</v>
      </c>
      <c r="E6648">
        <v>2017</v>
      </c>
      <c r="F6648">
        <v>2017</v>
      </c>
      <c r="G6648" t="s">
        <v>14</v>
      </c>
      <c r="H6648" t="s">
        <v>123</v>
      </c>
      <c r="I6648" t="s">
        <v>15</v>
      </c>
      <c r="J6648" s="10">
        <v>17.322888280000001</v>
      </c>
    </row>
    <row r="6649" spans="1:10" x14ac:dyDescent="0.35">
      <c r="A6649" t="s">
        <v>35</v>
      </c>
      <c r="B6649" t="s">
        <v>43</v>
      </c>
      <c r="C6649" t="s">
        <v>117</v>
      </c>
      <c r="D6649" t="s">
        <v>118</v>
      </c>
      <c r="E6649">
        <v>2017</v>
      </c>
      <c r="F6649">
        <v>2017</v>
      </c>
      <c r="G6649" t="s">
        <v>14</v>
      </c>
      <c r="H6649" t="s">
        <v>124</v>
      </c>
      <c r="I6649" t="s">
        <v>15</v>
      </c>
      <c r="J6649" s="10">
        <v>2.1348773840000002</v>
      </c>
    </row>
    <row r="6650" spans="1:10" x14ac:dyDescent="0.35">
      <c r="A6650" t="s">
        <v>35</v>
      </c>
      <c r="B6650" t="s">
        <v>43</v>
      </c>
      <c r="C6650" t="s">
        <v>117</v>
      </c>
      <c r="D6650" t="s">
        <v>118</v>
      </c>
      <c r="E6650">
        <v>2017</v>
      </c>
      <c r="F6650">
        <v>2017</v>
      </c>
      <c r="G6650" t="s">
        <v>125</v>
      </c>
      <c r="H6650" t="s">
        <v>119</v>
      </c>
      <c r="I6650" t="s">
        <v>15</v>
      </c>
      <c r="J6650" s="10">
        <v>17.304405360000001</v>
      </c>
    </row>
    <row r="6651" spans="1:10" x14ac:dyDescent="0.35">
      <c r="A6651" t="s">
        <v>35</v>
      </c>
      <c r="B6651" t="s">
        <v>43</v>
      </c>
      <c r="C6651" t="s">
        <v>117</v>
      </c>
      <c r="D6651" t="s">
        <v>118</v>
      </c>
      <c r="E6651">
        <v>2017</v>
      </c>
      <c r="F6651">
        <v>2017</v>
      </c>
      <c r="G6651" t="s">
        <v>125</v>
      </c>
      <c r="H6651" t="s">
        <v>120</v>
      </c>
      <c r="I6651" t="s">
        <v>15</v>
      </c>
      <c r="J6651" s="10">
        <v>12.151954569999999</v>
      </c>
    </row>
    <row r="6652" spans="1:10" x14ac:dyDescent="0.35">
      <c r="A6652" t="s">
        <v>35</v>
      </c>
      <c r="B6652" t="s">
        <v>43</v>
      </c>
      <c r="C6652" t="s">
        <v>117</v>
      </c>
      <c r="D6652" t="s">
        <v>118</v>
      </c>
      <c r="E6652">
        <v>2017</v>
      </c>
      <c r="F6652">
        <v>2017</v>
      </c>
      <c r="G6652" t="s">
        <v>125</v>
      </c>
      <c r="H6652" t="s">
        <v>121</v>
      </c>
      <c r="I6652" t="s">
        <v>15</v>
      </c>
      <c r="J6652" s="10">
        <v>31.041517339999999</v>
      </c>
    </row>
    <row r="6653" spans="1:10" x14ac:dyDescent="0.35">
      <c r="A6653" t="s">
        <v>35</v>
      </c>
      <c r="B6653" t="s">
        <v>43</v>
      </c>
      <c r="C6653" t="s">
        <v>117</v>
      </c>
      <c r="D6653" t="s">
        <v>118</v>
      </c>
      <c r="E6653">
        <v>2017</v>
      </c>
      <c r="F6653">
        <v>2017</v>
      </c>
      <c r="G6653" t="s">
        <v>125</v>
      </c>
      <c r="H6653" t="s">
        <v>122</v>
      </c>
      <c r="I6653" t="s">
        <v>15</v>
      </c>
      <c r="J6653" s="10">
        <v>22.06539119</v>
      </c>
    </row>
    <row r="6654" spans="1:10" x14ac:dyDescent="0.35">
      <c r="A6654" t="s">
        <v>35</v>
      </c>
      <c r="B6654" t="s">
        <v>43</v>
      </c>
      <c r="C6654" t="s">
        <v>117</v>
      </c>
      <c r="D6654" t="s">
        <v>118</v>
      </c>
      <c r="E6654">
        <v>2017</v>
      </c>
      <c r="F6654">
        <v>2017</v>
      </c>
      <c r="G6654" t="s">
        <v>125</v>
      </c>
      <c r="H6654" t="s">
        <v>123</v>
      </c>
      <c r="I6654" t="s">
        <v>15</v>
      </c>
      <c r="J6654" s="10">
        <v>16.028009040000001</v>
      </c>
    </row>
    <row r="6655" spans="1:10" x14ac:dyDescent="0.35">
      <c r="A6655" t="s">
        <v>35</v>
      </c>
      <c r="B6655" t="s">
        <v>43</v>
      </c>
      <c r="C6655" t="s">
        <v>117</v>
      </c>
      <c r="D6655" t="s">
        <v>118</v>
      </c>
      <c r="E6655">
        <v>2017</v>
      </c>
      <c r="F6655">
        <v>2017</v>
      </c>
      <c r="G6655" t="s">
        <v>125</v>
      </c>
      <c r="H6655" t="s">
        <v>124</v>
      </c>
      <c r="I6655" t="s">
        <v>15</v>
      </c>
      <c r="J6655" s="10">
        <v>1.408722501</v>
      </c>
    </row>
    <row r="6656" spans="1:10" x14ac:dyDescent="0.35">
      <c r="A6656" t="s">
        <v>35</v>
      </c>
      <c r="B6656" t="s">
        <v>43</v>
      </c>
      <c r="C6656" t="s">
        <v>117</v>
      </c>
      <c r="D6656" t="s">
        <v>118</v>
      </c>
      <c r="E6656">
        <v>2017</v>
      </c>
      <c r="F6656">
        <v>2017</v>
      </c>
      <c r="G6656" t="s">
        <v>126</v>
      </c>
      <c r="H6656" t="s">
        <v>119</v>
      </c>
      <c r="I6656" t="s">
        <v>15</v>
      </c>
      <c r="J6656" s="10">
        <v>16.357808540000001</v>
      </c>
    </row>
    <row r="6657" spans="1:10" x14ac:dyDescent="0.35">
      <c r="A6657" t="s">
        <v>35</v>
      </c>
      <c r="B6657" t="s">
        <v>43</v>
      </c>
      <c r="C6657" t="s">
        <v>117</v>
      </c>
      <c r="D6657" t="s">
        <v>118</v>
      </c>
      <c r="E6657">
        <v>2017</v>
      </c>
      <c r="F6657">
        <v>2017</v>
      </c>
      <c r="G6657" t="s">
        <v>126</v>
      </c>
      <c r="H6657" t="s">
        <v>120</v>
      </c>
      <c r="I6657" t="s">
        <v>15</v>
      </c>
      <c r="J6657" s="10">
        <v>9.316920756</v>
      </c>
    </row>
    <row r="6658" spans="1:10" x14ac:dyDescent="0.35">
      <c r="A6658" t="s">
        <v>35</v>
      </c>
      <c r="B6658" t="s">
        <v>43</v>
      </c>
      <c r="C6658" t="s">
        <v>117</v>
      </c>
      <c r="D6658" t="s">
        <v>118</v>
      </c>
      <c r="E6658">
        <v>2017</v>
      </c>
      <c r="F6658">
        <v>2017</v>
      </c>
      <c r="G6658" t="s">
        <v>126</v>
      </c>
      <c r="H6658" t="s">
        <v>121</v>
      </c>
      <c r="I6658" t="s">
        <v>15</v>
      </c>
      <c r="J6658" s="10">
        <v>29.94128104</v>
      </c>
    </row>
    <row r="6659" spans="1:10" x14ac:dyDescent="0.35">
      <c r="A6659" t="s">
        <v>35</v>
      </c>
      <c r="B6659" t="s">
        <v>43</v>
      </c>
      <c r="C6659" t="s">
        <v>117</v>
      </c>
      <c r="D6659" t="s">
        <v>118</v>
      </c>
      <c r="E6659">
        <v>2017</v>
      </c>
      <c r="F6659">
        <v>2017</v>
      </c>
      <c r="G6659" t="s">
        <v>126</v>
      </c>
      <c r="H6659" t="s">
        <v>122</v>
      </c>
      <c r="I6659" t="s">
        <v>15</v>
      </c>
      <c r="J6659" s="10">
        <v>22.951570329999999</v>
      </c>
    </row>
    <row r="6660" spans="1:10" x14ac:dyDescent="0.35">
      <c r="A6660" t="s">
        <v>35</v>
      </c>
      <c r="B6660" t="s">
        <v>43</v>
      </c>
      <c r="C6660" t="s">
        <v>117</v>
      </c>
      <c r="D6660" t="s">
        <v>118</v>
      </c>
      <c r="E6660">
        <v>2017</v>
      </c>
      <c r="F6660">
        <v>2017</v>
      </c>
      <c r="G6660" t="s">
        <v>126</v>
      </c>
      <c r="H6660" t="s">
        <v>123</v>
      </c>
      <c r="I6660" t="s">
        <v>15</v>
      </c>
      <c r="J6660" s="10">
        <v>18.588051499999999</v>
      </c>
    </row>
    <row r="6661" spans="1:10" x14ac:dyDescent="0.35">
      <c r="A6661" t="s">
        <v>35</v>
      </c>
      <c r="B6661" t="s">
        <v>43</v>
      </c>
      <c r="C6661" t="s">
        <v>117</v>
      </c>
      <c r="D6661" t="s">
        <v>118</v>
      </c>
      <c r="E6661">
        <v>2017</v>
      </c>
      <c r="F6661">
        <v>2017</v>
      </c>
      <c r="G6661" t="s">
        <v>126</v>
      </c>
      <c r="H6661" t="s">
        <v>124</v>
      </c>
      <c r="I6661" t="s">
        <v>15</v>
      </c>
      <c r="J6661" s="10">
        <v>2.8443678280000002</v>
      </c>
    </row>
    <row r="6662" spans="1:10" x14ac:dyDescent="0.35">
      <c r="A6662" t="s">
        <v>35</v>
      </c>
      <c r="B6662" t="s">
        <v>43</v>
      </c>
      <c r="C6662" t="s">
        <v>117</v>
      </c>
      <c r="D6662" t="s">
        <v>118</v>
      </c>
      <c r="E6662">
        <v>2016</v>
      </c>
      <c r="F6662">
        <v>2016</v>
      </c>
      <c r="G6662" t="s">
        <v>14</v>
      </c>
      <c r="H6662" t="s">
        <v>119</v>
      </c>
      <c r="I6662" t="s">
        <v>15</v>
      </c>
      <c r="J6662" s="10">
        <v>16.761780529999999</v>
      </c>
    </row>
    <row r="6663" spans="1:10" x14ac:dyDescent="0.35">
      <c r="A6663" t="s">
        <v>35</v>
      </c>
      <c r="B6663" t="s">
        <v>43</v>
      </c>
      <c r="C6663" t="s">
        <v>117</v>
      </c>
      <c r="D6663" t="s">
        <v>118</v>
      </c>
      <c r="E6663">
        <v>2016</v>
      </c>
      <c r="F6663">
        <v>2016</v>
      </c>
      <c r="G6663" t="s">
        <v>14</v>
      </c>
      <c r="H6663" t="s">
        <v>120</v>
      </c>
      <c r="I6663" t="s">
        <v>15</v>
      </c>
      <c r="J6663" s="10">
        <v>11.0209794</v>
      </c>
    </row>
    <row r="6664" spans="1:10" x14ac:dyDescent="0.35">
      <c r="A6664" t="s">
        <v>35</v>
      </c>
      <c r="B6664" t="s">
        <v>43</v>
      </c>
      <c r="C6664" t="s">
        <v>117</v>
      </c>
      <c r="D6664" t="s">
        <v>118</v>
      </c>
      <c r="E6664">
        <v>2016</v>
      </c>
      <c r="F6664">
        <v>2016</v>
      </c>
      <c r="G6664" t="s">
        <v>14</v>
      </c>
      <c r="H6664" t="s">
        <v>121</v>
      </c>
      <c r="I6664" t="s">
        <v>15</v>
      </c>
      <c r="J6664" s="10">
        <v>30.823686070000001</v>
      </c>
    </row>
    <row r="6665" spans="1:10" x14ac:dyDescent="0.35">
      <c r="A6665" t="s">
        <v>35</v>
      </c>
      <c r="B6665" t="s">
        <v>43</v>
      </c>
      <c r="C6665" t="s">
        <v>117</v>
      </c>
      <c r="D6665" t="s">
        <v>118</v>
      </c>
      <c r="E6665">
        <v>2016</v>
      </c>
      <c r="F6665">
        <v>2016</v>
      </c>
      <c r="G6665" t="s">
        <v>14</v>
      </c>
      <c r="H6665" t="s">
        <v>122</v>
      </c>
      <c r="I6665" t="s">
        <v>15</v>
      </c>
      <c r="J6665" s="10">
        <v>22.283819770000001</v>
      </c>
    </row>
    <row r="6666" spans="1:10" x14ac:dyDescent="0.35">
      <c r="A6666" t="s">
        <v>35</v>
      </c>
      <c r="B6666" t="s">
        <v>43</v>
      </c>
      <c r="C6666" t="s">
        <v>117</v>
      </c>
      <c r="D6666" t="s">
        <v>118</v>
      </c>
      <c r="E6666">
        <v>2016</v>
      </c>
      <c r="F6666">
        <v>2016</v>
      </c>
      <c r="G6666" t="s">
        <v>14</v>
      </c>
      <c r="H6666" t="s">
        <v>123</v>
      </c>
      <c r="I6666" t="s">
        <v>15</v>
      </c>
      <c r="J6666" s="10">
        <v>17.04168705</v>
      </c>
    </row>
    <row r="6667" spans="1:10" x14ac:dyDescent="0.35">
      <c r="A6667" t="s">
        <v>35</v>
      </c>
      <c r="B6667" t="s">
        <v>43</v>
      </c>
      <c r="C6667" t="s">
        <v>117</v>
      </c>
      <c r="D6667" t="s">
        <v>118</v>
      </c>
      <c r="E6667">
        <v>2016</v>
      </c>
      <c r="F6667">
        <v>2016</v>
      </c>
      <c r="G6667" t="s">
        <v>14</v>
      </c>
      <c r="H6667" t="s">
        <v>124</v>
      </c>
      <c r="I6667" t="s">
        <v>15</v>
      </c>
      <c r="J6667" s="10">
        <v>2.0680471759999999</v>
      </c>
    </row>
    <row r="6668" spans="1:10" x14ac:dyDescent="0.35">
      <c r="A6668" t="s">
        <v>35</v>
      </c>
      <c r="B6668" t="s">
        <v>43</v>
      </c>
      <c r="C6668" t="s">
        <v>117</v>
      </c>
      <c r="D6668" t="s">
        <v>118</v>
      </c>
      <c r="E6668">
        <v>2016</v>
      </c>
      <c r="F6668">
        <v>2016</v>
      </c>
      <c r="G6668" t="s">
        <v>125</v>
      </c>
      <c r="H6668" t="s">
        <v>119</v>
      </c>
      <c r="I6668" t="s">
        <v>15</v>
      </c>
      <c r="J6668" s="10">
        <v>17.105805419999999</v>
      </c>
    </row>
    <row r="6669" spans="1:10" x14ac:dyDescent="0.35">
      <c r="A6669" t="s">
        <v>35</v>
      </c>
      <c r="B6669" t="s">
        <v>43</v>
      </c>
      <c r="C6669" t="s">
        <v>117</v>
      </c>
      <c r="D6669" t="s">
        <v>118</v>
      </c>
      <c r="E6669">
        <v>2016</v>
      </c>
      <c r="F6669">
        <v>2016</v>
      </c>
      <c r="G6669" t="s">
        <v>125</v>
      </c>
      <c r="H6669" t="s">
        <v>120</v>
      </c>
      <c r="I6669" t="s">
        <v>15</v>
      </c>
      <c r="J6669" s="10">
        <v>12.55048493</v>
      </c>
    </row>
    <row r="6670" spans="1:10" x14ac:dyDescent="0.35">
      <c r="A6670" t="s">
        <v>35</v>
      </c>
      <c r="B6670" t="s">
        <v>43</v>
      </c>
      <c r="C6670" t="s">
        <v>117</v>
      </c>
      <c r="D6670" t="s">
        <v>118</v>
      </c>
      <c r="E6670">
        <v>2016</v>
      </c>
      <c r="F6670">
        <v>2016</v>
      </c>
      <c r="G6670" t="s">
        <v>125</v>
      </c>
      <c r="H6670" t="s">
        <v>121</v>
      </c>
      <c r="I6670" t="s">
        <v>15</v>
      </c>
      <c r="J6670" s="10">
        <v>31.4723741</v>
      </c>
    </row>
    <row r="6671" spans="1:10" x14ac:dyDescent="0.35">
      <c r="A6671" t="s">
        <v>35</v>
      </c>
      <c r="B6671" t="s">
        <v>43</v>
      </c>
      <c r="C6671" t="s">
        <v>117</v>
      </c>
      <c r="D6671" t="s">
        <v>118</v>
      </c>
      <c r="E6671">
        <v>2016</v>
      </c>
      <c r="F6671">
        <v>2016</v>
      </c>
      <c r="G6671" t="s">
        <v>125</v>
      </c>
      <c r="H6671" t="s">
        <v>122</v>
      </c>
      <c r="I6671" t="s">
        <v>15</v>
      </c>
      <c r="J6671" s="10">
        <v>21.90015661</v>
      </c>
    </row>
    <row r="6672" spans="1:10" x14ac:dyDescent="0.35">
      <c r="A6672" t="s">
        <v>35</v>
      </c>
      <c r="B6672" t="s">
        <v>43</v>
      </c>
      <c r="C6672" t="s">
        <v>117</v>
      </c>
      <c r="D6672" t="s">
        <v>118</v>
      </c>
      <c r="E6672">
        <v>2016</v>
      </c>
      <c r="F6672">
        <v>2016</v>
      </c>
      <c r="G6672" t="s">
        <v>125</v>
      </c>
      <c r="H6672" t="s">
        <v>123</v>
      </c>
      <c r="I6672" t="s">
        <v>15</v>
      </c>
      <c r="J6672" s="10">
        <v>15.655136410000001</v>
      </c>
    </row>
    <row r="6673" spans="1:10" x14ac:dyDescent="0.35">
      <c r="A6673" t="s">
        <v>35</v>
      </c>
      <c r="B6673" t="s">
        <v>43</v>
      </c>
      <c r="C6673" t="s">
        <v>117</v>
      </c>
      <c r="D6673" t="s">
        <v>118</v>
      </c>
      <c r="E6673">
        <v>2016</v>
      </c>
      <c r="F6673">
        <v>2016</v>
      </c>
      <c r="G6673" t="s">
        <v>125</v>
      </c>
      <c r="H6673" t="s">
        <v>124</v>
      </c>
      <c r="I6673" t="s">
        <v>15</v>
      </c>
      <c r="J6673" s="10">
        <v>1.3160425309999999</v>
      </c>
    </row>
    <row r="6674" spans="1:10" x14ac:dyDescent="0.35">
      <c r="A6674" t="s">
        <v>35</v>
      </c>
      <c r="B6674" t="s">
        <v>43</v>
      </c>
      <c r="C6674" t="s">
        <v>117</v>
      </c>
      <c r="D6674" t="s">
        <v>118</v>
      </c>
      <c r="E6674">
        <v>2016</v>
      </c>
      <c r="F6674">
        <v>2016</v>
      </c>
      <c r="G6674" t="s">
        <v>126</v>
      </c>
      <c r="H6674" t="s">
        <v>119</v>
      </c>
      <c r="I6674" t="s">
        <v>15</v>
      </c>
      <c r="J6674" s="10">
        <v>16.425172719999999</v>
      </c>
    </row>
    <row r="6675" spans="1:10" x14ac:dyDescent="0.35">
      <c r="A6675" t="s">
        <v>35</v>
      </c>
      <c r="B6675" t="s">
        <v>43</v>
      </c>
      <c r="C6675" t="s">
        <v>117</v>
      </c>
      <c r="D6675" t="s">
        <v>118</v>
      </c>
      <c r="E6675">
        <v>2016</v>
      </c>
      <c r="F6675">
        <v>2016</v>
      </c>
      <c r="G6675" t="s">
        <v>126</v>
      </c>
      <c r="H6675" t="s">
        <v>120</v>
      </c>
      <c r="I6675" t="s">
        <v>15</v>
      </c>
      <c r="J6675" s="10">
        <v>9.5244495820000008</v>
      </c>
    </row>
    <row r="6676" spans="1:10" x14ac:dyDescent="0.35">
      <c r="A6676" t="s">
        <v>35</v>
      </c>
      <c r="B6676" t="s">
        <v>43</v>
      </c>
      <c r="C6676" t="s">
        <v>117</v>
      </c>
      <c r="D6676" t="s">
        <v>118</v>
      </c>
      <c r="E6676">
        <v>2016</v>
      </c>
      <c r="F6676">
        <v>2016</v>
      </c>
      <c r="G6676" t="s">
        <v>126</v>
      </c>
      <c r="H6676" t="s">
        <v>121</v>
      </c>
      <c r="I6676" t="s">
        <v>15</v>
      </c>
      <c r="J6676" s="10">
        <v>30.188983570000001</v>
      </c>
    </row>
    <row r="6677" spans="1:10" x14ac:dyDescent="0.35">
      <c r="A6677" t="s">
        <v>35</v>
      </c>
      <c r="B6677" t="s">
        <v>43</v>
      </c>
      <c r="C6677" t="s">
        <v>117</v>
      </c>
      <c r="D6677" t="s">
        <v>118</v>
      </c>
      <c r="E6677">
        <v>2016</v>
      </c>
      <c r="F6677">
        <v>2016</v>
      </c>
      <c r="G6677" t="s">
        <v>126</v>
      </c>
      <c r="H6677" t="s">
        <v>122</v>
      </c>
      <c r="I6677" t="s">
        <v>15</v>
      </c>
      <c r="J6677" s="10">
        <v>22.65921127</v>
      </c>
    </row>
    <row r="6678" spans="1:10" x14ac:dyDescent="0.35">
      <c r="A6678" t="s">
        <v>35</v>
      </c>
      <c r="B6678" t="s">
        <v>43</v>
      </c>
      <c r="C6678" t="s">
        <v>117</v>
      </c>
      <c r="D6678" t="s">
        <v>118</v>
      </c>
      <c r="E6678">
        <v>2016</v>
      </c>
      <c r="F6678">
        <v>2016</v>
      </c>
      <c r="G6678" t="s">
        <v>126</v>
      </c>
      <c r="H6678" t="s">
        <v>123</v>
      </c>
      <c r="I6678" t="s">
        <v>15</v>
      </c>
      <c r="J6678" s="10">
        <v>18.398344040000001</v>
      </c>
    </row>
    <row r="6679" spans="1:10" x14ac:dyDescent="0.35">
      <c r="A6679" t="s">
        <v>35</v>
      </c>
      <c r="B6679" t="s">
        <v>43</v>
      </c>
      <c r="C6679" t="s">
        <v>117</v>
      </c>
      <c r="D6679" t="s">
        <v>118</v>
      </c>
      <c r="E6679">
        <v>2016</v>
      </c>
      <c r="F6679">
        <v>2016</v>
      </c>
      <c r="G6679" t="s">
        <v>126</v>
      </c>
      <c r="H6679" t="s">
        <v>124</v>
      </c>
      <c r="I6679" t="s">
        <v>15</v>
      </c>
      <c r="J6679" s="10">
        <v>2.803838813</v>
      </c>
    </row>
    <row r="6680" spans="1:10" x14ac:dyDescent="0.35">
      <c r="A6680" t="s">
        <v>35</v>
      </c>
      <c r="B6680" t="s">
        <v>43</v>
      </c>
      <c r="C6680" t="s">
        <v>117</v>
      </c>
      <c r="D6680" t="s">
        <v>118</v>
      </c>
      <c r="E6680">
        <v>2015</v>
      </c>
      <c r="F6680">
        <v>2015</v>
      </c>
      <c r="G6680" t="s">
        <v>14</v>
      </c>
      <c r="H6680" t="s">
        <v>119</v>
      </c>
      <c r="I6680" t="s">
        <v>15</v>
      </c>
      <c r="J6680" s="10">
        <v>16.879103369999999</v>
      </c>
    </row>
    <row r="6681" spans="1:10" x14ac:dyDescent="0.35">
      <c r="A6681" t="s">
        <v>35</v>
      </c>
      <c r="B6681" t="s">
        <v>43</v>
      </c>
      <c r="C6681" t="s">
        <v>117</v>
      </c>
      <c r="D6681" t="s">
        <v>118</v>
      </c>
      <c r="E6681">
        <v>2015</v>
      </c>
      <c r="F6681">
        <v>2015</v>
      </c>
      <c r="G6681" t="s">
        <v>14</v>
      </c>
      <c r="H6681" t="s">
        <v>120</v>
      </c>
      <c r="I6681" t="s">
        <v>15</v>
      </c>
      <c r="J6681" s="10">
        <v>11.119962640000001</v>
      </c>
    </row>
    <row r="6682" spans="1:10" x14ac:dyDescent="0.35">
      <c r="A6682" t="s">
        <v>35</v>
      </c>
      <c r="B6682" t="s">
        <v>43</v>
      </c>
      <c r="C6682" t="s">
        <v>117</v>
      </c>
      <c r="D6682" t="s">
        <v>118</v>
      </c>
      <c r="E6682">
        <v>2015</v>
      </c>
      <c r="F6682">
        <v>2015</v>
      </c>
      <c r="G6682" t="s">
        <v>14</v>
      </c>
      <c r="H6682" t="s">
        <v>121</v>
      </c>
      <c r="I6682" t="s">
        <v>15</v>
      </c>
      <c r="J6682" s="10">
        <v>31.067494440000001</v>
      </c>
    </row>
    <row r="6683" spans="1:10" x14ac:dyDescent="0.35">
      <c r="A6683" t="s">
        <v>35</v>
      </c>
      <c r="B6683" t="s">
        <v>43</v>
      </c>
      <c r="C6683" t="s">
        <v>117</v>
      </c>
      <c r="D6683" t="s">
        <v>118</v>
      </c>
      <c r="E6683">
        <v>2015</v>
      </c>
      <c r="F6683">
        <v>2015</v>
      </c>
      <c r="G6683" t="s">
        <v>14</v>
      </c>
      <c r="H6683" t="s">
        <v>122</v>
      </c>
      <c r="I6683" t="s">
        <v>15</v>
      </c>
      <c r="J6683" s="10">
        <v>22.08746532</v>
      </c>
    </row>
    <row r="6684" spans="1:10" x14ac:dyDescent="0.35">
      <c r="A6684" t="s">
        <v>35</v>
      </c>
      <c r="B6684" t="s">
        <v>43</v>
      </c>
      <c r="C6684" t="s">
        <v>117</v>
      </c>
      <c r="D6684" t="s">
        <v>118</v>
      </c>
      <c r="E6684">
        <v>2015</v>
      </c>
      <c r="F6684">
        <v>2015</v>
      </c>
      <c r="G6684" t="s">
        <v>14</v>
      </c>
      <c r="H6684" t="s">
        <v>123</v>
      </c>
      <c r="I6684" t="s">
        <v>15</v>
      </c>
      <c r="J6684" s="10">
        <v>16.826909870000001</v>
      </c>
    </row>
    <row r="6685" spans="1:10" x14ac:dyDescent="0.35">
      <c r="A6685" t="s">
        <v>35</v>
      </c>
      <c r="B6685" t="s">
        <v>43</v>
      </c>
      <c r="C6685" t="s">
        <v>117</v>
      </c>
      <c r="D6685" t="s">
        <v>118</v>
      </c>
      <c r="E6685">
        <v>2015</v>
      </c>
      <c r="F6685">
        <v>2015</v>
      </c>
      <c r="G6685" t="s">
        <v>14</v>
      </c>
      <c r="H6685" t="s">
        <v>124</v>
      </c>
      <c r="I6685" t="s">
        <v>15</v>
      </c>
      <c r="J6685" s="10">
        <v>2.019064363</v>
      </c>
    </row>
    <row r="6686" spans="1:10" x14ac:dyDescent="0.35">
      <c r="A6686" t="s">
        <v>35</v>
      </c>
      <c r="B6686" t="s">
        <v>43</v>
      </c>
      <c r="C6686" t="s">
        <v>117</v>
      </c>
      <c r="D6686" t="s">
        <v>118</v>
      </c>
      <c r="E6686">
        <v>2015</v>
      </c>
      <c r="F6686">
        <v>2015</v>
      </c>
      <c r="G6686" t="s">
        <v>125</v>
      </c>
      <c r="H6686" t="s">
        <v>119</v>
      </c>
      <c r="I6686" t="s">
        <v>15</v>
      </c>
      <c r="J6686" s="10">
        <v>17.386446169999999</v>
      </c>
    </row>
    <row r="6687" spans="1:10" x14ac:dyDescent="0.35">
      <c r="A6687" t="s">
        <v>35</v>
      </c>
      <c r="B6687" t="s">
        <v>43</v>
      </c>
      <c r="C6687" t="s">
        <v>117</v>
      </c>
      <c r="D6687" t="s">
        <v>118</v>
      </c>
      <c r="E6687">
        <v>2015</v>
      </c>
      <c r="F6687">
        <v>2015</v>
      </c>
      <c r="G6687" t="s">
        <v>125</v>
      </c>
      <c r="H6687" t="s">
        <v>120</v>
      </c>
      <c r="I6687" t="s">
        <v>15</v>
      </c>
      <c r="J6687" s="10">
        <v>12.54260015</v>
      </c>
    </row>
    <row r="6688" spans="1:10" x14ac:dyDescent="0.35">
      <c r="A6688" t="s">
        <v>35</v>
      </c>
      <c r="B6688" t="s">
        <v>43</v>
      </c>
      <c r="C6688" t="s">
        <v>117</v>
      </c>
      <c r="D6688" t="s">
        <v>118</v>
      </c>
      <c r="E6688">
        <v>2015</v>
      </c>
      <c r="F6688">
        <v>2015</v>
      </c>
      <c r="G6688" t="s">
        <v>125</v>
      </c>
      <c r="H6688" t="s">
        <v>121</v>
      </c>
      <c r="I6688" t="s">
        <v>15</v>
      </c>
      <c r="J6688" s="10">
        <v>31.493379520000001</v>
      </c>
    </row>
    <row r="6689" spans="1:10" x14ac:dyDescent="0.35">
      <c r="A6689" t="s">
        <v>35</v>
      </c>
      <c r="B6689" t="s">
        <v>43</v>
      </c>
      <c r="C6689" t="s">
        <v>117</v>
      </c>
      <c r="D6689" t="s">
        <v>118</v>
      </c>
      <c r="E6689">
        <v>2015</v>
      </c>
      <c r="F6689">
        <v>2015</v>
      </c>
      <c r="G6689" t="s">
        <v>125</v>
      </c>
      <c r="H6689" t="s">
        <v>122</v>
      </c>
      <c r="I6689" t="s">
        <v>15</v>
      </c>
      <c r="J6689" s="10">
        <v>21.864349959999998</v>
      </c>
    </row>
    <row r="6690" spans="1:10" x14ac:dyDescent="0.35">
      <c r="A6690" t="s">
        <v>35</v>
      </c>
      <c r="B6690" t="s">
        <v>43</v>
      </c>
      <c r="C6690" t="s">
        <v>117</v>
      </c>
      <c r="D6690" t="s">
        <v>118</v>
      </c>
      <c r="E6690">
        <v>2015</v>
      </c>
      <c r="F6690">
        <v>2015</v>
      </c>
      <c r="G6690" t="s">
        <v>125</v>
      </c>
      <c r="H6690" t="s">
        <v>123</v>
      </c>
      <c r="I6690" t="s">
        <v>15</v>
      </c>
      <c r="J6690" s="10">
        <v>15.431029669999999</v>
      </c>
    </row>
    <row r="6691" spans="1:10" x14ac:dyDescent="0.35">
      <c r="A6691" t="s">
        <v>35</v>
      </c>
      <c r="B6691" t="s">
        <v>43</v>
      </c>
      <c r="C6691" t="s">
        <v>117</v>
      </c>
      <c r="D6691" t="s">
        <v>118</v>
      </c>
      <c r="E6691">
        <v>2015</v>
      </c>
      <c r="F6691">
        <v>2015</v>
      </c>
      <c r="G6691" t="s">
        <v>125</v>
      </c>
      <c r="H6691" t="s">
        <v>124</v>
      </c>
      <c r="I6691" t="s">
        <v>15</v>
      </c>
      <c r="J6691" s="10">
        <v>1.282194536</v>
      </c>
    </row>
    <row r="6692" spans="1:10" x14ac:dyDescent="0.35">
      <c r="A6692" t="s">
        <v>35</v>
      </c>
      <c r="B6692" t="s">
        <v>43</v>
      </c>
      <c r="C6692" t="s">
        <v>117</v>
      </c>
      <c r="D6692" t="s">
        <v>118</v>
      </c>
      <c r="E6692">
        <v>2015</v>
      </c>
      <c r="F6692">
        <v>2015</v>
      </c>
      <c r="G6692" t="s">
        <v>126</v>
      </c>
      <c r="H6692" t="s">
        <v>119</v>
      </c>
      <c r="I6692" t="s">
        <v>15</v>
      </c>
      <c r="J6692" s="10">
        <v>16.38834847</v>
      </c>
    </row>
    <row r="6693" spans="1:10" x14ac:dyDescent="0.35">
      <c r="A6693" t="s">
        <v>35</v>
      </c>
      <c r="B6693" t="s">
        <v>43</v>
      </c>
      <c r="C6693" t="s">
        <v>117</v>
      </c>
      <c r="D6693" t="s">
        <v>118</v>
      </c>
      <c r="E6693">
        <v>2015</v>
      </c>
      <c r="F6693">
        <v>2015</v>
      </c>
      <c r="G6693" t="s">
        <v>126</v>
      </c>
      <c r="H6693" t="s">
        <v>120</v>
      </c>
      <c r="I6693" t="s">
        <v>15</v>
      </c>
      <c r="J6693" s="10">
        <v>9.7438391699999993</v>
      </c>
    </row>
    <row r="6694" spans="1:10" x14ac:dyDescent="0.35">
      <c r="A6694" t="s">
        <v>35</v>
      </c>
      <c r="B6694" t="s">
        <v>43</v>
      </c>
      <c r="C6694" t="s">
        <v>117</v>
      </c>
      <c r="D6694" t="s">
        <v>118</v>
      </c>
      <c r="E6694">
        <v>2015</v>
      </c>
      <c r="F6694">
        <v>2015</v>
      </c>
      <c r="G6694" t="s">
        <v>126</v>
      </c>
      <c r="H6694" t="s">
        <v>121</v>
      </c>
      <c r="I6694" t="s">
        <v>15</v>
      </c>
      <c r="J6694" s="10">
        <v>30.655533940000002</v>
      </c>
    </row>
    <row r="6695" spans="1:10" x14ac:dyDescent="0.35">
      <c r="A6695" t="s">
        <v>35</v>
      </c>
      <c r="B6695" t="s">
        <v>43</v>
      </c>
      <c r="C6695" t="s">
        <v>117</v>
      </c>
      <c r="D6695" t="s">
        <v>118</v>
      </c>
      <c r="E6695">
        <v>2015</v>
      </c>
      <c r="F6695">
        <v>2015</v>
      </c>
      <c r="G6695" t="s">
        <v>126</v>
      </c>
      <c r="H6695" t="s">
        <v>122</v>
      </c>
      <c r="I6695" t="s">
        <v>15</v>
      </c>
      <c r="J6695" s="10">
        <v>22.30328578</v>
      </c>
    </row>
    <row r="6696" spans="1:10" x14ac:dyDescent="0.35">
      <c r="A6696" t="s">
        <v>35</v>
      </c>
      <c r="B6696" t="s">
        <v>43</v>
      </c>
      <c r="C6696" t="s">
        <v>117</v>
      </c>
      <c r="D6696" t="s">
        <v>118</v>
      </c>
      <c r="E6696">
        <v>2015</v>
      </c>
      <c r="F6696">
        <v>2015</v>
      </c>
      <c r="G6696" t="s">
        <v>126</v>
      </c>
      <c r="H6696" t="s">
        <v>123</v>
      </c>
      <c r="I6696" t="s">
        <v>15</v>
      </c>
      <c r="J6696" s="10">
        <v>18.17715089</v>
      </c>
    </row>
    <row r="6697" spans="1:10" x14ac:dyDescent="0.35">
      <c r="A6697" t="s">
        <v>35</v>
      </c>
      <c r="B6697" t="s">
        <v>43</v>
      </c>
      <c r="C6697" t="s">
        <v>117</v>
      </c>
      <c r="D6697" t="s">
        <v>118</v>
      </c>
      <c r="E6697">
        <v>2015</v>
      </c>
      <c r="F6697">
        <v>2015</v>
      </c>
      <c r="G6697" t="s">
        <v>126</v>
      </c>
      <c r="H6697" t="s">
        <v>124</v>
      </c>
      <c r="I6697" t="s">
        <v>15</v>
      </c>
      <c r="J6697" s="10">
        <v>2.7318417639999999</v>
      </c>
    </row>
    <row r="6698" spans="1:10" x14ac:dyDescent="0.35">
      <c r="A6698" t="s">
        <v>35</v>
      </c>
      <c r="B6698" t="s">
        <v>43</v>
      </c>
      <c r="C6698" t="s">
        <v>117</v>
      </c>
      <c r="D6698" t="s">
        <v>118</v>
      </c>
      <c r="E6698">
        <v>2014</v>
      </c>
      <c r="F6698">
        <v>2014</v>
      </c>
      <c r="G6698" t="s">
        <v>14</v>
      </c>
      <c r="H6698" t="s">
        <v>119</v>
      </c>
      <c r="I6698" t="s">
        <v>15</v>
      </c>
      <c r="J6698" s="10">
        <v>16.9107564</v>
      </c>
    </row>
    <row r="6699" spans="1:10" x14ac:dyDescent="0.35">
      <c r="A6699" t="s">
        <v>35</v>
      </c>
      <c r="B6699" t="s">
        <v>43</v>
      </c>
      <c r="C6699" t="s">
        <v>117</v>
      </c>
      <c r="D6699" t="s">
        <v>118</v>
      </c>
      <c r="E6699">
        <v>2014</v>
      </c>
      <c r="F6699">
        <v>2014</v>
      </c>
      <c r="G6699" t="s">
        <v>14</v>
      </c>
      <c r="H6699" t="s">
        <v>120</v>
      </c>
      <c r="I6699" t="s">
        <v>15</v>
      </c>
      <c r="J6699" s="10">
        <v>11.27612309</v>
      </c>
    </row>
    <row r="6700" spans="1:10" x14ac:dyDescent="0.35">
      <c r="A6700" t="s">
        <v>35</v>
      </c>
      <c r="B6700" t="s">
        <v>43</v>
      </c>
      <c r="C6700" t="s">
        <v>117</v>
      </c>
      <c r="D6700" t="s">
        <v>118</v>
      </c>
      <c r="E6700">
        <v>2014</v>
      </c>
      <c r="F6700">
        <v>2014</v>
      </c>
      <c r="G6700" t="s">
        <v>14</v>
      </c>
      <c r="H6700" t="s">
        <v>121</v>
      </c>
      <c r="I6700" t="s">
        <v>15</v>
      </c>
      <c r="J6700" s="10">
        <v>31.541056439999998</v>
      </c>
    </row>
    <row r="6701" spans="1:10" x14ac:dyDescent="0.35">
      <c r="A6701" t="s">
        <v>35</v>
      </c>
      <c r="B6701" t="s">
        <v>43</v>
      </c>
      <c r="C6701" t="s">
        <v>117</v>
      </c>
      <c r="D6701" t="s">
        <v>118</v>
      </c>
      <c r="E6701">
        <v>2014</v>
      </c>
      <c r="F6701">
        <v>2014</v>
      </c>
      <c r="G6701" t="s">
        <v>14</v>
      </c>
      <c r="H6701" t="s">
        <v>122</v>
      </c>
      <c r="I6701" t="s">
        <v>15</v>
      </c>
      <c r="J6701" s="10">
        <v>21.747298560000001</v>
      </c>
    </row>
    <row r="6702" spans="1:10" x14ac:dyDescent="0.35">
      <c r="A6702" t="s">
        <v>35</v>
      </c>
      <c r="B6702" t="s">
        <v>43</v>
      </c>
      <c r="C6702" t="s">
        <v>117</v>
      </c>
      <c r="D6702" t="s">
        <v>118</v>
      </c>
      <c r="E6702">
        <v>2014</v>
      </c>
      <c r="F6702">
        <v>2014</v>
      </c>
      <c r="G6702" t="s">
        <v>14</v>
      </c>
      <c r="H6702" t="s">
        <v>123</v>
      </c>
      <c r="I6702" t="s">
        <v>15</v>
      </c>
      <c r="J6702" s="10">
        <v>16.539136639999999</v>
      </c>
    </row>
    <row r="6703" spans="1:10" x14ac:dyDescent="0.35">
      <c r="A6703" t="s">
        <v>35</v>
      </c>
      <c r="B6703" t="s">
        <v>43</v>
      </c>
      <c r="C6703" t="s">
        <v>117</v>
      </c>
      <c r="D6703" t="s">
        <v>118</v>
      </c>
      <c r="E6703">
        <v>2014</v>
      </c>
      <c r="F6703">
        <v>2014</v>
      </c>
      <c r="G6703" t="s">
        <v>14</v>
      </c>
      <c r="H6703" t="s">
        <v>124</v>
      </c>
      <c r="I6703" t="s">
        <v>15</v>
      </c>
      <c r="J6703" s="10">
        <v>1.9856288740000001</v>
      </c>
    </row>
    <row r="6704" spans="1:10" x14ac:dyDescent="0.35">
      <c r="A6704" t="s">
        <v>35</v>
      </c>
      <c r="B6704" t="s">
        <v>43</v>
      </c>
      <c r="C6704" t="s">
        <v>117</v>
      </c>
      <c r="D6704" t="s">
        <v>118</v>
      </c>
      <c r="E6704">
        <v>2014</v>
      </c>
      <c r="F6704">
        <v>2014</v>
      </c>
      <c r="G6704" t="s">
        <v>125</v>
      </c>
      <c r="H6704" t="s">
        <v>119</v>
      </c>
      <c r="I6704" t="s">
        <v>15</v>
      </c>
      <c r="J6704" s="10">
        <v>17.304853940000001</v>
      </c>
    </row>
    <row r="6705" spans="1:10" x14ac:dyDescent="0.35">
      <c r="A6705" t="s">
        <v>35</v>
      </c>
      <c r="B6705" t="s">
        <v>43</v>
      </c>
      <c r="C6705" t="s">
        <v>117</v>
      </c>
      <c r="D6705" t="s">
        <v>118</v>
      </c>
      <c r="E6705">
        <v>2014</v>
      </c>
      <c r="F6705">
        <v>2014</v>
      </c>
      <c r="G6705" t="s">
        <v>125</v>
      </c>
      <c r="H6705" t="s">
        <v>120</v>
      </c>
      <c r="I6705" t="s">
        <v>15</v>
      </c>
      <c r="J6705" s="10">
        <v>12.70433596</v>
      </c>
    </row>
    <row r="6706" spans="1:10" x14ac:dyDescent="0.35">
      <c r="A6706" t="s">
        <v>35</v>
      </c>
      <c r="B6706" t="s">
        <v>43</v>
      </c>
      <c r="C6706" t="s">
        <v>117</v>
      </c>
      <c r="D6706" t="s">
        <v>118</v>
      </c>
      <c r="E6706">
        <v>2014</v>
      </c>
      <c r="F6706">
        <v>2014</v>
      </c>
      <c r="G6706" t="s">
        <v>125</v>
      </c>
      <c r="H6706" t="s">
        <v>121</v>
      </c>
      <c r="I6706" t="s">
        <v>15</v>
      </c>
      <c r="J6706" s="10">
        <v>32.103372409999999</v>
      </c>
    </row>
    <row r="6707" spans="1:10" x14ac:dyDescent="0.35">
      <c r="A6707" t="s">
        <v>35</v>
      </c>
      <c r="B6707" t="s">
        <v>43</v>
      </c>
      <c r="C6707" t="s">
        <v>117</v>
      </c>
      <c r="D6707" t="s">
        <v>118</v>
      </c>
      <c r="E6707">
        <v>2014</v>
      </c>
      <c r="F6707">
        <v>2014</v>
      </c>
      <c r="G6707" t="s">
        <v>125</v>
      </c>
      <c r="H6707" t="s">
        <v>122</v>
      </c>
      <c r="I6707" t="s">
        <v>15</v>
      </c>
      <c r="J6707" s="10">
        <v>21.504358239999998</v>
      </c>
    </row>
    <row r="6708" spans="1:10" x14ac:dyDescent="0.35">
      <c r="A6708" t="s">
        <v>35</v>
      </c>
      <c r="B6708" t="s">
        <v>43</v>
      </c>
      <c r="C6708" t="s">
        <v>117</v>
      </c>
      <c r="D6708" t="s">
        <v>118</v>
      </c>
      <c r="E6708">
        <v>2014</v>
      </c>
      <c r="F6708">
        <v>2014</v>
      </c>
      <c r="G6708" t="s">
        <v>125</v>
      </c>
      <c r="H6708" t="s">
        <v>123</v>
      </c>
      <c r="I6708" t="s">
        <v>15</v>
      </c>
      <c r="J6708" s="10">
        <v>15.09927873</v>
      </c>
    </row>
    <row r="6709" spans="1:10" x14ac:dyDescent="0.35">
      <c r="A6709" t="s">
        <v>35</v>
      </c>
      <c r="B6709" t="s">
        <v>43</v>
      </c>
      <c r="C6709" t="s">
        <v>117</v>
      </c>
      <c r="D6709" t="s">
        <v>118</v>
      </c>
      <c r="E6709">
        <v>2014</v>
      </c>
      <c r="F6709">
        <v>2014</v>
      </c>
      <c r="G6709" t="s">
        <v>125</v>
      </c>
      <c r="H6709" t="s">
        <v>124</v>
      </c>
      <c r="I6709" t="s">
        <v>15</v>
      </c>
      <c r="J6709" s="10">
        <v>1.283800718</v>
      </c>
    </row>
    <row r="6710" spans="1:10" x14ac:dyDescent="0.35">
      <c r="A6710" t="s">
        <v>35</v>
      </c>
      <c r="B6710" t="s">
        <v>43</v>
      </c>
      <c r="C6710" t="s">
        <v>117</v>
      </c>
      <c r="D6710" t="s">
        <v>118</v>
      </c>
      <c r="E6710">
        <v>2014</v>
      </c>
      <c r="F6710">
        <v>2014</v>
      </c>
      <c r="G6710" t="s">
        <v>126</v>
      </c>
      <c r="H6710" t="s">
        <v>119</v>
      </c>
      <c r="I6710" t="s">
        <v>15</v>
      </c>
      <c r="J6710" s="10">
        <v>16.52843442</v>
      </c>
    </row>
    <row r="6711" spans="1:10" x14ac:dyDescent="0.35">
      <c r="A6711" t="s">
        <v>35</v>
      </c>
      <c r="B6711" t="s">
        <v>43</v>
      </c>
      <c r="C6711" t="s">
        <v>117</v>
      </c>
      <c r="D6711" t="s">
        <v>118</v>
      </c>
      <c r="E6711">
        <v>2014</v>
      </c>
      <c r="F6711">
        <v>2014</v>
      </c>
      <c r="G6711" t="s">
        <v>126</v>
      </c>
      <c r="H6711" t="s">
        <v>120</v>
      </c>
      <c r="I6711" t="s">
        <v>15</v>
      </c>
      <c r="J6711" s="10">
        <v>9.8905848980000002</v>
      </c>
    </row>
    <row r="6712" spans="1:10" x14ac:dyDescent="0.35">
      <c r="A6712" t="s">
        <v>35</v>
      </c>
      <c r="B6712" t="s">
        <v>43</v>
      </c>
      <c r="C6712" t="s">
        <v>117</v>
      </c>
      <c r="D6712" t="s">
        <v>118</v>
      </c>
      <c r="E6712">
        <v>2014</v>
      </c>
      <c r="F6712">
        <v>2014</v>
      </c>
      <c r="G6712" t="s">
        <v>126</v>
      </c>
      <c r="H6712" t="s">
        <v>121</v>
      </c>
      <c r="I6712" t="s">
        <v>15</v>
      </c>
      <c r="J6712" s="10">
        <v>30.995542350000001</v>
      </c>
    </row>
    <row r="6713" spans="1:10" x14ac:dyDescent="0.35">
      <c r="A6713" t="s">
        <v>35</v>
      </c>
      <c r="B6713" t="s">
        <v>43</v>
      </c>
      <c r="C6713" t="s">
        <v>117</v>
      </c>
      <c r="D6713" t="s">
        <v>118</v>
      </c>
      <c r="E6713">
        <v>2014</v>
      </c>
      <c r="F6713">
        <v>2014</v>
      </c>
      <c r="G6713" t="s">
        <v>126</v>
      </c>
      <c r="H6713" t="s">
        <v>122</v>
      </c>
      <c r="I6713" t="s">
        <v>15</v>
      </c>
      <c r="J6713" s="10">
        <v>21.982979870000001</v>
      </c>
    </row>
    <row r="6714" spans="1:10" x14ac:dyDescent="0.35">
      <c r="A6714" t="s">
        <v>35</v>
      </c>
      <c r="B6714" t="s">
        <v>43</v>
      </c>
      <c r="C6714" t="s">
        <v>117</v>
      </c>
      <c r="D6714" t="s">
        <v>118</v>
      </c>
      <c r="E6714">
        <v>2014</v>
      </c>
      <c r="F6714">
        <v>2014</v>
      </c>
      <c r="G6714" t="s">
        <v>126</v>
      </c>
      <c r="H6714" t="s">
        <v>123</v>
      </c>
      <c r="I6714" t="s">
        <v>15</v>
      </c>
      <c r="J6714" s="10">
        <v>17.935971899999998</v>
      </c>
    </row>
    <row r="6715" spans="1:10" x14ac:dyDescent="0.35">
      <c r="A6715" t="s">
        <v>35</v>
      </c>
      <c r="B6715" t="s">
        <v>43</v>
      </c>
      <c r="C6715" t="s">
        <v>117</v>
      </c>
      <c r="D6715" t="s">
        <v>118</v>
      </c>
      <c r="E6715">
        <v>2014</v>
      </c>
      <c r="F6715">
        <v>2014</v>
      </c>
      <c r="G6715" t="s">
        <v>126</v>
      </c>
      <c r="H6715" t="s">
        <v>124</v>
      </c>
      <c r="I6715" t="s">
        <v>15</v>
      </c>
      <c r="J6715" s="10">
        <v>2.6664865600000001</v>
      </c>
    </row>
    <row r="6716" spans="1:10" x14ac:dyDescent="0.35">
      <c r="A6716" t="s">
        <v>35</v>
      </c>
      <c r="B6716" t="s">
        <v>43</v>
      </c>
      <c r="C6716" t="s">
        <v>117</v>
      </c>
      <c r="D6716" t="s">
        <v>118</v>
      </c>
      <c r="E6716">
        <v>2013</v>
      </c>
      <c r="F6716">
        <v>2013</v>
      </c>
      <c r="G6716" t="s">
        <v>14</v>
      </c>
      <c r="H6716" t="s">
        <v>119</v>
      </c>
      <c r="I6716" t="s">
        <v>15</v>
      </c>
      <c r="J6716" s="10">
        <v>16.950224009999999</v>
      </c>
    </row>
    <row r="6717" spans="1:10" x14ac:dyDescent="0.35">
      <c r="A6717" t="s">
        <v>35</v>
      </c>
      <c r="B6717" t="s">
        <v>43</v>
      </c>
      <c r="C6717" t="s">
        <v>117</v>
      </c>
      <c r="D6717" t="s">
        <v>118</v>
      </c>
      <c r="E6717">
        <v>2013</v>
      </c>
      <c r="F6717">
        <v>2013</v>
      </c>
      <c r="G6717" t="s">
        <v>14</v>
      </c>
      <c r="H6717" t="s">
        <v>120</v>
      </c>
      <c r="I6717" t="s">
        <v>15</v>
      </c>
      <c r="J6717" s="10">
        <v>11.46826815</v>
      </c>
    </row>
    <row r="6718" spans="1:10" x14ac:dyDescent="0.35">
      <c r="A6718" t="s">
        <v>35</v>
      </c>
      <c r="B6718" t="s">
        <v>43</v>
      </c>
      <c r="C6718" t="s">
        <v>117</v>
      </c>
      <c r="D6718" t="s">
        <v>118</v>
      </c>
      <c r="E6718">
        <v>2013</v>
      </c>
      <c r="F6718">
        <v>2013</v>
      </c>
      <c r="G6718" t="s">
        <v>14</v>
      </c>
      <c r="H6718" t="s">
        <v>121</v>
      </c>
      <c r="I6718" t="s">
        <v>15</v>
      </c>
      <c r="J6718" s="10">
        <v>31.877525219999999</v>
      </c>
    </row>
    <row r="6719" spans="1:10" x14ac:dyDescent="0.35">
      <c r="A6719" t="s">
        <v>35</v>
      </c>
      <c r="B6719" t="s">
        <v>43</v>
      </c>
      <c r="C6719" t="s">
        <v>117</v>
      </c>
      <c r="D6719" t="s">
        <v>118</v>
      </c>
      <c r="E6719">
        <v>2013</v>
      </c>
      <c r="F6719">
        <v>2013</v>
      </c>
      <c r="G6719" t="s">
        <v>14</v>
      </c>
      <c r="H6719" t="s">
        <v>122</v>
      </c>
      <c r="I6719" t="s">
        <v>15</v>
      </c>
      <c r="J6719" s="10">
        <v>21.563642359999999</v>
      </c>
    </row>
    <row r="6720" spans="1:10" x14ac:dyDescent="0.35">
      <c r="A6720" t="s">
        <v>35</v>
      </c>
      <c r="B6720" t="s">
        <v>43</v>
      </c>
      <c r="C6720" t="s">
        <v>117</v>
      </c>
      <c r="D6720" t="s">
        <v>118</v>
      </c>
      <c r="E6720">
        <v>2013</v>
      </c>
      <c r="F6720">
        <v>2013</v>
      </c>
      <c r="G6720" t="s">
        <v>14</v>
      </c>
      <c r="H6720" t="s">
        <v>123</v>
      </c>
      <c r="I6720" t="s">
        <v>15</v>
      </c>
      <c r="J6720" s="10">
        <v>16.253470029999999</v>
      </c>
    </row>
    <row r="6721" spans="1:10" x14ac:dyDescent="0.35">
      <c r="A6721" t="s">
        <v>35</v>
      </c>
      <c r="B6721" t="s">
        <v>43</v>
      </c>
      <c r="C6721" t="s">
        <v>117</v>
      </c>
      <c r="D6721" t="s">
        <v>118</v>
      </c>
      <c r="E6721">
        <v>2013</v>
      </c>
      <c r="F6721">
        <v>2013</v>
      </c>
      <c r="G6721" t="s">
        <v>14</v>
      </c>
      <c r="H6721" t="s">
        <v>124</v>
      </c>
      <c r="I6721" t="s">
        <v>15</v>
      </c>
      <c r="J6721" s="10">
        <v>1.8868702420000001</v>
      </c>
    </row>
    <row r="6722" spans="1:10" x14ac:dyDescent="0.35">
      <c r="A6722" t="s">
        <v>35</v>
      </c>
      <c r="B6722" t="s">
        <v>43</v>
      </c>
      <c r="C6722" t="s">
        <v>117</v>
      </c>
      <c r="D6722" t="s">
        <v>118</v>
      </c>
      <c r="E6722">
        <v>2013</v>
      </c>
      <c r="F6722">
        <v>2013</v>
      </c>
      <c r="G6722" t="s">
        <v>125</v>
      </c>
      <c r="H6722" t="s">
        <v>119</v>
      </c>
      <c r="I6722" t="s">
        <v>15</v>
      </c>
      <c r="J6722" s="10">
        <v>17.42307585</v>
      </c>
    </row>
    <row r="6723" spans="1:10" x14ac:dyDescent="0.35">
      <c r="A6723" t="s">
        <v>35</v>
      </c>
      <c r="B6723" t="s">
        <v>43</v>
      </c>
      <c r="C6723" t="s">
        <v>117</v>
      </c>
      <c r="D6723" t="s">
        <v>118</v>
      </c>
      <c r="E6723">
        <v>2013</v>
      </c>
      <c r="F6723">
        <v>2013</v>
      </c>
      <c r="G6723" t="s">
        <v>125</v>
      </c>
      <c r="H6723" t="s">
        <v>120</v>
      </c>
      <c r="I6723" t="s">
        <v>15</v>
      </c>
      <c r="J6723" s="10">
        <v>12.85382311</v>
      </c>
    </row>
    <row r="6724" spans="1:10" x14ac:dyDescent="0.35">
      <c r="A6724" t="s">
        <v>35</v>
      </c>
      <c r="B6724" t="s">
        <v>43</v>
      </c>
      <c r="C6724" t="s">
        <v>117</v>
      </c>
      <c r="D6724" t="s">
        <v>118</v>
      </c>
      <c r="E6724">
        <v>2013</v>
      </c>
      <c r="F6724">
        <v>2013</v>
      </c>
      <c r="G6724" t="s">
        <v>125</v>
      </c>
      <c r="H6724" t="s">
        <v>121</v>
      </c>
      <c r="I6724" t="s">
        <v>15</v>
      </c>
      <c r="J6724" s="10">
        <v>32.343141920000001</v>
      </c>
    </row>
    <row r="6725" spans="1:10" x14ac:dyDescent="0.35">
      <c r="A6725" t="s">
        <v>35</v>
      </c>
      <c r="B6725" t="s">
        <v>43</v>
      </c>
      <c r="C6725" t="s">
        <v>117</v>
      </c>
      <c r="D6725" t="s">
        <v>118</v>
      </c>
      <c r="E6725">
        <v>2013</v>
      </c>
      <c r="F6725">
        <v>2013</v>
      </c>
      <c r="G6725" t="s">
        <v>125</v>
      </c>
      <c r="H6725" t="s">
        <v>122</v>
      </c>
      <c r="I6725" t="s">
        <v>15</v>
      </c>
      <c r="J6725" s="10">
        <v>21.36237646</v>
      </c>
    </row>
    <row r="6726" spans="1:10" x14ac:dyDescent="0.35">
      <c r="A6726" t="s">
        <v>35</v>
      </c>
      <c r="B6726" t="s">
        <v>43</v>
      </c>
      <c r="C6726" t="s">
        <v>117</v>
      </c>
      <c r="D6726" t="s">
        <v>118</v>
      </c>
      <c r="E6726">
        <v>2013</v>
      </c>
      <c r="F6726">
        <v>2013</v>
      </c>
      <c r="G6726" t="s">
        <v>125</v>
      </c>
      <c r="H6726" t="s">
        <v>123</v>
      </c>
      <c r="I6726" t="s">
        <v>15</v>
      </c>
      <c r="J6726" s="10">
        <v>14.791275860000001</v>
      </c>
    </row>
    <row r="6727" spans="1:10" x14ac:dyDescent="0.35">
      <c r="A6727" t="s">
        <v>35</v>
      </c>
      <c r="B6727" t="s">
        <v>43</v>
      </c>
      <c r="C6727" t="s">
        <v>117</v>
      </c>
      <c r="D6727" t="s">
        <v>118</v>
      </c>
      <c r="E6727">
        <v>2013</v>
      </c>
      <c r="F6727">
        <v>2013</v>
      </c>
      <c r="G6727" t="s">
        <v>125</v>
      </c>
      <c r="H6727" t="s">
        <v>124</v>
      </c>
      <c r="I6727" t="s">
        <v>15</v>
      </c>
      <c r="J6727" s="10">
        <v>1.226306801</v>
      </c>
    </row>
    <row r="6728" spans="1:10" x14ac:dyDescent="0.35">
      <c r="A6728" t="s">
        <v>35</v>
      </c>
      <c r="B6728" t="s">
        <v>43</v>
      </c>
      <c r="C6728" t="s">
        <v>117</v>
      </c>
      <c r="D6728" t="s">
        <v>118</v>
      </c>
      <c r="E6728">
        <v>2013</v>
      </c>
      <c r="F6728">
        <v>2013</v>
      </c>
      <c r="G6728" t="s">
        <v>126</v>
      </c>
      <c r="H6728" t="s">
        <v>119</v>
      </c>
      <c r="I6728" t="s">
        <v>15</v>
      </c>
      <c r="J6728" s="10">
        <v>16.49437232</v>
      </c>
    </row>
    <row r="6729" spans="1:10" x14ac:dyDescent="0.35">
      <c r="A6729" t="s">
        <v>35</v>
      </c>
      <c r="B6729" t="s">
        <v>43</v>
      </c>
      <c r="C6729" t="s">
        <v>117</v>
      </c>
      <c r="D6729" t="s">
        <v>118</v>
      </c>
      <c r="E6729">
        <v>2013</v>
      </c>
      <c r="F6729">
        <v>2013</v>
      </c>
      <c r="G6729" t="s">
        <v>126</v>
      </c>
      <c r="H6729" t="s">
        <v>120</v>
      </c>
      <c r="I6729" t="s">
        <v>15</v>
      </c>
      <c r="J6729" s="10">
        <v>10.132527189999999</v>
      </c>
    </row>
    <row r="6730" spans="1:10" x14ac:dyDescent="0.35">
      <c r="A6730" t="s">
        <v>35</v>
      </c>
      <c r="B6730" t="s">
        <v>43</v>
      </c>
      <c r="C6730" t="s">
        <v>117</v>
      </c>
      <c r="D6730" t="s">
        <v>118</v>
      </c>
      <c r="E6730">
        <v>2013</v>
      </c>
      <c r="F6730">
        <v>2013</v>
      </c>
      <c r="G6730" t="s">
        <v>126</v>
      </c>
      <c r="H6730" t="s">
        <v>121</v>
      </c>
      <c r="I6730" t="s">
        <v>15</v>
      </c>
      <c r="J6730" s="10">
        <v>31.428648549999998</v>
      </c>
    </row>
    <row r="6731" spans="1:10" x14ac:dyDescent="0.35">
      <c r="A6731" t="s">
        <v>35</v>
      </c>
      <c r="B6731" t="s">
        <v>43</v>
      </c>
      <c r="C6731" t="s">
        <v>117</v>
      </c>
      <c r="D6731" t="s">
        <v>118</v>
      </c>
      <c r="E6731">
        <v>2013</v>
      </c>
      <c r="F6731">
        <v>2013</v>
      </c>
      <c r="G6731" t="s">
        <v>126</v>
      </c>
      <c r="H6731" t="s">
        <v>122</v>
      </c>
      <c r="I6731" t="s">
        <v>15</v>
      </c>
      <c r="J6731" s="10">
        <v>21.75767227</v>
      </c>
    </row>
    <row r="6732" spans="1:10" x14ac:dyDescent="0.35">
      <c r="A6732" t="s">
        <v>35</v>
      </c>
      <c r="B6732" t="s">
        <v>43</v>
      </c>
      <c r="C6732" t="s">
        <v>117</v>
      </c>
      <c r="D6732" t="s">
        <v>118</v>
      </c>
      <c r="E6732">
        <v>2013</v>
      </c>
      <c r="F6732">
        <v>2013</v>
      </c>
      <c r="G6732" t="s">
        <v>126</v>
      </c>
      <c r="H6732" t="s">
        <v>123</v>
      </c>
      <c r="I6732" t="s">
        <v>15</v>
      </c>
      <c r="J6732" s="10">
        <v>17.663094820000001</v>
      </c>
    </row>
    <row r="6733" spans="1:10" x14ac:dyDescent="0.35">
      <c r="A6733" t="s">
        <v>35</v>
      </c>
      <c r="B6733" t="s">
        <v>43</v>
      </c>
      <c r="C6733" t="s">
        <v>117</v>
      </c>
      <c r="D6733" t="s">
        <v>118</v>
      </c>
      <c r="E6733">
        <v>2013</v>
      </c>
      <c r="F6733">
        <v>2013</v>
      </c>
      <c r="G6733" t="s">
        <v>126</v>
      </c>
      <c r="H6733" t="s">
        <v>124</v>
      </c>
      <c r="I6733" t="s">
        <v>15</v>
      </c>
      <c r="J6733" s="10">
        <v>2.52368485</v>
      </c>
    </row>
    <row r="6734" spans="1:10" x14ac:dyDescent="0.35">
      <c r="A6734" t="s">
        <v>35</v>
      </c>
      <c r="B6734" t="s">
        <v>43</v>
      </c>
      <c r="C6734" t="s">
        <v>117</v>
      </c>
      <c r="D6734" t="s">
        <v>118</v>
      </c>
      <c r="E6734">
        <v>2012</v>
      </c>
      <c r="F6734">
        <v>2012</v>
      </c>
      <c r="G6734" t="s">
        <v>14</v>
      </c>
      <c r="H6734" t="s">
        <v>119</v>
      </c>
      <c r="I6734" t="s">
        <v>15</v>
      </c>
      <c r="J6734" s="10">
        <v>17.389606950000001</v>
      </c>
    </row>
    <row r="6735" spans="1:10" x14ac:dyDescent="0.35">
      <c r="A6735" t="s">
        <v>35</v>
      </c>
      <c r="B6735" t="s">
        <v>43</v>
      </c>
      <c r="C6735" t="s">
        <v>117</v>
      </c>
      <c r="D6735" t="s">
        <v>118</v>
      </c>
      <c r="E6735">
        <v>2012</v>
      </c>
      <c r="F6735">
        <v>2012</v>
      </c>
      <c r="G6735" t="s">
        <v>14</v>
      </c>
      <c r="H6735" t="s">
        <v>120</v>
      </c>
      <c r="I6735" t="s">
        <v>15</v>
      </c>
      <c r="J6735" s="10">
        <v>11.10135107</v>
      </c>
    </row>
    <row r="6736" spans="1:10" x14ac:dyDescent="0.35">
      <c r="A6736" t="s">
        <v>35</v>
      </c>
      <c r="B6736" t="s">
        <v>43</v>
      </c>
      <c r="C6736" t="s">
        <v>117</v>
      </c>
      <c r="D6736" t="s">
        <v>118</v>
      </c>
      <c r="E6736">
        <v>2012</v>
      </c>
      <c r="F6736">
        <v>2012</v>
      </c>
      <c r="G6736" t="s">
        <v>14</v>
      </c>
      <c r="H6736" t="s">
        <v>121</v>
      </c>
      <c r="I6736" t="s">
        <v>15</v>
      </c>
      <c r="J6736" s="10">
        <v>31.96832169</v>
      </c>
    </row>
    <row r="6737" spans="1:10" x14ac:dyDescent="0.35">
      <c r="A6737" t="s">
        <v>35</v>
      </c>
      <c r="B6737" t="s">
        <v>43</v>
      </c>
      <c r="C6737" t="s">
        <v>117</v>
      </c>
      <c r="D6737" t="s">
        <v>118</v>
      </c>
      <c r="E6737">
        <v>2012</v>
      </c>
      <c r="F6737">
        <v>2012</v>
      </c>
      <c r="G6737" t="s">
        <v>14</v>
      </c>
      <c r="H6737" t="s">
        <v>122</v>
      </c>
      <c r="I6737" t="s">
        <v>15</v>
      </c>
      <c r="J6737" s="10">
        <v>21.614311010000002</v>
      </c>
    </row>
    <row r="6738" spans="1:10" x14ac:dyDescent="0.35">
      <c r="A6738" t="s">
        <v>35</v>
      </c>
      <c r="B6738" t="s">
        <v>43</v>
      </c>
      <c r="C6738" t="s">
        <v>117</v>
      </c>
      <c r="D6738" t="s">
        <v>118</v>
      </c>
      <c r="E6738">
        <v>2012</v>
      </c>
      <c r="F6738">
        <v>2012</v>
      </c>
      <c r="G6738" t="s">
        <v>14</v>
      </c>
      <c r="H6738" t="s">
        <v>123</v>
      </c>
      <c r="I6738" t="s">
        <v>15</v>
      </c>
      <c r="J6738" s="10">
        <v>16.002286640000001</v>
      </c>
    </row>
    <row r="6739" spans="1:10" x14ac:dyDescent="0.35">
      <c r="A6739" t="s">
        <v>35</v>
      </c>
      <c r="B6739" t="s">
        <v>43</v>
      </c>
      <c r="C6739" t="s">
        <v>117</v>
      </c>
      <c r="D6739" t="s">
        <v>118</v>
      </c>
      <c r="E6739">
        <v>2012</v>
      </c>
      <c r="F6739">
        <v>2012</v>
      </c>
      <c r="G6739" t="s">
        <v>14</v>
      </c>
      <c r="H6739" t="s">
        <v>124</v>
      </c>
      <c r="I6739" t="s">
        <v>15</v>
      </c>
      <c r="J6739" s="10">
        <v>1.9241226419999999</v>
      </c>
    </row>
    <row r="6740" spans="1:10" x14ac:dyDescent="0.35">
      <c r="A6740" t="s">
        <v>35</v>
      </c>
      <c r="B6740" t="s">
        <v>43</v>
      </c>
      <c r="C6740" t="s">
        <v>117</v>
      </c>
      <c r="D6740" t="s">
        <v>118</v>
      </c>
      <c r="E6740">
        <v>2012</v>
      </c>
      <c r="F6740">
        <v>2012</v>
      </c>
      <c r="G6740" t="s">
        <v>125</v>
      </c>
      <c r="H6740" t="s">
        <v>119</v>
      </c>
      <c r="I6740" t="s">
        <v>15</v>
      </c>
      <c r="J6740" s="10">
        <v>18.254816439999999</v>
      </c>
    </row>
    <row r="6741" spans="1:10" x14ac:dyDescent="0.35">
      <c r="A6741" t="s">
        <v>35</v>
      </c>
      <c r="B6741" t="s">
        <v>43</v>
      </c>
      <c r="C6741" t="s">
        <v>117</v>
      </c>
      <c r="D6741" t="s">
        <v>118</v>
      </c>
      <c r="E6741">
        <v>2012</v>
      </c>
      <c r="F6741">
        <v>2012</v>
      </c>
      <c r="G6741" t="s">
        <v>125</v>
      </c>
      <c r="H6741" t="s">
        <v>120</v>
      </c>
      <c r="I6741" t="s">
        <v>15</v>
      </c>
      <c r="J6741" s="10">
        <v>12.186245339999999</v>
      </c>
    </row>
    <row r="6742" spans="1:10" x14ac:dyDescent="0.35">
      <c r="A6742" t="s">
        <v>35</v>
      </c>
      <c r="B6742" t="s">
        <v>43</v>
      </c>
      <c r="C6742" t="s">
        <v>117</v>
      </c>
      <c r="D6742" t="s">
        <v>118</v>
      </c>
      <c r="E6742">
        <v>2012</v>
      </c>
      <c r="F6742">
        <v>2012</v>
      </c>
      <c r="G6742" t="s">
        <v>125</v>
      </c>
      <c r="H6742" t="s">
        <v>121</v>
      </c>
      <c r="I6742" t="s">
        <v>15</v>
      </c>
      <c r="J6742" s="10">
        <v>31.72640883</v>
      </c>
    </row>
    <row r="6743" spans="1:10" x14ac:dyDescent="0.35">
      <c r="A6743" t="s">
        <v>35</v>
      </c>
      <c r="B6743" t="s">
        <v>43</v>
      </c>
      <c r="C6743" t="s">
        <v>117</v>
      </c>
      <c r="D6743" t="s">
        <v>118</v>
      </c>
      <c r="E6743">
        <v>2012</v>
      </c>
      <c r="F6743">
        <v>2012</v>
      </c>
      <c r="G6743" t="s">
        <v>125</v>
      </c>
      <c r="H6743" t="s">
        <v>122</v>
      </c>
      <c r="I6743" t="s">
        <v>15</v>
      </c>
      <c r="J6743" s="10">
        <v>21.74113977</v>
      </c>
    </row>
    <row r="6744" spans="1:10" x14ac:dyDescent="0.35">
      <c r="A6744" t="s">
        <v>35</v>
      </c>
      <c r="B6744" t="s">
        <v>43</v>
      </c>
      <c r="C6744" t="s">
        <v>117</v>
      </c>
      <c r="D6744" t="s">
        <v>118</v>
      </c>
      <c r="E6744">
        <v>2012</v>
      </c>
      <c r="F6744">
        <v>2012</v>
      </c>
      <c r="G6744" t="s">
        <v>125</v>
      </c>
      <c r="H6744" t="s">
        <v>123</v>
      </c>
      <c r="I6744" t="s">
        <v>15</v>
      </c>
      <c r="J6744" s="10">
        <v>14.86958782</v>
      </c>
    </row>
    <row r="6745" spans="1:10" x14ac:dyDescent="0.35">
      <c r="A6745" t="s">
        <v>35</v>
      </c>
      <c r="B6745" t="s">
        <v>43</v>
      </c>
      <c r="C6745" t="s">
        <v>117</v>
      </c>
      <c r="D6745" t="s">
        <v>118</v>
      </c>
      <c r="E6745">
        <v>2012</v>
      </c>
      <c r="F6745">
        <v>2012</v>
      </c>
      <c r="G6745" t="s">
        <v>125</v>
      </c>
      <c r="H6745" t="s">
        <v>124</v>
      </c>
      <c r="I6745" t="s">
        <v>15</v>
      </c>
      <c r="J6745" s="10">
        <v>1.2218017969999999</v>
      </c>
    </row>
    <row r="6746" spans="1:10" x14ac:dyDescent="0.35">
      <c r="A6746" t="s">
        <v>35</v>
      </c>
      <c r="B6746" t="s">
        <v>43</v>
      </c>
      <c r="C6746" t="s">
        <v>117</v>
      </c>
      <c r="D6746" t="s">
        <v>118</v>
      </c>
      <c r="E6746">
        <v>2012</v>
      </c>
      <c r="F6746">
        <v>2012</v>
      </c>
      <c r="G6746" t="s">
        <v>126</v>
      </c>
      <c r="H6746" t="s">
        <v>119</v>
      </c>
      <c r="I6746" t="s">
        <v>15</v>
      </c>
      <c r="J6746" s="10">
        <v>16.582210239999998</v>
      </c>
    </row>
    <row r="6747" spans="1:10" x14ac:dyDescent="0.35">
      <c r="A6747" t="s">
        <v>35</v>
      </c>
      <c r="B6747" t="s">
        <v>43</v>
      </c>
      <c r="C6747" t="s">
        <v>117</v>
      </c>
      <c r="D6747" t="s">
        <v>118</v>
      </c>
      <c r="E6747">
        <v>2012</v>
      </c>
      <c r="F6747">
        <v>2012</v>
      </c>
      <c r="G6747" t="s">
        <v>126</v>
      </c>
      <c r="H6747" t="s">
        <v>120</v>
      </c>
      <c r="I6747" t="s">
        <v>15</v>
      </c>
      <c r="J6747" s="10">
        <v>10.08894879</v>
      </c>
    </row>
    <row r="6748" spans="1:10" x14ac:dyDescent="0.35">
      <c r="A6748" t="s">
        <v>35</v>
      </c>
      <c r="B6748" t="s">
        <v>43</v>
      </c>
      <c r="C6748" t="s">
        <v>117</v>
      </c>
      <c r="D6748" t="s">
        <v>118</v>
      </c>
      <c r="E6748">
        <v>2012</v>
      </c>
      <c r="F6748">
        <v>2012</v>
      </c>
      <c r="G6748" t="s">
        <v>126</v>
      </c>
      <c r="H6748" t="s">
        <v>121</v>
      </c>
      <c r="I6748" t="s">
        <v>15</v>
      </c>
      <c r="J6748" s="10">
        <v>32.194070080000003</v>
      </c>
    </row>
    <row r="6749" spans="1:10" x14ac:dyDescent="0.35">
      <c r="A6749" t="s">
        <v>35</v>
      </c>
      <c r="B6749" t="s">
        <v>43</v>
      </c>
      <c r="C6749" t="s">
        <v>117</v>
      </c>
      <c r="D6749" t="s">
        <v>118</v>
      </c>
      <c r="E6749">
        <v>2012</v>
      </c>
      <c r="F6749">
        <v>2012</v>
      </c>
      <c r="G6749" t="s">
        <v>126</v>
      </c>
      <c r="H6749" t="s">
        <v>122</v>
      </c>
      <c r="I6749" t="s">
        <v>15</v>
      </c>
      <c r="J6749" s="10">
        <v>21.495956870000001</v>
      </c>
    </row>
    <row r="6750" spans="1:10" x14ac:dyDescent="0.35">
      <c r="A6750" t="s">
        <v>35</v>
      </c>
      <c r="B6750" t="s">
        <v>43</v>
      </c>
      <c r="C6750" t="s">
        <v>117</v>
      </c>
      <c r="D6750" t="s">
        <v>118</v>
      </c>
      <c r="E6750">
        <v>2012</v>
      </c>
      <c r="F6750">
        <v>2012</v>
      </c>
      <c r="G6750" t="s">
        <v>126</v>
      </c>
      <c r="H6750" t="s">
        <v>123</v>
      </c>
      <c r="I6750" t="s">
        <v>15</v>
      </c>
      <c r="J6750" s="10">
        <v>17.059299190000001</v>
      </c>
    </row>
    <row r="6751" spans="1:10" x14ac:dyDescent="0.35">
      <c r="A6751" t="s">
        <v>35</v>
      </c>
      <c r="B6751" t="s">
        <v>43</v>
      </c>
      <c r="C6751" t="s">
        <v>117</v>
      </c>
      <c r="D6751" t="s">
        <v>118</v>
      </c>
      <c r="E6751">
        <v>2012</v>
      </c>
      <c r="F6751">
        <v>2012</v>
      </c>
      <c r="G6751" t="s">
        <v>126</v>
      </c>
      <c r="H6751" t="s">
        <v>124</v>
      </c>
      <c r="I6751" t="s">
        <v>15</v>
      </c>
      <c r="J6751" s="10">
        <v>2.579514825</v>
      </c>
    </row>
    <row r="6752" spans="1:10" x14ac:dyDescent="0.35">
      <c r="A6752" t="s">
        <v>35</v>
      </c>
      <c r="B6752" t="s">
        <v>43</v>
      </c>
      <c r="C6752" t="s">
        <v>117</v>
      </c>
      <c r="D6752" t="s">
        <v>118</v>
      </c>
      <c r="E6752">
        <v>2011</v>
      </c>
      <c r="F6752">
        <v>2011</v>
      </c>
      <c r="G6752" t="s">
        <v>14</v>
      </c>
      <c r="H6752" t="s">
        <v>119</v>
      </c>
      <c r="I6752" t="s">
        <v>15</v>
      </c>
      <c r="J6752" s="10">
        <v>16.96115485</v>
      </c>
    </row>
    <row r="6753" spans="1:10" x14ac:dyDescent="0.35">
      <c r="A6753" t="s">
        <v>35</v>
      </c>
      <c r="B6753" t="s">
        <v>43</v>
      </c>
      <c r="C6753" t="s">
        <v>117</v>
      </c>
      <c r="D6753" t="s">
        <v>118</v>
      </c>
      <c r="E6753">
        <v>2011</v>
      </c>
      <c r="F6753">
        <v>2011</v>
      </c>
      <c r="G6753" t="s">
        <v>14</v>
      </c>
      <c r="H6753" t="s">
        <v>120</v>
      </c>
      <c r="I6753" t="s">
        <v>15</v>
      </c>
      <c r="J6753" s="10">
        <v>11.781801310000001</v>
      </c>
    </row>
    <row r="6754" spans="1:10" x14ac:dyDescent="0.35">
      <c r="A6754" t="s">
        <v>35</v>
      </c>
      <c r="B6754" t="s">
        <v>43</v>
      </c>
      <c r="C6754" t="s">
        <v>117</v>
      </c>
      <c r="D6754" t="s">
        <v>118</v>
      </c>
      <c r="E6754">
        <v>2011</v>
      </c>
      <c r="F6754">
        <v>2011</v>
      </c>
      <c r="G6754" t="s">
        <v>14</v>
      </c>
      <c r="H6754" t="s">
        <v>121</v>
      </c>
      <c r="I6754" t="s">
        <v>15</v>
      </c>
      <c r="J6754" s="10">
        <v>32.986314829999998</v>
      </c>
    </row>
    <row r="6755" spans="1:10" x14ac:dyDescent="0.35">
      <c r="A6755" t="s">
        <v>35</v>
      </c>
      <c r="B6755" t="s">
        <v>43</v>
      </c>
      <c r="C6755" t="s">
        <v>117</v>
      </c>
      <c r="D6755" t="s">
        <v>118</v>
      </c>
      <c r="E6755">
        <v>2011</v>
      </c>
      <c r="F6755">
        <v>2011</v>
      </c>
      <c r="G6755" t="s">
        <v>14</v>
      </c>
      <c r="H6755" t="s">
        <v>122</v>
      </c>
      <c r="I6755" t="s">
        <v>15</v>
      </c>
      <c r="J6755" s="10">
        <v>21.278192409999999</v>
      </c>
    </row>
    <row r="6756" spans="1:10" x14ac:dyDescent="0.35">
      <c r="A6756" t="s">
        <v>35</v>
      </c>
      <c r="B6756" t="s">
        <v>43</v>
      </c>
      <c r="C6756" t="s">
        <v>117</v>
      </c>
      <c r="D6756" t="s">
        <v>118</v>
      </c>
      <c r="E6756">
        <v>2011</v>
      </c>
      <c r="F6756">
        <v>2011</v>
      </c>
      <c r="G6756" t="s">
        <v>14</v>
      </c>
      <c r="H6756" t="s">
        <v>123</v>
      </c>
      <c r="I6756" t="s">
        <v>15</v>
      </c>
      <c r="J6756" s="10">
        <v>15.078249720000001</v>
      </c>
    </row>
    <row r="6757" spans="1:10" x14ac:dyDescent="0.35">
      <c r="A6757" t="s">
        <v>35</v>
      </c>
      <c r="B6757" t="s">
        <v>43</v>
      </c>
      <c r="C6757" t="s">
        <v>117</v>
      </c>
      <c r="D6757" t="s">
        <v>118</v>
      </c>
      <c r="E6757">
        <v>2011</v>
      </c>
      <c r="F6757">
        <v>2011</v>
      </c>
      <c r="G6757" t="s">
        <v>14</v>
      </c>
      <c r="H6757" t="s">
        <v>124</v>
      </c>
      <c r="I6757" t="s">
        <v>15</v>
      </c>
      <c r="J6757" s="10">
        <v>1.914286884</v>
      </c>
    </row>
    <row r="6758" spans="1:10" x14ac:dyDescent="0.35">
      <c r="A6758" t="s">
        <v>35</v>
      </c>
      <c r="B6758" t="s">
        <v>43</v>
      </c>
      <c r="C6758" t="s">
        <v>117</v>
      </c>
      <c r="D6758" t="s">
        <v>118</v>
      </c>
      <c r="E6758">
        <v>2011</v>
      </c>
      <c r="F6758">
        <v>2011</v>
      </c>
      <c r="G6758" t="s">
        <v>125</v>
      </c>
      <c r="H6758" t="s">
        <v>119</v>
      </c>
      <c r="I6758" t="s">
        <v>15</v>
      </c>
      <c r="J6758" s="10">
        <v>17.54517654</v>
      </c>
    </row>
    <row r="6759" spans="1:10" x14ac:dyDescent="0.35">
      <c r="A6759" t="s">
        <v>35</v>
      </c>
      <c r="B6759" t="s">
        <v>43</v>
      </c>
      <c r="C6759" t="s">
        <v>117</v>
      </c>
      <c r="D6759" t="s">
        <v>118</v>
      </c>
      <c r="E6759">
        <v>2011</v>
      </c>
      <c r="F6759">
        <v>2011</v>
      </c>
      <c r="G6759" t="s">
        <v>125</v>
      </c>
      <c r="H6759" t="s">
        <v>120</v>
      </c>
      <c r="I6759" t="s">
        <v>15</v>
      </c>
      <c r="J6759" s="10">
        <v>13.30831248</v>
      </c>
    </row>
    <row r="6760" spans="1:10" x14ac:dyDescent="0.35">
      <c r="A6760" t="s">
        <v>35</v>
      </c>
      <c r="B6760" t="s">
        <v>43</v>
      </c>
      <c r="C6760" t="s">
        <v>117</v>
      </c>
      <c r="D6760" t="s">
        <v>118</v>
      </c>
      <c r="E6760">
        <v>2011</v>
      </c>
      <c r="F6760">
        <v>2011</v>
      </c>
      <c r="G6760" t="s">
        <v>125</v>
      </c>
      <c r="H6760" t="s">
        <v>121</v>
      </c>
      <c r="I6760" t="s">
        <v>15</v>
      </c>
      <c r="J6760" s="10">
        <v>33.241590209999998</v>
      </c>
    </row>
    <row r="6761" spans="1:10" x14ac:dyDescent="0.35">
      <c r="A6761" t="s">
        <v>35</v>
      </c>
      <c r="B6761" t="s">
        <v>43</v>
      </c>
      <c r="C6761" t="s">
        <v>117</v>
      </c>
      <c r="D6761" t="s">
        <v>118</v>
      </c>
      <c r="E6761">
        <v>2011</v>
      </c>
      <c r="F6761">
        <v>2011</v>
      </c>
      <c r="G6761" t="s">
        <v>125</v>
      </c>
      <c r="H6761" t="s">
        <v>122</v>
      </c>
      <c r="I6761" t="s">
        <v>15</v>
      </c>
      <c r="J6761" s="10">
        <v>21.00083403</v>
      </c>
    </row>
    <row r="6762" spans="1:10" x14ac:dyDescent="0.35">
      <c r="A6762" t="s">
        <v>35</v>
      </c>
      <c r="B6762" t="s">
        <v>43</v>
      </c>
      <c r="C6762" t="s">
        <v>117</v>
      </c>
      <c r="D6762" t="s">
        <v>118</v>
      </c>
      <c r="E6762">
        <v>2011</v>
      </c>
      <c r="F6762">
        <v>2011</v>
      </c>
      <c r="G6762" t="s">
        <v>125</v>
      </c>
      <c r="H6762" t="s">
        <v>123</v>
      </c>
      <c r="I6762" t="s">
        <v>15</v>
      </c>
      <c r="J6762" s="10">
        <v>13.72532666</v>
      </c>
    </row>
    <row r="6763" spans="1:10" x14ac:dyDescent="0.35">
      <c r="A6763" t="s">
        <v>35</v>
      </c>
      <c r="B6763" t="s">
        <v>43</v>
      </c>
      <c r="C6763" t="s">
        <v>117</v>
      </c>
      <c r="D6763" t="s">
        <v>118</v>
      </c>
      <c r="E6763">
        <v>2011</v>
      </c>
      <c r="F6763">
        <v>2011</v>
      </c>
      <c r="G6763" t="s">
        <v>125</v>
      </c>
      <c r="H6763" t="s">
        <v>124</v>
      </c>
      <c r="I6763" t="s">
        <v>15</v>
      </c>
      <c r="J6763" s="10">
        <v>1.178760078</v>
      </c>
    </row>
    <row r="6764" spans="1:10" x14ac:dyDescent="0.35">
      <c r="A6764" t="s">
        <v>35</v>
      </c>
      <c r="B6764" t="s">
        <v>43</v>
      </c>
      <c r="C6764" t="s">
        <v>117</v>
      </c>
      <c r="D6764" t="s">
        <v>118</v>
      </c>
      <c r="E6764">
        <v>2011</v>
      </c>
      <c r="F6764">
        <v>2011</v>
      </c>
      <c r="G6764" t="s">
        <v>126</v>
      </c>
      <c r="H6764" t="s">
        <v>119</v>
      </c>
      <c r="I6764" t="s">
        <v>15</v>
      </c>
      <c r="J6764" s="10">
        <v>16.398274430000001</v>
      </c>
    </row>
    <row r="6765" spans="1:10" x14ac:dyDescent="0.35">
      <c r="A6765" t="s">
        <v>35</v>
      </c>
      <c r="B6765" t="s">
        <v>43</v>
      </c>
      <c r="C6765" t="s">
        <v>117</v>
      </c>
      <c r="D6765" t="s">
        <v>118</v>
      </c>
      <c r="E6765">
        <v>2011</v>
      </c>
      <c r="F6765">
        <v>2011</v>
      </c>
      <c r="G6765" t="s">
        <v>126</v>
      </c>
      <c r="H6765" t="s">
        <v>120</v>
      </c>
      <c r="I6765" t="s">
        <v>15</v>
      </c>
      <c r="J6765" s="10">
        <v>10.31054902</v>
      </c>
    </row>
    <row r="6766" spans="1:10" x14ac:dyDescent="0.35">
      <c r="A6766" t="s">
        <v>35</v>
      </c>
      <c r="B6766" t="s">
        <v>43</v>
      </c>
      <c r="C6766" t="s">
        <v>117</v>
      </c>
      <c r="D6766" t="s">
        <v>118</v>
      </c>
      <c r="E6766">
        <v>2011</v>
      </c>
      <c r="F6766">
        <v>2011</v>
      </c>
      <c r="G6766" t="s">
        <v>126</v>
      </c>
      <c r="H6766" t="s">
        <v>121</v>
      </c>
      <c r="I6766" t="s">
        <v>15</v>
      </c>
      <c r="J6766" s="10">
        <v>32.74028027</v>
      </c>
    </row>
    <row r="6767" spans="1:10" x14ac:dyDescent="0.35">
      <c r="A6767" t="s">
        <v>35</v>
      </c>
      <c r="B6767" t="s">
        <v>43</v>
      </c>
      <c r="C6767" t="s">
        <v>117</v>
      </c>
      <c r="D6767" t="s">
        <v>118</v>
      </c>
      <c r="E6767">
        <v>2011</v>
      </c>
      <c r="F6767">
        <v>2011</v>
      </c>
      <c r="G6767" t="s">
        <v>126</v>
      </c>
      <c r="H6767" t="s">
        <v>122</v>
      </c>
      <c r="I6767" t="s">
        <v>15</v>
      </c>
      <c r="J6767" s="10">
        <v>21.545510570000001</v>
      </c>
    </row>
    <row r="6768" spans="1:10" x14ac:dyDescent="0.35">
      <c r="A6768" t="s">
        <v>35</v>
      </c>
      <c r="B6768" t="s">
        <v>43</v>
      </c>
      <c r="C6768" t="s">
        <v>117</v>
      </c>
      <c r="D6768" t="s">
        <v>118</v>
      </c>
      <c r="E6768">
        <v>2011</v>
      </c>
      <c r="F6768">
        <v>2011</v>
      </c>
      <c r="G6768" t="s">
        <v>126</v>
      </c>
      <c r="H6768" t="s">
        <v>123</v>
      </c>
      <c r="I6768" t="s">
        <v>15</v>
      </c>
      <c r="J6768" s="10">
        <v>16.382197690000002</v>
      </c>
    </row>
    <row r="6769" spans="1:10" x14ac:dyDescent="0.35">
      <c r="A6769" t="s">
        <v>35</v>
      </c>
      <c r="B6769" t="s">
        <v>43</v>
      </c>
      <c r="C6769" t="s">
        <v>117</v>
      </c>
      <c r="D6769" t="s">
        <v>118</v>
      </c>
      <c r="E6769">
        <v>2011</v>
      </c>
      <c r="F6769">
        <v>2011</v>
      </c>
      <c r="G6769" t="s">
        <v>126</v>
      </c>
      <c r="H6769" t="s">
        <v>124</v>
      </c>
      <c r="I6769" t="s">
        <v>15</v>
      </c>
      <c r="J6769" s="10">
        <v>2.6231880169999999</v>
      </c>
    </row>
    <row r="6770" spans="1:10" x14ac:dyDescent="0.35">
      <c r="A6770" t="s">
        <v>28</v>
      </c>
      <c r="B6770" t="s">
        <v>44</v>
      </c>
      <c r="C6770" t="s">
        <v>117</v>
      </c>
      <c r="D6770" t="s">
        <v>118</v>
      </c>
      <c r="E6770">
        <v>2020</v>
      </c>
      <c r="F6770">
        <v>2020</v>
      </c>
      <c r="G6770" t="s">
        <v>14</v>
      </c>
      <c r="H6770" t="s">
        <v>119</v>
      </c>
      <c r="I6770" t="s">
        <v>15</v>
      </c>
      <c r="J6770" s="10">
        <v>15.456680649999999</v>
      </c>
    </row>
    <row r="6771" spans="1:10" x14ac:dyDescent="0.35">
      <c r="A6771" t="s">
        <v>28</v>
      </c>
      <c r="B6771" t="s">
        <v>44</v>
      </c>
      <c r="C6771" t="s">
        <v>117</v>
      </c>
      <c r="D6771" t="s">
        <v>118</v>
      </c>
      <c r="E6771">
        <v>2020</v>
      </c>
      <c r="F6771">
        <v>2020</v>
      </c>
      <c r="G6771" t="s">
        <v>14</v>
      </c>
      <c r="H6771" t="s">
        <v>120</v>
      </c>
      <c r="I6771" t="s">
        <v>15</v>
      </c>
      <c r="J6771" s="10">
        <v>8.6044915950000007</v>
      </c>
    </row>
    <row r="6772" spans="1:10" x14ac:dyDescent="0.35">
      <c r="A6772" t="s">
        <v>28</v>
      </c>
      <c r="B6772" t="s">
        <v>44</v>
      </c>
      <c r="C6772" t="s">
        <v>117</v>
      </c>
      <c r="D6772" t="s">
        <v>118</v>
      </c>
      <c r="E6772">
        <v>2020</v>
      </c>
      <c r="F6772">
        <v>2020</v>
      </c>
      <c r="G6772" t="s">
        <v>14</v>
      </c>
      <c r="H6772" t="s">
        <v>121</v>
      </c>
      <c r="I6772" t="s">
        <v>15</v>
      </c>
      <c r="J6772" s="10">
        <v>26.159185069999999</v>
      </c>
    </row>
    <row r="6773" spans="1:10" x14ac:dyDescent="0.35">
      <c r="A6773" t="s">
        <v>28</v>
      </c>
      <c r="B6773" t="s">
        <v>44</v>
      </c>
      <c r="C6773" t="s">
        <v>117</v>
      </c>
      <c r="D6773" t="s">
        <v>118</v>
      </c>
      <c r="E6773">
        <v>2020</v>
      </c>
      <c r="F6773">
        <v>2020</v>
      </c>
      <c r="G6773" t="s">
        <v>14</v>
      </c>
      <c r="H6773" t="s">
        <v>122</v>
      </c>
      <c r="I6773" t="s">
        <v>15</v>
      </c>
      <c r="J6773" s="10">
        <v>23.914707199999999</v>
      </c>
    </row>
    <row r="6774" spans="1:10" x14ac:dyDescent="0.35">
      <c r="A6774" t="s">
        <v>28</v>
      </c>
      <c r="B6774" t="s">
        <v>44</v>
      </c>
      <c r="C6774" t="s">
        <v>117</v>
      </c>
      <c r="D6774" t="s">
        <v>118</v>
      </c>
      <c r="E6774">
        <v>2020</v>
      </c>
      <c r="F6774">
        <v>2020</v>
      </c>
      <c r="G6774" t="s">
        <v>14</v>
      </c>
      <c r="H6774" t="s">
        <v>123</v>
      </c>
      <c r="I6774" t="s">
        <v>15</v>
      </c>
      <c r="J6774" s="10">
        <v>22.791808509999999</v>
      </c>
    </row>
    <row r="6775" spans="1:10" x14ac:dyDescent="0.35">
      <c r="A6775" t="s">
        <v>28</v>
      </c>
      <c r="B6775" t="s">
        <v>44</v>
      </c>
      <c r="C6775" t="s">
        <v>117</v>
      </c>
      <c r="D6775" t="s">
        <v>118</v>
      </c>
      <c r="E6775">
        <v>2020</v>
      </c>
      <c r="F6775">
        <v>2020</v>
      </c>
      <c r="G6775" t="s">
        <v>14</v>
      </c>
      <c r="H6775" t="s">
        <v>124</v>
      </c>
      <c r="I6775" t="s">
        <v>15</v>
      </c>
      <c r="J6775" s="10">
        <v>3.073126963</v>
      </c>
    </row>
    <row r="6776" spans="1:10" x14ac:dyDescent="0.35">
      <c r="A6776" t="s">
        <v>28</v>
      </c>
      <c r="B6776" t="s">
        <v>44</v>
      </c>
      <c r="C6776" t="s">
        <v>117</v>
      </c>
      <c r="D6776" t="s">
        <v>118</v>
      </c>
      <c r="E6776">
        <v>2020</v>
      </c>
      <c r="F6776">
        <v>2020</v>
      </c>
      <c r="G6776" t="s">
        <v>125</v>
      </c>
      <c r="H6776" t="s">
        <v>119</v>
      </c>
      <c r="I6776" t="s">
        <v>15</v>
      </c>
      <c r="J6776" s="10">
        <v>16.298834450000001</v>
      </c>
    </row>
    <row r="6777" spans="1:10" x14ac:dyDescent="0.35">
      <c r="A6777" t="s">
        <v>28</v>
      </c>
      <c r="B6777" t="s">
        <v>44</v>
      </c>
      <c r="C6777" t="s">
        <v>117</v>
      </c>
      <c r="D6777" t="s">
        <v>118</v>
      </c>
      <c r="E6777">
        <v>2020</v>
      </c>
      <c r="F6777">
        <v>2020</v>
      </c>
      <c r="G6777" t="s">
        <v>125</v>
      </c>
      <c r="H6777" t="s">
        <v>120</v>
      </c>
      <c r="I6777" t="s">
        <v>15</v>
      </c>
      <c r="J6777" s="10">
        <v>9.2407727170000005</v>
      </c>
    </row>
    <row r="6778" spans="1:10" x14ac:dyDescent="0.35">
      <c r="A6778" t="s">
        <v>28</v>
      </c>
      <c r="B6778" t="s">
        <v>44</v>
      </c>
      <c r="C6778" t="s">
        <v>117</v>
      </c>
      <c r="D6778" t="s">
        <v>118</v>
      </c>
      <c r="E6778">
        <v>2020</v>
      </c>
      <c r="F6778">
        <v>2020</v>
      </c>
      <c r="G6778" t="s">
        <v>125</v>
      </c>
      <c r="H6778" t="s">
        <v>121</v>
      </c>
      <c r="I6778" t="s">
        <v>15</v>
      </c>
      <c r="J6778" s="10">
        <v>25.534211089999999</v>
      </c>
    </row>
    <row r="6779" spans="1:10" x14ac:dyDescent="0.35">
      <c r="A6779" t="s">
        <v>28</v>
      </c>
      <c r="B6779" t="s">
        <v>44</v>
      </c>
      <c r="C6779" t="s">
        <v>117</v>
      </c>
      <c r="D6779" t="s">
        <v>118</v>
      </c>
      <c r="E6779">
        <v>2020</v>
      </c>
      <c r="F6779">
        <v>2020</v>
      </c>
      <c r="G6779" t="s">
        <v>125</v>
      </c>
      <c r="H6779" t="s">
        <v>122</v>
      </c>
      <c r="I6779" t="s">
        <v>15</v>
      </c>
      <c r="J6779" s="10">
        <v>23.804770130000001</v>
      </c>
    </row>
    <row r="6780" spans="1:10" x14ac:dyDescent="0.35">
      <c r="A6780" t="s">
        <v>28</v>
      </c>
      <c r="B6780" t="s">
        <v>44</v>
      </c>
      <c r="C6780" t="s">
        <v>117</v>
      </c>
      <c r="D6780" t="s">
        <v>118</v>
      </c>
      <c r="E6780">
        <v>2020</v>
      </c>
      <c r="F6780">
        <v>2020</v>
      </c>
      <c r="G6780" t="s">
        <v>125</v>
      </c>
      <c r="H6780" t="s">
        <v>123</v>
      </c>
      <c r="I6780" t="s">
        <v>15</v>
      </c>
      <c r="J6780" s="10">
        <v>22.609540249999998</v>
      </c>
    </row>
    <row r="6781" spans="1:10" x14ac:dyDescent="0.35">
      <c r="A6781" t="s">
        <v>28</v>
      </c>
      <c r="B6781" t="s">
        <v>44</v>
      </c>
      <c r="C6781" t="s">
        <v>117</v>
      </c>
      <c r="D6781" t="s">
        <v>118</v>
      </c>
      <c r="E6781">
        <v>2020</v>
      </c>
      <c r="F6781">
        <v>2020</v>
      </c>
      <c r="G6781" t="s">
        <v>125</v>
      </c>
      <c r="H6781" t="s">
        <v>124</v>
      </c>
      <c r="I6781" t="s">
        <v>15</v>
      </c>
      <c r="J6781" s="10">
        <v>2.5118713580000001</v>
      </c>
    </row>
    <row r="6782" spans="1:10" x14ac:dyDescent="0.35">
      <c r="A6782" t="s">
        <v>28</v>
      </c>
      <c r="B6782" t="s">
        <v>44</v>
      </c>
      <c r="C6782" t="s">
        <v>117</v>
      </c>
      <c r="D6782" t="s">
        <v>118</v>
      </c>
      <c r="E6782">
        <v>2020</v>
      </c>
      <c r="F6782">
        <v>2020</v>
      </c>
      <c r="G6782" t="s">
        <v>126</v>
      </c>
      <c r="H6782" t="s">
        <v>119</v>
      </c>
      <c r="I6782" t="s">
        <v>15</v>
      </c>
      <c r="J6782" s="10">
        <v>14.65058623</v>
      </c>
    </row>
    <row r="6783" spans="1:10" x14ac:dyDescent="0.35">
      <c r="A6783" t="s">
        <v>28</v>
      </c>
      <c r="B6783" t="s">
        <v>44</v>
      </c>
      <c r="C6783" t="s">
        <v>117</v>
      </c>
      <c r="D6783" t="s">
        <v>118</v>
      </c>
      <c r="E6783">
        <v>2020</v>
      </c>
      <c r="F6783">
        <v>2020</v>
      </c>
      <c r="G6783" t="s">
        <v>126</v>
      </c>
      <c r="H6783" t="s">
        <v>120</v>
      </c>
      <c r="I6783" t="s">
        <v>15</v>
      </c>
      <c r="J6783" s="10">
        <v>7.9954547800000002</v>
      </c>
    </row>
    <row r="6784" spans="1:10" x14ac:dyDescent="0.35">
      <c r="A6784" t="s">
        <v>28</v>
      </c>
      <c r="B6784" t="s">
        <v>44</v>
      </c>
      <c r="C6784" t="s">
        <v>117</v>
      </c>
      <c r="D6784" t="s">
        <v>118</v>
      </c>
      <c r="E6784">
        <v>2020</v>
      </c>
      <c r="F6784">
        <v>2020</v>
      </c>
      <c r="G6784" t="s">
        <v>126</v>
      </c>
      <c r="H6784" t="s">
        <v>121</v>
      </c>
      <c r="I6784" t="s">
        <v>15</v>
      </c>
      <c r="J6784" s="10">
        <v>26.757398890000001</v>
      </c>
    </row>
    <row r="6785" spans="1:10" x14ac:dyDescent="0.35">
      <c r="A6785" t="s">
        <v>28</v>
      </c>
      <c r="B6785" t="s">
        <v>44</v>
      </c>
      <c r="C6785" t="s">
        <v>117</v>
      </c>
      <c r="D6785" t="s">
        <v>118</v>
      </c>
      <c r="E6785">
        <v>2020</v>
      </c>
      <c r="F6785">
        <v>2020</v>
      </c>
      <c r="G6785" t="s">
        <v>126</v>
      </c>
      <c r="H6785" t="s">
        <v>122</v>
      </c>
      <c r="I6785" t="s">
        <v>15</v>
      </c>
      <c r="J6785" s="10">
        <v>24.019936990000001</v>
      </c>
    </row>
    <row r="6786" spans="1:10" x14ac:dyDescent="0.35">
      <c r="A6786" t="s">
        <v>28</v>
      </c>
      <c r="B6786" t="s">
        <v>44</v>
      </c>
      <c r="C6786" t="s">
        <v>117</v>
      </c>
      <c r="D6786" t="s">
        <v>118</v>
      </c>
      <c r="E6786">
        <v>2020</v>
      </c>
      <c r="F6786">
        <v>2020</v>
      </c>
      <c r="G6786" t="s">
        <v>126</v>
      </c>
      <c r="H6786" t="s">
        <v>123</v>
      </c>
      <c r="I6786" t="s">
        <v>15</v>
      </c>
      <c r="J6786" s="10">
        <v>22.966272400000001</v>
      </c>
    </row>
    <row r="6787" spans="1:10" x14ac:dyDescent="0.35">
      <c r="A6787" t="s">
        <v>28</v>
      </c>
      <c r="B6787" t="s">
        <v>44</v>
      </c>
      <c r="C6787" t="s">
        <v>117</v>
      </c>
      <c r="D6787" t="s">
        <v>118</v>
      </c>
      <c r="E6787">
        <v>2020</v>
      </c>
      <c r="F6787">
        <v>2020</v>
      </c>
      <c r="G6787" t="s">
        <v>126</v>
      </c>
      <c r="H6787" t="s">
        <v>124</v>
      </c>
      <c r="I6787" t="s">
        <v>15</v>
      </c>
      <c r="J6787" s="10">
        <v>3.6103507050000001</v>
      </c>
    </row>
    <row r="6788" spans="1:10" x14ac:dyDescent="0.35">
      <c r="A6788" t="s">
        <v>28</v>
      </c>
      <c r="B6788" t="s">
        <v>44</v>
      </c>
      <c r="C6788" t="s">
        <v>117</v>
      </c>
      <c r="D6788" t="s">
        <v>118</v>
      </c>
      <c r="E6788">
        <v>2019</v>
      </c>
      <c r="F6788">
        <v>2019</v>
      </c>
      <c r="G6788" t="s">
        <v>14</v>
      </c>
      <c r="H6788" t="s">
        <v>119</v>
      </c>
      <c r="I6788" t="s">
        <v>15</v>
      </c>
      <c r="J6788" s="10">
        <v>15.460318300000001</v>
      </c>
    </row>
    <row r="6789" spans="1:10" x14ac:dyDescent="0.35">
      <c r="A6789" t="s">
        <v>28</v>
      </c>
      <c r="B6789" t="s">
        <v>44</v>
      </c>
      <c r="C6789" t="s">
        <v>117</v>
      </c>
      <c r="D6789" t="s">
        <v>118</v>
      </c>
      <c r="E6789">
        <v>2019</v>
      </c>
      <c r="F6789">
        <v>2019</v>
      </c>
      <c r="G6789" t="s">
        <v>14</v>
      </c>
      <c r="H6789" t="s">
        <v>120</v>
      </c>
      <c r="I6789" t="s">
        <v>15</v>
      </c>
      <c r="J6789" s="10">
        <v>8.8796374369999995</v>
      </c>
    </row>
    <row r="6790" spans="1:10" x14ac:dyDescent="0.35">
      <c r="A6790" t="s">
        <v>28</v>
      </c>
      <c r="B6790" t="s">
        <v>44</v>
      </c>
      <c r="C6790" t="s">
        <v>117</v>
      </c>
      <c r="D6790" t="s">
        <v>118</v>
      </c>
      <c r="E6790">
        <v>2019</v>
      </c>
      <c r="F6790">
        <v>2019</v>
      </c>
      <c r="G6790" t="s">
        <v>14</v>
      </c>
      <c r="H6790" t="s">
        <v>121</v>
      </c>
      <c r="I6790" t="s">
        <v>15</v>
      </c>
      <c r="J6790" s="10">
        <v>26.40572302</v>
      </c>
    </row>
    <row r="6791" spans="1:10" x14ac:dyDescent="0.35">
      <c r="A6791" t="s">
        <v>28</v>
      </c>
      <c r="B6791" t="s">
        <v>44</v>
      </c>
      <c r="C6791" t="s">
        <v>117</v>
      </c>
      <c r="D6791" t="s">
        <v>118</v>
      </c>
      <c r="E6791">
        <v>2019</v>
      </c>
      <c r="F6791">
        <v>2019</v>
      </c>
      <c r="G6791" t="s">
        <v>14</v>
      </c>
      <c r="H6791" t="s">
        <v>122</v>
      </c>
      <c r="I6791" t="s">
        <v>15</v>
      </c>
      <c r="J6791" s="10">
        <v>23.859085159999999</v>
      </c>
    </row>
    <row r="6792" spans="1:10" x14ac:dyDescent="0.35">
      <c r="A6792" t="s">
        <v>28</v>
      </c>
      <c r="B6792" t="s">
        <v>44</v>
      </c>
      <c r="C6792" t="s">
        <v>117</v>
      </c>
      <c r="D6792" t="s">
        <v>118</v>
      </c>
      <c r="E6792">
        <v>2019</v>
      </c>
      <c r="F6792">
        <v>2019</v>
      </c>
      <c r="G6792" t="s">
        <v>14</v>
      </c>
      <c r="H6792" t="s">
        <v>123</v>
      </c>
      <c r="I6792" t="s">
        <v>15</v>
      </c>
      <c r="J6792" s="10">
        <v>22.3637753</v>
      </c>
    </row>
    <row r="6793" spans="1:10" x14ac:dyDescent="0.35">
      <c r="A6793" t="s">
        <v>28</v>
      </c>
      <c r="B6793" t="s">
        <v>44</v>
      </c>
      <c r="C6793" t="s">
        <v>117</v>
      </c>
      <c r="D6793" t="s">
        <v>118</v>
      </c>
      <c r="E6793">
        <v>2019</v>
      </c>
      <c r="F6793">
        <v>2019</v>
      </c>
      <c r="G6793" t="s">
        <v>14</v>
      </c>
      <c r="H6793" t="s">
        <v>124</v>
      </c>
      <c r="I6793" t="s">
        <v>15</v>
      </c>
      <c r="J6793" s="10">
        <v>3.0314607929999999</v>
      </c>
    </row>
    <row r="6794" spans="1:10" x14ac:dyDescent="0.35">
      <c r="A6794" t="s">
        <v>28</v>
      </c>
      <c r="B6794" t="s">
        <v>44</v>
      </c>
      <c r="C6794" t="s">
        <v>117</v>
      </c>
      <c r="D6794" t="s">
        <v>118</v>
      </c>
      <c r="E6794">
        <v>2019</v>
      </c>
      <c r="F6794">
        <v>2019</v>
      </c>
      <c r="G6794" t="s">
        <v>125</v>
      </c>
      <c r="H6794" t="s">
        <v>119</v>
      </c>
      <c r="I6794" t="s">
        <v>15</v>
      </c>
      <c r="J6794" s="10">
        <v>16.32356111</v>
      </c>
    </row>
    <row r="6795" spans="1:10" x14ac:dyDescent="0.35">
      <c r="A6795" t="s">
        <v>28</v>
      </c>
      <c r="B6795" t="s">
        <v>44</v>
      </c>
      <c r="C6795" t="s">
        <v>117</v>
      </c>
      <c r="D6795" t="s">
        <v>118</v>
      </c>
      <c r="E6795">
        <v>2019</v>
      </c>
      <c r="F6795">
        <v>2019</v>
      </c>
      <c r="G6795" t="s">
        <v>125</v>
      </c>
      <c r="H6795" t="s">
        <v>120</v>
      </c>
      <c r="I6795" t="s">
        <v>15</v>
      </c>
      <c r="J6795" s="10">
        <v>9.5521664150000003</v>
      </c>
    </row>
    <row r="6796" spans="1:10" x14ac:dyDescent="0.35">
      <c r="A6796" t="s">
        <v>28</v>
      </c>
      <c r="B6796" t="s">
        <v>44</v>
      </c>
      <c r="C6796" t="s">
        <v>117</v>
      </c>
      <c r="D6796" t="s">
        <v>118</v>
      </c>
      <c r="E6796">
        <v>2019</v>
      </c>
      <c r="F6796">
        <v>2019</v>
      </c>
      <c r="G6796" t="s">
        <v>125</v>
      </c>
      <c r="H6796" t="s">
        <v>121</v>
      </c>
      <c r="I6796" t="s">
        <v>15</v>
      </c>
      <c r="J6796" s="10">
        <v>25.835309330000001</v>
      </c>
    </row>
    <row r="6797" spans="1:10" x14ac:dyDescent="0.35">
      <c r="A6797" t="s">
        <v>28</v>
      </c>
      <c r="B6797" t="s">
        <v>44</v>
      </c>
      <c r="C6797" t="s">
        <v>117</v>
      </c>
      <c r="D6797" t="s">
        <v>118</v>
      </c>
      <c r="E6797">
        <v>2019</v>
      </c>
      <c r="F6797">
        <v>2019</v>
      </c>
      <c r="G6797" t="s">
        <v>125</v>
      </c>
      <c r="H6797" t="s">
        <v>122</v>
      </c>
      <c r="I6797" t="s">
        <v>15</v>
      </c>
      <c r="J6797" s="10">
        <v>23.633865060000002</v>
      </c>
    </row>
    <row r="6798" spans="1:10" x14ac:dyDescent="0.35">
      <c r="A6798" t="s">
        <v>28</v>
      </c>
      <c r="B6798" t="s">
        <v>44</v>
      </c>
      <c r="C6798" t="s">
        <v>117</v>
      </c>
      <c r="D6798" t="s">
        <v>118</v>
      </c>
      <c r="E6798">
        <v>2019</v>
      </c>
      <c r="F6798">
        <v>2019</v>
      </c>
      <c r="G6798" t="s">
        <v>125</v>
      </c>
      <c r="H6798" t="s">
        <v>123</v>
      </c>
      <c r="I6798" t="s">
        <v>15</v>
      </c>
      <c r="J6798" s="10">
        <v>22.213839190000002</v>
      </c>
    </row>
    <row r="6799" spans="1:10" x14ac:dyDescent="0.35">
      <c r="A6799" t="s">
        <v>28</v>
      </c>
      <c r="B6799" t="s">
        <v>44</v>
      </c>
      <c r="C6799" t="s">
        <v>117</v>
      </c>
      <c r="D6799" t="s">
        <v>118</v>
      </c>
      <c r="E6799">
        <v>2019</v>
      </c>
      <c r="F6799">
        <v>2019</v>
      </c>
      <c r="G6799" t="s">
        <v>125</v>
      </c>
      <c r="H6799" t="s">
        <v>124</v>
      </c>
      <c r="I6799" t="s">
        <v>15</v>
      </c>
      <c r="J6799" s="10">
        <v>2.441258892</v>
      </c>
    </row>
    <row r="6800" spans="1:10" x14ac:dyDescent="0.35">
      <c r="A6800" t="s">
        <v>28</v>
      </c>
      <c r="B6800" t="s">
        <v>44</v>
      </c>
      <c r="C6800" t="s">
        <v>117</v>
      </c>
      <c r="D6800" t="s">
        <v>118</v>
      </c>
      <c r="E6800">
        <v>2019</v>
      </c>
      <c r="F6800">
        <v>2019</v>
      </c>
      <c r="G6800" t="s">
        <v>126</v>
      </c>
      <c r="H6800" t="s">
        <v>119</v>
      </c>
      <c r="I6800" t="s">
        <v>15</v>
      </c>
      <c r="J6800" s="10">
        <v>14.634460710000001</v>
      </c>
    </row>
    <row r="6801" spans="1:10" x14ac:dyDescent="0.35">
      <c r="A6801" t="s">
        <v>28</v>
      </c>
      <c r="B6801" t="s">
        <v>44</v>
      </c>
      <c r="C6801" t="s">
        <v>117</v>
      </c>
      <c r="D6801" t="s">
        <v>118</v>
      </c>
      <c r="E6801">
        <v>2019</v>
      </c>
      <c r="F6801">
        <v>2019</v>
      </c>
      <c r="G6801" t="s">
        <v>126</v>
      </c>
      <c r="H6801" t="s">
        <v>120</v>
      </c>
      <c r="I6801" t="s">
        <v>15</v>
      </c>
      <c r="J6801" s="10">
        <v>8.2362342749999993</v>
      </c>
    </row>
    <row r="6802" spans="1:10" x14ac:dyDescent="0.35">
      <c r="A6802" t="s">
        <v>28</v>
      </c>
      <c r="B6802" t="s">
        <v>44</v>
      </c>
      <c r="C6802" t="s">
        <v>117</v>
      </c>
      <c r="D6802" t="s">
        <v>118</v>
      </c>
      <c r="E6802">
        <v>2019</v>
      </c>
      <c r="F6802">
        <v>2019</v>
      </c>
      <c r="G6802" t="s">
        <v>126</v>
      </c>
      <c r="H6802" t="s">
        <v>121</v>
      </c>
      <c r="I6802" t="s">
        <v>15</v>
      </c>
      <c r="J6802" s="10">
        <v>26.951433290000001</v>
      </c>
    </row>
    <row r="6803" spans="1:10" x14ac:dyDescent="0.35">
      <c r="A6803" t="s">
        <v>28</v>
      </c>
      <c r="B6803" t="s">
        <v>44</v>
      </c>
      <c r="C6803" t="s">
        <v>117</v>
      </c>
      <c r="D6803" t="s">
        <v>118</v>
      </c>
      <c r="E6803">
        <v>2019</v>
      </c>
      <c r="F6803">
        <v>2019</v>
      </c>
      <c r="G6803" t="s">
        <v>126</v>
      </c>
      <c r="H6803" t="s">
        <v>122</v>
      </c>
      <c r="I6803" t="s">
        <v>15</v>
      </c>
      <c r="J6803" s="10">
        <v>24.074551450000001</v>
      </c>
    </row>
    <row r="6804" spans="1:10" x14ac:dyDescent="0.35">
      <c r="A6804" t="s">
        <v>28</v>
      </c>
      <c r="B6804" t="s">
        <v>44</v>
      </c>
      <c r="C6804" t="s">
        <v>117</v>
      </c>
      <c r="D6804" t="s">
        <v>118</v>
      </c>
      <c r="E6804">
        <v>2019</v>
      </c>
      <c r="F6804">
        <v>2019</v>
      </c>
      <c r="G6804" t="s">
        <v>126</v>
      </c>
      <c r="H6804" t="s">
        <v>123</v>
      </c>
      <c r="I6804" t="s">
        <v>15</v>
      </c>
      <c r="J6804" s="10">
        <v>22.50721798</v>
      </c>
    </row>
    <row r="6805" spans="1:10" x14ac:dyDescent="0.35">
      <c r="A6805" t="s">
        <v>28</v>
      </c>
      <c r="B6805" t="s">
        <v>44</v>
      </c>
      <c r="C6805" t="s">
        <v>117</v>
      </c>
      <c r="D6805" t="s">
        <v>118</v>
      </c>
      <c r="E6805">
        <v>2019</v>
      </c>
      <c r="F6805">
        <v>2019</v>
      </c>
      <c r="G6805" t="s">
        <v>126</v>
      </c>
      <c r="H6805" t="s">
        <v>124</v>
      </c>
      <c r="I6805" t="s">
        <v>15</v>
      </c>
      <c r="J6805" s="10">
        <v>3.5961022890000001</v>
      </c>
    </row>
    <row r="6806" spans="1:10" x14ac:dyDescent="0.35">
      <c r="A6806" t="s">
        <v>28</v>
      </c>
      <c r="B6806" t="s">
        <v>44</v>
      </c>
      <c r="C6806" t="s">
        <v>117</v>
      </c>
      <c r="D6806" t="s">
        <v>118</v>
      </c>
      <c r="E6806">
        <v>2018</v>
      </c>
      <c r="F6806">
        <v>2018</v>
      </c>
      <c r="G6806" t="s">
        <v>14</v>
      </c>
      <c r="H6806" t="s">
        <v>119</v>
      </c>
      <c r="I6806" t="s">
        <v>15</v>
      </c>
      <c r="J6806" s="10">
        <v>15.53217577</v>
      </c>
    </row>
    <row r="6807" spans="1:10" x14ac:dyDescent="0.35">
      <c r="A6807" t="s">
        <v>28</v>
      </c>
      <c r="B6807" t="s">
        <v>44</v>
      </c>
      <c r="C6807" t="s">
        <v>117</v>
      </c>
      <c r="D6807" t="s">
        <v>118</v>
      </c>
      <c r="E6807">
        <v>2018</v>
      </c>
      <c r="F6807">
        <v>2018</v>
      </c>
      <c r="G6807" t="s">
        <v>14</v>
      </c>
      <c r="H6807" t="s">
        <v>120</v>
      </c>
      <c r="I6807" t="s">
        <v>15</v>
      </c>
      <c r="J6807" s="10">
        <v>8.9823201360000002</v>
      </c>
    </row>
    <row r="6808" spans="1:10" x14ac:dyDescent="0.35">
      <c r="A6808" t="s">
        <v>28</v>
      </c>
      <c r="B6808" t="s">
        <v>44</v>
      </c>
      <c r="C6808" t="s">
        <v>117</v>
      </c>
      <c r="D6808" t="s">
        <v>118</v>
      </c>
      <c r="E6808">
        <v>2018</v>
      </c>
      <c r="F6808">
        <v>2018</v>
      </c>
      <c r="G6808" t="s">
        <v>14</v>
      </c>
      <c r="H6808" t="s">
        <v>121</v>
      </c>
      <c r="I6808" t="s">
        <v>15</v>
      </c>
      <c r="J6808" s="10">
        <v>26.78084088</v>
      </c>
    </row>
    <row r="6809" spans="1:10" x14ac:dyDescent="0.35">
      <c r="A6809" t="s">
        <v>28</v>
      </c>
      <c r="B6809" t="s">
        <v>44</v>
      </c>
      <c r="C6809" t="s">
        <v>117</v>
      </c>
      <c r="D6809" t="s">
        <v>118</v>
      </c>
      <c r="E6809">
        <v>2018</v>
      </c>
      <c r="F6809">
        <v>2018</v>
      </c>
      <c r="G6809" t="s">
        <v>14</v>
      </c>
      <c r="H6809" t="s">
        <v>122</v>
      </c>
      <c r="I6809" t="s">
        <v>15</v>
      </c>
      <c r="J6809" s="10">
        <v>23.764321219999999</v>
      </c>
    </row>
    <row r="6810" spans="1:10" x14ac:dyDescent="0.35">
      <c r="A6810" t="s">
        <v>28</v>
      </c>
      <c r="B6810" t="s">
        <v>44</v>
      </c>
      <c r="C6810" t="s">
        <v>117</v>
      </c>
      <c r="D6810" t="s">
        <v>118</v>
      </c>
      <c r="E6810">
        <v>2018</v>
      </c>
      <c r="F6810">
        <v>2018</v>
      </c>
      <c r="G6810" t="s">
        <v>14</v>
      </c>
      <c r="H6810" t="s">
        <v>123</v>
      </c>
      <c r="I6810" t="s">
        <v>15</v>
      </c>
      <c r="J6810" s="10">
        <v>22.037205499999999</v>
      </c>
    </row>
    <row r="6811" spans="1:10" x14ac:dyDescent="0.35">
      <c r="A6811" t="s">
        <v>28</v>
      </c>
      <c r="B6811" t="s">
        <v>44</v>
      </c>
      <c r="C6811" t="s">
        <v>117</v>
      </c>
      <c r="D6811" t="s">
        <v>118</v>
      </c>
      <c r="E6811">
        <v>2018</v>
      </c>
      <c r="F6811">
        <v>2018</v>
      </c>
      <c r="G6811" t="s">
        <v>14</v>
      </c>
      <c r="H6811" t="s">
        <v>124</v>
      </c>
      <c r="I6811" t="s">
        <v>15</v>
      </c>
      <c r="J6811" s="10">
        <v>2.903136495</v>
      </c>
    </row>
    <row r="6812" spans="1:10" x14ac:dyDescent="0.35">
      <c r="A6812" t="s">
        <v>28</v>
      </c>
      <c r="B6812" t="s">
        <v>44</v>
      </c>
      <c r="C6812" t="s">
        <v>117</v>
      </c>
      <c r="D6812" t="s">
        <v>118</v>
      </c>
      <c r="E6812">
        <v>2018</v>
      </c>
      <c r="F6812">
        <v>2018</v>
      </c>
      <c r="G6812" t="s">
        <v>125</v>
      </c>
      <c r="H6812" t="s">
        <v>119</v>
      </c>
      <c r="I6812" t="s">
        <v>15</v>
      </c>
      <c r="J6812" s="10">
        <v>16.290287809999999</v>
      </c>
    </row>
    <row r="6813" spans="1:10" x14ac:dyDescent="0.35">
      <c r="A6813" t="s">
        <v>28</v>
      </c>
      <c r="B6813" t="s">
        <v>44</v>
      </c>
      <c r="C6813" t="s">
        <v>117</v>
      </c>
      <c r="D6813" t="s">
        <v>118</v>
      </c>
      <c r="E6813">
        <v>2018</v>
      </c>
      <c r="F6813">
        <v>2018</v>
      </c>
      <c r="G6813" t="s">
        <v>125</v>
      </c>
      <c r="H6813" t="s">
        <v>120</v>
      </c>
      <c r="I6813" t="s">
        <v>15</v>
      </c>
      <c r="J6813" s="10">
        <v>9.6232618300000006</v>
      </c>
    </row>
    <row r="6814" spans="1:10" x14ac:dyDescent="0.35">
      <c r="A6814" t="s">
        <v>28</v>
      </c>
      <c r="B6814" t="s">
        <v>44</v>
      </c>
      <c r="C6814" t="s">
        <v>117</v>
      </c>
      <c r="D6814" t="s">
        <v>118</v>
      </c>
      <c r="E6814">
        <v>2018</v>
      </c>
      <c r="F6814">
        <v>2018</v>
      </c>
      <c r="G6814" t="s">
        <v>125</v>
      </c>
      <c r="H6814" t="s">
        <v>121</v>
      </c>
      <c r="I6814" t="s">
        <v>15</v>
      </c>
      <c r="J6814" s="10">
        <v>26.26926808</v>
      </c>
    </row>
    <row r="6815" spans="1:10" x14ac:dyDescent="0.35">
      <c r="A6815" t="s">
        <v>28</v>
      </c>
      <c r="B6815" t="s">
        <v>44</v>
      </c>
      <c r="C6815" t="s">
        <v>117</v>
      </c>
      <c r="D6815" t="s">
        <v>118</v>
      </c>
      <c r="E6815">
        <v>2018</v>
      </c>
      <c r="F6815">
        <v>2018</v>
      </c>
      <c r="G6815" t="s">
        <v>125</v>
      </c>
      <c r="H6815" t="s">
        <v>122</v>
      </c>
      <c r="I6815" t="s">
        <v>15</v>
      </c>
      <c r="J6815" s="10">
        <v>23.768459629999999</v>
      </c>
    </row>
    <row r="6816" spans="1:10" x14ac:dyDescent="0.35">
      <c r="A6816" t="s">
        <v>28</v>
      </c>
      <c r="B6816" t="s">
        <v>44</v>
      </c>
      <c r="C6816" t="s">
        <v>117</v>
      </c>
      <c r="D6816" t="s">
        <v>118</v>
      </c>
      <c r="E6816">
        <v>2018</v>
      </c>
      <c r="F6816">
        <v>2018</v>
      </c>
      <c r="G6816" t="s">
        <v>125</v>
      </c>
      <c r="H6816" t="s">
        <v>123</v>
      </c>
      <c r="I6816" t="s">
        <v>15</v>
      </c>
      <c r="J6816" s="10">
        <v>21.752721789999999</v>
      </c>
    </row>
    <row r="6817" spans="1:10" x14ac:dyDescent="0.35">
      <c r="A6817" t="s">
        <v>28</v>
      </c>
      <c r="B6817" t="s">
        <v>44</v>
      </c>
      <c r="C6817" t="s">
        <v>117</v>
      </c>
      <c r="D6817" t="s">
        <v>118</v>
      </c>
      <c r="E6817">
        <v>2018</v>
      </c>
      <c r="F6817">
        <v>2018</v>
      </c>
      <c r="G6817" t="s">
        <v>125</v>
      </c>
      <c r="H6817" t="s">
        <v>124</v>
      </c>
      <c r="I6817" t="s">
        <v>15</v>
      </c>
      <c r="J6817" s="10">
        <v>2.2960008620000001</v>
      </c>
    </row>
    <row r="6818" spans="1:10" x14ac:dyDescent="0.35">
      <c r="A6818" t="s">
        <v>28</v>
      </c>
      <c r="B6818" t="s">
        <v>44</v>
      </c>
      <c r="C6818" t="s">
        <v>117</v>
      </c>
      <c r="D6818" t="s">
        <v>118</v>
      </c>
      <c r="E6818">
        <v>2018</v>
      </c>
      <c r="F6818">
        <v>2018</v>
      </c>
      <c r="G6818" t="s">
        <v>126</v>
      </c>
      <c r="H6818" t="s">
        <v>119</v>
      </c>
      <c r="I6818" t="s">
        <v>15</v>
      </c>
      <c r="J6818" s="10">
        <v>14.80601946</v>
      </c>
    </row>
    <row r="6819" spans="1:10" x14ac:dyDescent="0.35">
      <c r="A6819" t="s">
        <v>28</v>
      </c>
      <c r="B6819" t="s">
        <v>44</v>
      </c>
      <c r="C6819" t="s">
        <v>117</v>
      </c>
      <c r="D6819" t="s">
        <v>118</v>
      </c>
      <c r="E6819">
        <v>2018</v>
      </c>
      <c r="F6819">
        <v>2018</v>
      </c>
      <c r="G6819" t="s">
        <v>126</v>
      </c>
      <c r="H6819" t="s">
        <v>120</v>
      </c>
      <c r="I6819" t="s">
        <v>15</v>
      </c>
      <c r="J6819" s="10">
        <v>8.3683952399999999</v>
      </c>
    </row>
    <row r="6820" spans="1:10" x14ac:dyDescent="0.35">
      <c r="A6820" t="s">
        <v>28</v>
      </c>
      <c r="B6820" t="s">
        <v>44</v>
      </c>
      <c r="C6820" t="s">
        <v>117</v>
      </c>
      <c r="D6820" t="s">
        <v>118</v>
      </c>
      <c r="E6820">
        <v>2018</v>
      </c>
      <c r="F6820">
        <v>2018</v>
      </c>
      <c r="G6820" t="s">
        <v>126</v>
      </c>
      <c r="H6820" t="s">
        <v>121</v>
      </c>
      <c r="I6820" t="s">
        <v>15</v>
      </c>
      <c r="J6820" s="10">
        <v>27.270849999999999</v>
      </c>
    </row>
    <row r="6821" spans="1:10" x14ac:dyDescent="0.35">
      <c r="A6821" t="s">
        <v>28</v>
      </c>
      <c r="B6821" t="s">
        <v>44</v>
      </c>
      <c r="C6821" t="s">
        <v>117</v>
      </c>
      <c r="D6821" t="s">
        <v>118</v>
      </c>
      <c r="E6821">
        <v>2018</v>
      </c>
      <c r="F6821">
        <v>2018</v>
      </c>
      <c r="G6821" t="s">
        <v>126</v>
      </c>
      <c r="H6821" t="s">
        <v>122</v>
      </c>
      <c r="I6821" t="s">
        <v>15</v>
      </c>
      <c r="J6821" s="10">
        <v>23.760357240000001</v>
      </c>
    </row>
    <row r="6822" spans="1:10" x14ac:dyDescent="0.35">
      <c r="A6822" t="s">
        <v>28</v>
      </c>
      <c r="B6822" t="s">
        <v>44</v>
      </c>
      <c r="C6822" t="s">
        <v>117</v>
      </c>
      <c r="D6822" t="s">
        <v>118</v>
      </c>
      <c r="E6822">
        <v>2018</v>
      </c>
      <c r="F6822">
        <v>2018</v>
      </c>
      <c r="G6822" t="s">
        <v>126</v>
      </c>
      <c r="H6822" t="s">
        <v>123</v>
      </c>
      <c r="I6822" t="s">
        <v>15</v>
      </c>
      <c r="J6822" s="10">
        <v>22.309697740000001</v>
      </c>
    </row>
    <row r="6823" spans="1:10" x14ac:dyDescent="0.35">
      <c r="A6823" t="s">
        <v>28</v>
      </c>
      <c r="B6823" t="s">
        <v>44</v>
      </c>
      <c r="C6823" t="s">
        <v>117</v>
      </c>
      <c r="D6823" t="s">
        <v>118</v>
      </c>
      <c r="E6823">
        <v>2018</v>
      </c>
      <c r="F6823">
        <v>2018</v>
      </c>
      <c r="G6823" t="s">
        <v>126</v>
      </c>
      <c r="H6823" t="s">
        <v>124</v>
      </c>
      <c r="I6823" t="s">
        <v>15</v>
      </c>
      <c r="J6823" s="10">
        <v>3.4846803130000001</v>
      </c>
    </row>
    <row r="6824" spans="1:10" x14ac:dyDescent="0.35">
      <c r="A6824" t="s">
        <v>28</v>
      </c>
      <c r="B6824" t="s">
        <v>44</v>
      </c>
      <c r="C6824" t="s">
        <v>117</v>
      </c>
      <c r="D6824" t="s">
        <v>118</v>
      </c>
      <c r="E6824">
        <v>2017</v>
      </c>
      <c r="F6824">
        <v>2017</v>
      </c>
      <c r="G6824" t="s">
        <v>14</v>
      </c>
      <c r="H6824" t="s">
        <v>119</v>
      </c>
      <c r="I6824" t="s">
        <v>15</v>
      </c>
      <c r="J6824" s="10">
        <v>15.515127550000001</v>
      </c>
    </row>
    <row r="6825" spans="1:10" x14ac:dyDescent="0.35">
      <c r="A6825" t="s">
        <v>28</v>
      </c>
      <c r="B6825" t="s">
        <v>44</v>
      </c>
      <c r="C6825" t="s">
        <v>117</v>
      </c>
      <c r="D6825" t="s">
        <v>118</v>
      </c>
      <c r="E6825">
        <v>2017</v>
      </c>
      <c r="F6825">
        <v>2017</v>
      </c>
      <c r="G6825" t="s">
        <v>14</v>
      </c>
      <c r="H6825" t="s">
        <v>120</v>
      </c>
      <c r="I6825" t="s">
        <v>15</v>
      </c>
      <c r="J6825" s="10">
        <v>9.150352646</v>
      </c>
    </row>
    <row r="6826" spans="1:10" x14ac:dyDescent="0.35">
      <c r="A6826" t="s">
        <v>28</v>
      </c>
      <c r="B6826" t="s">
        <v>44</v>
      </c>
      <c r="C6826" t="s">
        <v>117</v>
      </c>
      <c r="D6826" t="s">
        <v>118</v>
      </c>
      <c r="E6826">
        <v>2017</v>
      </c>
      <c r="F6826">
        <v>2017</v>
      </c>
      <c r="G6826" t="s">
        <v>14</v>
      </c>
      <c r="H6826" t="s">
        <v>121</v>
      </c>
      <c r="I6826" t="s">
        <v>15</v>
      </c>
      <c r="J6826" s="10">
        <v>27.175532270000001</v>
      </c>
    </row>
    <row r="6827" spans="1:10" x14ac:dyDescent="0.35">
      <c r="A6827" t="s">
        <v>28</v>
      </c>
      <c r="B6827" t="s">
        <v>44</v>
      </c>
      <c r="C6827" t="s">
        <v>117</v>
      </c>
      <c r="D6827" t="s">
        <v>118</v>
      </c>
      <c r="E6827">
        <v>2017</v>
      </c>
      <c r="F6827">
        <v>2017</v>
      </c>
      <c r="G6827" t="s">
        <v>14</v>
      </c>
      <c r="H6827" t="s">
        <v>122</v>
      </c>
      <c r="I6827" t="s">
        <v>15</v>
      </c>
      <c r="J6827" s="10">
        <v>23.646430689999999</v>
      </c>
    </row>
    <row r="6828" spans="1:10" x14ac:dyDescent="0.35">
      <c r="A6828" t="s">
        <v>28</v>
      </c>
      <c r="B6828" t="s">
        <v>44</v>
      </c>
      <c r="C6828" t="s">
        <v>117</v>
      </c>
      <c r="D6828" t="s">
        <v>118</v>
      </c>
      <c r="E6828">
        <v>2017</v>
      </c>
      <c r="F6828">
        <v>2017</v>
      </c>
      <c r="G6828" t="s">
        <v>14</v>
      </c>
      <c r="H6828" t="s">
        <v>123</v>
      </c>
      <c r="I6828" t="s">
        <v>15</v>
      </c>
      <c r="J6828" s="10">
        <v>21.67292861</v>
      </c>
    </row>
    <row r="6829" spans="1:10" x14ac:dyDescent="0.35">
      <c r="A6829" t="s">
        <v>28</v>
      </c>
      <c r="B6829" t="s">
        <v>44</v>
      </c>
      <c r="C6829" t="s">
        <v>117</v>
      </c>
      <c r="D6829" t="s">
        <v>118</v>
      </c>
      <c r="E6829">
        <v>2017</v>
      </c>
      <c r="F6829">
        <v>2017</v>
      </c>
      <c r="G6829" t="s">
        <v>14</v>
      </c>
      <c r="H6829" t="s">
        <v>124</v>
      </c>
      <c r="I6829" t="s">
        <v>15</v>
      </c>
      <c r="J6829" s="10">
        <v>2.839628238</v>
      </c>
    </row>
    <row r="6830" spans="1:10" x14ac:dyDescent="0.35">
      <c r="A6830" t="s">
        <v>28</v>
      </c>
      <c r="B6830" t="s">
        <v>44</v>
      </c>
      <c r="C6830" t="s">
        <v>117</v>
      </c>
      <c r="D6830" t="s">
        <v>118</v>
      </c>
      <c r="E6830">
        <v>2017</v>
      </c>
      <c r="F6830">
        <v>2017</v>
      </c>
      <c r="G6830" t="s">
        <v>125</v>
      </c>
      <c r="H6830" t="s">
        <v>119</v>
      </c>
      <c r="I6830" t="s">
        <v>15</v>
      </c>
      <c r="J6830" s="10">
        <v>16.340522010000001</v>
      </c>
    </row>
    <row r="6831" spans="1:10" x14ac:dyDescent="0.35">
      <c r="A6831" t="s">
        <v>28</v>
      </c>
      <c r="B6831" t="s">
        <v>44</v>
      </c>
      <c r="C6831" t="s">
        <v>117</v>
      </c>
      <c r="D6831" t="s">
        <v>118</v>
      </c>
      <c r="E6831">
        <v>2017</v>
      </c>
      <c r="F6831">
        <v>2017</v>
      </c>
      <c r="G6831" t="s">
        <v>125</v>
      </c>
      <c r="H6831" t="s">
        <v>120</v>
      </c>
      <c r="I6831" t="s">
        <v>15</v>
      </c>
      <c r="J6831" s="10">
        <v>9.7627466330000008</v>
      </c>
    </row>
    <row r="6832" spans="1:10" x14ac:dyDescent="0.35">
      <c r="A6832" t="s">
        <v>28</v>
      </c>
      <c r="B6832" t="s">
        <v>44</v>
      </c>
      <c r="C6832" t="s">
        <v>117</v>
      </c>
      <c r="D6832" t="s">
        <v>118</v>
      </c>
      <c r="E6832">
        <v>2017</v>
      </c>
      <c r="F6832">
        <v>2017</v>
      </c>
      <c r="G6832" t="s">
        <v>125</v>
      </c>
      <c r="H6832" t="s">
        <v>121</v>
      </c>
      <c r="I6832" t="s">
        <v>15</v>
      </c>
      <c r="J6832" s="10">
        <v>26.67008556</v>
      </c>
    </row>
    <row r="6833" spans="1:10" x14ac:dyDescent="0.35">
      <c r="A6833" t="s">
        <v>28</v>
      </c>
      <c r="B6833" t="s">
        <v>44</v>
      </c>
      <c r="C6833" t="s">
        <v>117</v>
      </c>
      <c r="D6833" t="s">
        <v>118</v>
      </c>
      <c r="E6833">
        <v>2017</v>
      </c>
      <c r="F6833">
        <v>2017</v>
      </c>
      <c r="G6833" t="s">
        <v>125</v>
      </c>
      <c r="H6833" t="s">
        <v>122</v>
      </c>
      <c r="I6833" t="s">
        <v>15</v>
      </c>
      <c r="J6833" s="10">
        <v>23.70374369</v>
      </c>
    </row>
    <row r="6834" spans="1:10" x14ac:dyDescent="0.35">
      <c r="A6834" t="s">
        <v>28</v>
      </c>
      <c r="B6834" t="s">
        <v>44</v>
      </c>
      <c r="C6834" t="s">
        <v>117</v>
      </c>
      <c r="D6834" t="s">
        <v>118</v>
      </c>
      <c r="E6834">
        <v>2017</v>
      </c>
      <c r="F6834">
        <v>2017</v>
      </c>
      <c r="G6834" t="s">
        <v>125</v>
      </c>
      <c r="H6834" t="s">
        <v>123</v>
      </c>
      <c r="I6834" t="s">
        <v>15</v>
      </c>
      <c r="J6834" s="10">
        <v>21.387891710000002</v>
      </c>
    </row>
    <row r="6835" spans="1:10" x14ac:dyDescent="0.35">
      <c r="A6835" t="s">
        <v>28</v>
      </c>
      <c r="B6835" t="s">
        <v>44</v>
      </c>
      <c r="C6835" t="s">
        <v>117</v>
      </c>
      <c r="D6835" t="s">
        <v>118</v>
      </c>
      <c r="E6835">
        <v>2017</v>
      </c>
      <c r="F6835">
        <v>2017</v>
      </c>
      <c r="G6835" t="s">
        <v>125</v>
      </c>
      <c r="H6835" t="s">
        <v>124</v>
      </c>
      <c r="I6835" t="s">
        <v>15</v>
      </c>
      <c r="J6835" s="10">
        <v>2.1350103919999999</v>
      </c>
    </row>
    <row r="6836" spans="1:10" x14ac:dyDescent="0.35">
      <c r="A6836" t="s">
        <v>28</v>
      </c>
      <c r="B6836" t="s">
        <v>44</v>
      </c>
      <c r="C6836" t="s">
        <v>117</v>
      </c>
      <c r="D6836" t="s">
        <v>118</v>
      </c>
      <c r="E6836">
        <v>2017</v>
      </c>
      <c r="F6836">
        <v>2017</v>
      </c>
      <c r="G6836" t="s">
        <v>126</v>
      </c>
      <c r="H6836" t="s">
        <v>119</v>
      </c>
      <c r="I6836" t="s">
        <v>15</v>
      </c>
      <c r="J6836" s="10">
        <v>14.72710406</v>
      </c>
    </row>
    <row r="6837" spans="1:10" x14ac:dyDescent="0.35">
      <c r="A6837" t="s">
        <v>28</v>
      </c>
      <c r="B6837" t="s">
        <v>44</v>
      </c>
      <c r="C6837" t="s">
        <v>117</v>
      </c>
      <c r="D6837" t="s">
        <v>118</v>
      </c>
      <c r="E6837">
        <v>2017</v>
      </c>
      <c r="F6837">
        <v>2017</v>
      </c>
      <c r="G6837" t="s">
        <v>126</v>
      </c>
      <c r="H6837" t="s">
        <v>120</v>
      </c>
      <c r="I6837" t="s">
        <v>15</v>
      </c>
      <c r="J6837" s="10">
        <v>8.5656857189999993</v>
      </c>
    </row>
    <row r="6838" spans="1:10" x14ac:dyDescent="0.35">
      <c r="A6838" t="s">
        <v>28</v>
      </c>
      <c r="B6838" t="s">
        <v>44</v>
      </c>
      <c r="C6838" t="s">
        <v>117</v>
      </c>
      <c r="D6838" t="s">
        <v>118</v>
      </c>
      <c r="E6838">
        <v>2017</v>
      </c>
      <c r="F6838">
        <v>2017</v>
      </c>
      <c r="G6838" t="s">
        <v>126</v>
      </c>
      <c r="H6838" t="s">
        <v>121</v>
      </c>
      <c r="I6838" t="s">
        <v>15</v>
      </c>
      <c r="J6838" s="10">
        <v>27.65809411</v>
      </c>
    </row>
    <row r="6839" spans="1:10" x14ac:dyDescent="0.35">
      <c r="A6839" t="s">
        <v>28</v>
      </c>
      <c r="B6839" t="s">
        <v>44</v>
      </c>
      <c r="C6839" t="s">
        <v>117</v>
      </c>
      <c r="D6839" t="s">
        <v>118</v>
      </c>
      <c r="E6839">
        <v>2017</v>
      </c>
      <c r="F6839">
        <v>2017</v>
      </c>
      <c r="G6839" t="s">
        <v>126</v>
      </c>
      <c r="H6839" t="s">
        <v>122</v>
      </c>
      <c r="I6839" t="s">
        <v>15</v>
      </c>
      <c r="J6839" s="10">
        <v>23.591712619999999</v>
      </c>
    </row>
    <row r="6840" spans="1:10" x14ac:dyDescent="0.35">
      <c r="A6840" t="s">
        <v>28</v>
      </c>
      <c r="B6840" t="s">
        <v>44</v>
      </c>
      <c r="C6840" t="s">
        <v>117</v>
      </c>
      <c r="D6840" t="s">
        <v>118</v>
      </c>
      <c r="E6840">
        <v>2017</v>
      </c>
      <c r="F6840">
        <v>2017</v>
      </c>
      <c r="G6840" t="s">
        <v>126</v>
      </c>
      <c r="H6840" t="s">
        <v>123</v>
      </c>
      <c r="I6840" t="s">
        <v>15</v>
      </c>
      <c r="J6840" s="10">
        <v>21.945060040000001</v>
      </c>
    </row>
    <row r="6841" spans="1:10" x14ac:dyDescent="0.35">
      <c r="A6841" t="s">
        <v>28</v>
      </c>
      <c r="B6841" t="s">
        <v>44</v>
      </c>
      <c r="C6841" t="s">
        <v>117</v>
      </c>
      <c r="D6841" t="s">
        <v>118</v>
      </c>
      <c r="E6841">
        <v>2017</v>
      </c>
      <c r="F6841">
        <v>2017</v>
      </c>
      <c r="G6841" t="s">
        <v>126</v>
      </c>
      <c r="H6841" t="s">
        <v>124</v>
      </c>
      <c r="I6841" t="s">
        <v>15</v>
      </c>
      <c r="J6841" s="10">
        <v>3.5123434520000001</v>
      </c>
    </row>
    <row r="6842" spans="1:10" x14ac:dyDescent="0.35">
      <c r="A6842" t="s">
        <v>28</v>
      </c>
      <c r="B6842" t="s">
        <v>44</v>
      </c>
      <c r="C6842" t="s">
        <v>117</v>
      </c>
      <c r="D6842" t="s">
        <v>118</v>
      </c>
      <c r="E6842">
        <v>2016</v>
      </c>
      <c r="F6842">
        <v>2016</v>
      </c>
      <c r="G6842" t="s">
        <v>14</v>
      </c>
      <c r="H6842" t="s">
        <v>119</v>
      </c>
      <c r="I6842" t="s">
        <v>15</v>
      </c>
      <c r="J6842" s="10">
        <v>15.576553580000001</v>
      </c>
    </row>
    <row r="6843" spans="1:10" x14ac:dyDescent="0.35">
      <c r="A6843" t="s">
        <v>28</v>
      </c>
      <c r="B6843" t="s">
        <v>44</v>
      </c>
      <c r="C6843" t="s">
        <v>117</v>
      </c>
      <c r="D6843" t="s">
        <v>118</v>
      </c>
      <c r="E6843">
        <v>2016</v>
      </c>
      <c r="F6843">
        <v>2016</v>
      </c>
      <c r="G6843" t="s">
        <v>14</v>
      </c>
      <c r="H6843" t="s">
        <v>120</v>
      </c>
      <c r="I6843" t="s">
        <v>15</v>
      </c>
      <c r="J6843" s="10">
        <v>9.4333166639999995</v>
      </c>
    </row>
    <row r="6844" spans="1:10" x14ac:dyDescent="0.35">
      <c r="A6844" t="s">
        <v>28</v>
      </c>
      <c r="B6844" t="s">
        <v>44</v>
      </c>
      <c r="C6844" t="s">
        <v>117</v>
      </c>
      <c r="D6844" t="s">
        <v>118</v>
      </c>
      <c r="E6844">
        <v>2016</v>
      </c>
      <c r="F6844">
        <v>2016</v>
      </c>
      <c r="G6844" t="s">
        <v>14</v>
      </c>
      <c r="H6844" t="s">
        <v>121</v>
      </c>
      <c r="I6844" t="s">
        <v>15</v>
      </c>
      <c r="J6844" s="10">
        <v>27.576132449999999</v>
      </c>
    </row>
    <row r="6845" spans="1:10" x14ac:dyDescent="0.35">
      <c r="A6845" t="s">
        <v>28</v>
      </c>
      <c r="B6845" t="s">
        <v>44</v>
      </c>
      <c r="C6845" t="s">
        <v>117</v>
      </c>
      <c r="D6845" t="s">
        <v>118</v>
      </c>
      <c r="E6845">
        <v>2016</v>
      </c>
      <c r="F6845">
        <v>2016</v>
      </c>
      <c r="G6845" t="s">
        <v>14</v>
      </c>
      <c r="H6845" t="s">
        <v>122</v>
      </c>
      <c r="I6845" t="s">
        <v>15</v>
      </c>
      <c r="J6845" s="10">
        <v>23.338509729999998</v>
      </c>
    </row>
    <row r="6846" spans="1:10" x14ac:dyDescent="0.35">
      <c r="A6846" t="s">
        <v>28</v>
      </c>
      <c r="B6846" t="s">
        <v>44</v>
      </c>
      <c r="C6846" t="s">
        <v>117</v>
      </c>
      <c r="D6846" t="s">
        <v>118</v>
      </c>
      <c r="E6846">
        <v>2016</v>
      </c>
      <c r="F6846">
        <v>2016</v>
      </c>
      <c r="G6846" t="s">
        <v>14</v>
      </c>
      <c r="H6846" t="s">
        <v>123</v>
      </c>
      <c r="I6846" t="s">
        <v>15</v>
      </c>
      <c r="J6846" s="10">
        <v>21.289448060000002</v>
      </c>
    </row>
    <row r="6847" spans="1:10" x14ac:dyDescent="0.35">
      <c r="A6847" t="s">
        <v>28</v>
      </c>
      <c r="B6847" t="s">
        <v>44</v>
      </c>
      <c r="C6847" t="s">
        <v>117</v>
      </c>
      <c r="D6847" t="s">
        <v>118</v>
      </c>
      <c r="E6847">
        <v>2016</v>
      </c>
      <c r="F6847">
        <v>2016</v>
      </c>
      <c r="G6847" t="s">
        <v>14</v>
      </c>
      <c r="H6847" t="s">
        <v>124</v>
      </c>
      <c r="I6847" t="s">
        <v>15</v>
      </c>
      <c r="J6847" s="10">
        <v>2.7860395339999999</v>
      </c>
    </row>
    <row r="6848" spans="1:10" x14ac:dyDescent="0.35">
      <c r="A6848" t="s">
        <v>28</v>
      </c>
      <c r="B6848" t="s">
        <v>44</v>
      </c>
      <c r="C6848" t="s">
        <v>117</v>
      </c>
      <c r="D6848" t="s">
        <v>118</v>
      </c>
      <c r="E6848">
        <v>2016</v>
      </c>
      <c r="F6848">
        <v>2016</v>
      </c>
      <c r="G6848" t="s">
        <v>125</v>
      </c>
      <c r="H6848" t="s">
        <v>119</v>
      </c>
      <c r="I6848" t="s">
        <v>15</v>
      </c>
      <c r="J6848" s="10">
        <v>16.41303761</v>
      </c>
    </row>
    <row r="6849" spans="1:10" x14ac:dyDescent="0.35">
      <c r="A6849" t="s">
        <v>28</v>
      </c>
      <c r="B6849" t="s">
        <v>44</v>
      </c>
      <c r="C6849" t="s">
        <v>117</v>
      </c>
      <c r="D6849" t="s">
        <v>118</v>
      </c>
      <c r="E6849">
        <v>2016</v>
      </c>
      <c r="F6849">
        <v>2016</v>
      </c>
      <c r="G6849" t="s">
        <v>125</v>
      </c>
      <c r="H6849" t="s">
        <v>120</v>
      </c>
      <c r="I6849" t="s">
        <v>15</v>
      </c>
      <c r="J6849" s="10">
        <v>9.9643840049999994</v>
      </c>
    </row>
    <row r="6850" spans="1:10" x14ac:dyDescent="0.35">
      <c r="A6850" t="s">
        <v>28</v>
      </c>
      <c r="B6850" t="s">
        <v>44</v>
      </c>
      <c r="C6850" t="s">
        <v>117</v>
      </c>
      <c r="D6850" t="s">
        <v>118</v>
      </c>
      <c r="E6850">
        <v>2016</v>
      </c>
      <c r="F6850">
        <v>2016</v>
      </c>
      <c r="G6850" t="s">
        <v>125</v>
      </c>
      <c r="H6850" t="s">
        <v>121</v>
      </c>
      <c r="I6850" t="s">
        <v>15</v>
      </c>
      <c r="J6850" s="10">
        <v>27.0924397</v>
      </c>
    </row>
    <row r="6851" spans="1:10" x14ac:dyDescent="0.35">
      <c r="A6851" t="s">
        <v>28</v>
      </c>
      <c r="B6851" t="s">
        <v>44</v>
      </c>
      <c r="C6851" t="s">
        <v>117</v>
      </c>
      <c r="D6851" t="s">
        <v>118</v>
      </c>
      <c r="E6851">
        <v>2016</v>
      </c>
      <c r="F6851">
        <v>2016</v>
      </c>
      <c r="G6851" t="s">
        <v>125</v>
      </c>
      <c r="H6851" t="s">
        <v>122</v>
      </c>
      <c r="I6851" t="s">
        <v>15</v>
      </c>
      <c r="J6851" s="10">
        <v>23.422912960000001</v>
      </c>
    </row>
    <row r="6852" spans="1:10" x14ac:dyDescent="0.35">
      <c r="A6852" t="s">
        <v>28</v>
      </c>
      <c r="B6852" t="s">
        <v>44</v>
      </c>
      <c r="C6852" t="s">
        <v>117</v>
      </c>
      <c r="D6852" t="s">
        <v>118</v>
      </c>
      <c r="E6852">
        <v>2016</v>
      </c>
      <c r="F6852">
        <v>2016</v>
      </c>
      <c r="G6852" t="s">
        <v>125</v>
      </c>
      <c r="H6852" t="s">
        <v>123</v>
      </c>
      <c r="I6852" t="s">
        <v>15</v>
      </c>
      <c r="J6852" s="10">
        <v>21.02422967</v>
      </c>
    </row>
    <row r="6853" spans="1:10" x14ac:dyDescent="0.35">
      <c r="A6853" t="s">
        <v>28</v>
      </c>
      <c r="B6853" t="s">
        <v>44</v>
      </c>
      <c r="C6853" t="s">
        <v>117</v>
      </c>
      <c r="D6853" t="s">
        <v>118</v>
      </c>
      <c r="E6853">
        <v>2016</v>
      </c>
      <c r="F6853">
        <v>2016</v>
      </c>
      <c r="G6853" t="s">
        <v>125</v>
      </c>
      <c r="H6853" t="s">
        <v>124</v>
      </c>
      <c r="I6853" t="s">
        <v>15</v>
      </c>
      <c r="J6853" s="10">
        <v>2.0829960609999998</v>
      </c>
    </row>
    <row r="6854" spans="1:10" x14ac:dyDescent="0.35">
      <c r="A6854" t="s">
        <v>28</v>
      </c>
      <c r="B6854" t="s">
        <v>44</v>
      </c>
      <c r="C6854" t="s">
        <v>117</v>
      </c>
      <c r="D6854" t="s">
        <v>118</v>
      </c>
      <c r="E6854">
        <v>2016</v>
      </c>
      <c r="F6854">
        <v>2016</v>
      </c>
      <c r="G6854" t="s">
        <v>126</v>
      </c>
      <c r="H6854" t="s">
        <v>119</v>
      </c>
      <c r="I6854" t="s">
        <v>15</v>
      </c>
      <c r="J6854" s="10">
        <v>14.78008427</v>
      </c>
    </row>
    <row r="6855" spans="1:10" x14ac:dyDescent="0.35">
      <c r="A6855" t="s">
        <v>28</v>
      </c>
      <c r="B6855" t="s">
        <v>44</v>
      </c>
      <c r="C6855" t="s">
        <v>117</v>
      </c>
      <c r="D6855" t="s">
        <v>118</v>
      </c>
      <c r="E6855">
        <v>2016</v>
      </c>
      <c r="F6855">
        <v>2016</v>
      </c>
      <c r="G6855" t="s">
        <v>126</v>
      </c>
      <c r="H6855" t="s">
        <v>120</v>
      </c>
      <c r="I6855" t="s">
        <v>15</v>
      </c>
      <c r="J6855" s="10">
        <v>8.9276538900000002</v>
      </c>
    </row>
    <row r="6856" spans="1:10" x14ac:dyDescent="0.35">
      <c r="A6856" t="s">
        <v>28</v>
      </c>
      <c r="B6856" t="s">
        <v>44</v>
      </c>
      <c r="C6856" t="s">
        <v>117</v>
      </c>
      <c r="D6856" t="s">
        <v>118</v>
      </c>
      <c r="E6856">
        <v>2016</v>
      </c>
      <c r="F6856">
        <v>2016</v>
      </c>
      <c r="G6856" t="s">
        <v>126</v>
      </c>
      <c r="H6856" t="s">
        <v>121</v>
      </c>
      <c r="I6856" t="s">
        <v>15</v>
      </c>
      <c r="J6856" s="10">
        <v>28.036686880000001</v>
      </c>
    </row>
    <row r="6857" spans="1:10" x14ac:dyDescent="0.35">
      <c r="A6857" t="s">
        <v>28</v>
      </c>
      <c r="B6857" t="s">
        <v>44</v>
      </c>
      <c r="C6857" t="s">
        <v>117</v>
      </c>
      <c r="D6857" t="s">
        <v>118</v>
      </c>
      <c r="E6857">
        <v>2016</v>
      </c>
      <c r="F6857">
        <v>2016</v>
      </c>
      <c r="G6857" t="s">
        <v>126</v>
      </c>
      <c r="H6857" t="s">
        <v>122</v>
      </c>
      <c r="I6857" t="s">
        <v>15</v>
      </c>
      <c r="J6857" s="10">
        <v>23.258144080000001</v>
      </c>
    </row>
    <row r="6858" spans="1:10" x14ac:dyDescent="0.35">
      <c r="A6858" t="s">
        <v>28</v>
      </c>
      <c r="B6858" t="s">
        <v>44</v>
      </c>
      <c r="C6858" t="s">
        <v>117</v>
      </c>
      <c r="D6858" t="s">
        <v>118</v>
      </c>
      <c r="E6858">
        <v>2016</v>
      </c>
      <c r="F6858">
        <v>2016</v>
      </c>
      <c r="G6858" t="s">
        <v>126</v>
      </c>
      <c r="H6858" t="s">
        <v>123</v>
      </c>
      <c r="I6858" t="s">
        <v>15</v>
      </c>
      <c r="J6858" s="10">
        <v>21.54197924</v>
      </c>
    </row>
    <row r="6859" spans="1:10" x14ac:dyDescent="0.35">
      <c r="A6859" t="s">
        <v>28</v>
      </c>
      <c r="B6859" t="s">
        <v>44</v>
      </c>
      <c r="C6859" t="s">
        <v>117</v>
      </c>
      <c r="D6859" t="s">
        <v>118</v>
      </c>
      <c r="E6859">
        <v>2016</v>
      </c>
      <c r="F6859">
        <v>2016</v>
      </c>
      <c r="G6859" t="s">
        <v>126</v>
      </c>
      <c r="H6859" t="s">
        <v>124</v>
      </c>
      <c r="I6859" t="s">
        <v>15</v>
      </c>
      <c r="J6859" s="10">
        <v>3.455451649</v>
      </c>
    </row>
    <row r="6860" spans="1:10" x14ac:dyDescent="0.35">
      <c r="A6860" t="s">
        <v>28</v>
      </c>
      <c r="B6860" t="s">
        <v>44</v>
      </c>
      <c r="C6860" t="s">
        <v>117</v>
      </c>
      <c r="D6860" t="s">
        <v>118</v>
      </c>
      <c r="E6860">
        <v>2015</v>
      </c>
      <c r="F6860">
        <v>2015</v>
      </c>
      <c r="G6860" t="s">
        <v>14</v>
      </c>
      <c r="H6860" t="s">
        <v>119</v>
      </c>
      <c r="I6860" t="s">
        <v>15</v>
      </c>
      <c r="J6860" s="10">
        <v>15.64799874</v>
      </c>
    </row>
    <row r="6861" spans="1:10" x14ac:dyDescent="0.35">
      <c r="A6861" t="s">
        <v>28</v>
      </c>
      <c r="B6861" t="s">
        <v>44</v>
      </c>
      <c r="C6861" t="s">
        <v>117</v>
      </c>
      <c r="D6861" t="s">
        <v>118</v>
      </c>
      <c r="E6861">
        <v>2015</v>
      </c>
      <c r="F6861">
        <v>2015</v>
      </c>
      <c r="G6861" t="s">
        <v>14</v>
      </c>
      <c r="H6861" t="s">
        <v>120</v>
      </c>
      <c r="I6861" t="s">
        <v>15</v>
      </c>
      <c r="J6861" s="10">
        <v>9.6527477140000002</v>
      </c>
    </row>
    <row r="6862" spans="1:10" x14ac:dyDescent="0.35">
      <c r="A6862" t="s">
        <v>28</v>
      </c>
      <c r="B6862" t="s">
        <v>44</v>
      </c>
      <c r="C6862" t="s">
        <v>117</v>
      </c>
      <c r="D6862" t="s">
        <v>118</v>
      </c>
      <c r="E6862">
        <v>2015</v>
      </c>
      <c r="F6862">
        <v>2015</v>
      </c>
      <c r="G6862" t="s">
        <v>14</v>
      </c>
      <c r="H6862" t="s">
        <v>121</v>
      </c>
      <c r="I6862" t="s">
        <v>15</v>
      </c>
      <c r="J6862" s="10">
        <v>28.025502769999999</v>
      </c>
    </row>
    <row r="6863" spans="1:10" x14ac:dyDescent="0.35">
      <c r="A6863" t="s">
        <v>28</v>
      </c>
      <c r="B6863" t="s">
        <v>44</v>
      </c>
      <c r="C6863" t="s">
        <v>117</v>
      </c>
      <c r="D6863" t="s">
        <v>118</v>
      </c>
      <c r="E6863">
        <v>2015</v>
      </c>
      <c r="F6863">
        <v>2015</v>
      </c>
      <c r="G6863" t="s">
        <v>14</v>
      </c>
      <c r="H6863" t="s">
        <v>122</v>
      </c>
      <c r="I6863" t="s">
        <v>15</v>
      </c>
      <c r="J6863" s="10">
        <v>23.08893174</v>
      </c>
    </row>
    <row r="6864" spans="1:10" x14ac:dyDescent="0.35">
      <c r="A6864" t="s">
        <v>28</v>
      </c>
      <c r="B6864" t="s">
        <v>44</v>
      </c>
      <c r="C6864" t="s">
        <v>117</v>
      </c>
      <c r="D6864" t="s">
        <v>118</v>
      </c>
      <c r="E6864">
        <v>2015</v>
      </c>
      <c r="F6864">
        <v>2015</v>
      </c>
      <c r="G6864" t="s">
        <v>14</v>
      </c>
      <c r="H6864" t="s">
        <v>123</v>
      </c>
      <c r="I6864" t="s">
        <v>15</v>
      </c>
      <c r="J6864" s="10">
        <v>20.894171360000001</v>
      </c>
    </row>
    <row r="6865" spans="1:10" x14ac:dyDescent="0.35">
      <c r="A6865" t="s">
        <v>28</v>
      </c>
      <c r="B6865" t="s">
        <v>44</v>
      </c>
      <c r="C6865" t="s">
        <v>117</v>
      </c>
      <c r="D6865" t="s">
        <v>118</v>
      </c>
      <c r="E6865">
        <v>2015</v>
      </c>
      <c r="F6865">
        <v>2015</v>
      </c>
      <c r="G6865" t="s">
        <v>14</v>
      </c>
      <c r="H6865" t="s">
        <v>124</v>
      </c>
      <c r="I6865" t="s">
        <v>15</v>
      </c>
      <c r="J6865" s="10">
        <v>2.6906476709999998</v>
      </c>
    </row>
    <row r="6866" spans="1:10" x14ac:dyDescent="0.35">
      <c r="A6866" t="s">
        <v>28</v>
      </c>
      <c r="B6866" t="s">
        <v>44</v>
      </c>
      <c r="C6866" t="s">
        <v>117</v>
      </c>
      <c r="D6866" t="s">
        <v>118</v>
      </c>
      <c r="E6866">
        <v>2015</v>
      </c>
      <c r="F6866">
        <v>2015</v>
      </c>
      <c r="G6866" t="s">
        <v>125</v>
      </c>
      <c r="H6866" t="s">
        <v>119</v>
      </c>
      <c r="I6866" t="s">
        <v>15</v>
      </c>
      <c r="J6866" s="10">
        <v>16.585221780000001</v>
      </c>
    </row>
    <row r="6867" spans="1:10" x14ac:dyDescent="0.35">
      <c r="A6867" t="s">
        <v>28</v>
      </c>
      <c r="B6867" t="s">
        <v>44</v>
      </c>
      <c r="C6867" t="s">
        <v>117</v>
      </c>
      <c r="D6867" t="s">
        <v>118</v>
      </c>
      <c r="E6867">
        <v>2015</v>
      </c>
      <c r="F6867">
        <v>2015</v>
      </c>
      <c r="G6867" t="s">
        <v>125</v>
      </c>
      <c r="H6867" t="s">
        <v>120</v>
      </c>
      <c r="I6867" t="s">
        <v>15</v>
      </c>
      <c r="J6867" s="10">
        <v>10.08484588</v>
      </c>
    </row>
    <row r="6868" spans="1:10" x14ac:dyDescent="0.35">
      <c r="A6868" t="s">
        <v>28</v>
      </c>
      <c r="B6868" t="s">
        <v>44</v>
      </c>
      <c r="C6868" t="s">
        <v>117</v>
      </c>
      <c r="D6868" t="s">
        <v>118</v>
      </c>
      <c r="E6868">
        <v>2015</v>
      </c>
      <c r="F6868">
        <v>2015</v>
      </c>
      <c r="G6868" t="s">
        <v>125</v>
      </c>
      <c r="H6868" t="s">
        <v>121</v>
      </c>
      <c r="I6868" t="s">
        <v>15</v>
      </c>
      <c r="J6868" s="10">
        <v>27.60444635</v>
      </c>
    </row>
    <row r="6869" spans="1:10" x14ac:dyDescent="0.35">
      <c r="A6869" t="s">
        <v>28</v>
      </c>
      <c r="B6869" t="s">
        <v>44</v>
      </c>
      <c r="C6869" t="s">
        <v>117</v>
      </c>
      <c r="D6869" t="s">
        <v>118</v>
      </c>
      <c r="E6869">
        <v>2015</v>
      </c>
      <c r="F6869">
        <v>2015</v>
      </c>
      <c r="G6869" t="s">
        <v>125</v>
      </c>
      <c r="H6869" t="s">
        <v>122</v>
      </c>
      <c r="I6869" t="s">
        <v>15</v>
      </c>
      <c r="J6869" s="10">
        <v>23.219847489999999</v>
      </c>
    </row>
    <row r="6870" spans="1:10" x14ac:dyDescent="0.35">
      <c r="A6870" t="s">
        <v>28</v>
      </c>
      <c r="B6870" t="s">
        <v>44</v>
      </c>
      <c r="C6870" t="s">
        <v>117</v>
      </c>
      <c r="D6870" t="s">
        <v>118</v>
      </c>
      <c r="E6870">
        <v>2015</v>
      </c>
      <c r="F6870">
        <v>2015</v>
      </c>
      <c r="G6870" t="s">
        <v>125</v>
      </c>
      <c r="H6870" t="s">
        <v>123</v>
      </c>
      <c r="I6870" t="s">
        <v>15</v>
      </c>
      <c r="J6870" s="10">
        <v>20.54559124</v>
      </c>
    </row>
    <row r="6871" spans="1:10" x14ac:dyDescent="0.35">
      <c r="A6871" t="s">
        <v>28</v>
      </c>
      <c r="B6871" t="s">
        <v>44</v>
      </c>
      <c r="C6871" t="s">
        <v>117</v>
      </c>
      <c r="D6871" t="s">
        <v>118</v>
      </c>
      <c r="E6871">
        <v>2015</v>
      </c>
      <c r="F6871">
        <v>2015</v>
      </c>
      <c r="G6871" t="s">
        <v>125</v>
      </c>
      <c r="H6871" t="s">
        <v>124</v>
      </c>
      <c r="I6871" t="s">
        <v>15</v>
      </c>
      <c r="J6871" s="10">
        <v>1.960047256</v>
      </c>
    </row>
    <row r="6872" spans="1:10" x14ac:dyDescent="0.35">
      <c r="A6872" t="s">
        <v>28</v>
      </c>
      <c r="B6872" t="s">
        <v>44</v>
      </c>
      <c r="C6872" t="s">
        <v>117</v>
      </c>
      <c r="D6872" t="s">
        <v>118</v>
      </c>
      <c r="E6872">
        <v>2015</v>
      </c>
      <c r="F6872">
        <v>2015</v>
      </c>
      <c r="G6872" t="s">
        <v>126</v>
      </c>
      <c r="H6872" t="s">
        <v>119</v>
      </c>
      <c r="I6872" t="s">
        <v>15</v>
      </c>
      <c r="J6872" s="10">
        <v>14.75258446</v>
      </c>
    </row>
    <row r="6873" spans="1:10" x14ac:dyDescent="0.35">
      <c r="A6873" t="s">
        <v>28</v>
      </c>
      <c r="B6873" t="s">
        <v>44</v>
      </c>
      <c r="C6873" t="s">
        <v>117</v>
      </c>
      <c r="D6873" t="s">
        <v>118</v>
      </c>
      <c r="E6873">
        <v>2015</v>
      </c>
      <c r="F6873">
        <v>2015</v>
      </c>
      <c r="G6873" t="s">
        <v>126</v>
      </c>
      <c r="H6873" t="s">
        <v>120</v>
      </c>
      <c r="I6873" t="s">
        <v>15</v>
      </c>
      <c r="J6873" s="10">
        <v>9.2399250960000003</v>
      </c>
    </row>
    <row r="6874" spans="1:10" x14ac:dyDescent="0.35">
      <c r="A6874" t="s">
        <v>28</v>
      </c>
      <c r="B6874" t="s">
        <v>44</v>
      </c>
      <c r="C6874" t="s">
        <v>117</v>
      </c>
      <c r="D6874" t="s">
        <v>118</v>
      </c>
      <c r="E6874">
        <v>2015</v>
      </c>
      <c r="F6874">
        <v>2015</v>
      </c>
      <c r="G6874" t="s">
        <v>126</v>
      </c>
      <c r="H6874" t="s">
        <v>121</v>
      </c>
      <c r="I6874" t="s">
        <v>15</v>
      </c>
      <c r="J6874" s="10">
        <v>28.427776210000001</v>
      </c>
    </row>
    <row r="6875" spans="1:10" x14ac:dyDescent="0.35">
      <c r="A6875" t="s">
        <v>28</v>
      </c>
      <c r="B6875" t="s">
        <v>44</v>
      </c>
      <c r="C6875" t="s">
        <v>117</v>
      </c>
      <c r="D6875" t="s">
        <v>118</v>
      </c>
      <c r="E6875">
        <v>2015</v>
      </c>
      <c r="F6875">
        <v>2015</v>
      </c>
      <c r="G6875" t="s">
        <v>126</v>
      </c>
      <c r="H6875" t="s">
        <v>122</v>
      </c>
      <c r="I6875" t="s">
        <v>15</v>
      </c>
      <c r="J6875" s="10">
        <v>22.96385604</v>
      </c>
    </row>
    <row r="6876" spans="1:10" x14ac:dyDescent="0.35">
      <c r="A6876" t="s">
        <v>28</v>
      </c>
      <c r="B6876" t="s">
        <v>44</v>
      </c>
      <c r="C6876" t="s">
        <v>117</v>
      </c>
      <c r="D6876" t="s">
        <v>118</v>
      </c>
      <c r="E6876">
        <v>2015</v>
      </c>
      <c r="F6876">
        <v>2015</v>
      </c>
      <c r="G6876" t="s">
        <v>126</v>
      </c>
      <c r="H6876" t="s">
        <v>123</v>
      </c>
      <c r="I6876" t="s">
        <v>15</v>
      </c>
      <c r="J6876" s="10">
        <v>21.227201600000001</v>
      </c>
    </row>
    <row r="6877" spans="1:10" x14ac:dyDescent="0.35">
      <c r="A6877" t="s">
        <v>28</v>
      </c>
      <c r="B6877" t="s">
        <v>44</v>
      </c>
      <c r="C6877" t="s">
        <v>117</v>
      </c>
      <c r="D6877" t="s">
        <v>118</v>
      </c>
      <c r="E6877">
        <v>2015</v>
      </c>
      <c r="F6877">
        <v>2015</v>
      </c>
      <c r="G6877" t="s">
        <v>126</v>
      </c>
      <c r="H6877" t="s">
        <v>124</v>
      </c>
      <c r="I6877" t="s">
        <v>15</v>
      </c>
      <c r="J6877" s="10">
        <v>3.388656594</v>
      </c>
    </row>
    <row r="6878" spans="1:10" x14ac:dyDescent="0.35">
      <c r="A6878" t="s">
        <v>28</v>
      </c>
      <c r="B6878" t="s">
        <v>44</v>
      </c>
      <c r="C6878" t="s">
        <v>117</v>
      </c>
      <c r="D6878" t="s">
        <v>118</v>
      </c>
      <c r="E6878">
        <v>2014</v>
      </c>
      <c r="F6878">
        <v>2014</v>
      </c>
      <c r="G6878" t="s">
        <v>14</v>
      </c>
      <c r="H6878" t="s">
        <v>119</v>
      </c>
      <c r="I6878" t="s">
        <v>15</v>
      </c>
      <c r="J6878" s="10">
        <v>15.73865423</v>
      </c>
    </row>
    <row r="6879" spans="1:10" x14ac:dyDescent="0.35">
      <c r="A6879" t="s">
        <v>28</v>
      </c>
      <c r="B6879" t="s">
        <v>44</v>
      </c>
      <c r="C6879" t="s">
        <v>117</v>
      </c>
      <c r="D6879" t="s">
        <v>118</v>
      </c>
      <c r="E6879">
        <v>2014</v>
      </c>
      <c r="F6879">
        <v>2014</v>
      </c>
      <c r="G6879" t="s">
        <v>14</v>
      </c>
      <c r="H6879" t="s">
        <v>120</v>
      </c>
      <c r="I6879" t="s">
        <v>15</v>
      </c>
      <c r="J6879" s="10">
        <v>9.7736086360000005</v>
      </c>
    </row>
    <row r="6880" spans="1:10" x14ac:dyDescent="0.35">
      <c r="A6880" t="s">
        <v>28</v>
      </c>
      <c r="B6880" t="s">
        <v>44</v>
      </c>
      <c r="C6880" t="s">
        <v>117</v>
      </c>
      <c r="D6880" t="s">
        <v>118</v>
      </c>
      <c r="E6880">
        <v>2014</v>
      </c>
      <c r="F6880">
        <v>2014</v>
      </c>
      <c r="G6880" t="s">
        <v>14</v>
      </c>
      <c r="H6880" t="s">
        <v>121</v>
      </c>
      <c r="I6880" t="s">
        <v>15</v>
      </c>
      <c r="J6880" s="10">
        <v>28.529504240000001</v>
      </c>
    </row>
    <row r="6881" spans="1:10" x14ac:dyDescent="0.35">
      <c r="A6881" t="s">
        <v>28</v>
      </c>
      <c r="B6881" t="s">
        <v>44</v>
      </c>
      <c r="C6881" t="s">
        <v>117</v>
      </c>
      <c r="D6881" t="s">
        <v>118</v>
      </c>
      <c r="E6881">
        <v>2014</v>
      </c>
      <c r="F6881">
        <v>2014</v>
      </c>
      <c r="G6881" t="s">
        <v>14</v>
      </c>
      <c r="H6881" t="s">
        <v>122</v>
      </c>
      <c r="I6881" t="s">
        <v>15</v>
      </c>
      <c r="J6881" s="10">
        <v>22.818624880000002</v>
      </c>
    </row>
    <row r="6882" spans="1:10" x14ac:dyDescent="0.35">
      <c r="A6882" t="s">
        <v>28</v>
      </c>
      <c r="B6882" t="s">
        <v>44</v>
      </c>
      <c r="C6882" t="s">
        <v>117</v>
      </c>
      <c r="D6882" t="s">
        <v>118</v>
      </c>
      <c r="E6882">
        <v>2014</v>
      </c>
      <c r="F6882">
        <v>2014</v>
      </c>
      <c r="G6882" t="s">
        <v>14</v>
      </c>
      <c r="H6882" t="s">
        <v>123</v>
      </c>
      <c r="I6882" t="s">
        <v>15</v>
      </c>
      <c r="J6882" s="10">
        <v>20.56126192</v>
      </c>
    </row>
    <row r="6883" spans="1:10" x14ac:dyDescent="0.35">
      <c r="A6883" t="s">
        <v>28</v>
      </c>
      <c r="B6883" t="s">
        <v>44</v>
      </c>
      <c r="C6883" t="s">
        <v>117</v>
      </c>
      <c r="D6883" t="s">
        <v>118</v>
      </c>
      <c r="E6883">
        <v>2014</v>
      </c>
      <c r="F6883">
        <v>2014</v>
      </c>
      <c r="G6883" t="s">
        <v>14</v>
      </c>
      <c r="H6883" t="s">
        <v>124</v>
      </c>
      <c r="I6883" t="s">
        <v>15</v>
      </c>
      <c r="J6883" s="10">
        <v>2.5783460850000002</v>
      </c>
    </row>
    <row r="6884" spans="1:10" x14ac:dyDescent="0.35">
      <c r="A6884" t="s">
        <v>28</v>
      </c>
      <c r="B6884" t="s">
        <v>44</v>
      </c>
      <c r="C6884" t="s">
        <v>117</v>
      </c>
      <c r="D6884" t="s">
        <v>118</v>
      </c>
      <c r="E6884">
        <v>2014</v>
      </c>
      <c r="F6884">
        <v>2014</v>
      </c>
      <c r="G6884" t="s">
        <v>125</v>
      </c>
      <c r="H6884" t="s">
        <v>119</v>
      </c>
      <c r="I6884" t="s">
        <v>15</v>
      </c>
      <c r="J6884" s="10">
        <v>16.725215200000001</v>
      </c>
    </row>
    <row r="6885" spans="1:10" x14ac:dyDescent="0.35">
      <c r="A6885" t="s">
        <v>28</v>
      </c>
      <c r="B6885" t="s">
        <v>44</v>
      </c>
      <c r="C6885" t="s">
        <v>117</v>
      </c>
      <c r="D6885" t="s">
        <v>118</v>
      </c>
      <c r="E6885">
        <v>2014</v>
      </c>
      <c r="F6885">
        <v>2014</v>
      </c>
      <c r="G6885" t="s">
        <v>125</v>
      </c>
      <c r="H6885" t="s">
        <v>120</v>
      </c>
      <c r="I6885" t="s">
        <v>15</v>
      </c>
      <c r="J6885" s="10">
        <v>10.08554343</v>
      </c>
    </row>
    <row r="6886" spans="1:10" x14ac:dyDescent="0.35">
      <c r="A6886" t="s">
        <v>28</v>
      </c>
      <c r="B6886" t="s">
        <v>44</v>
      </c>
      <c r="C6886" t="s">
        <v>117</v>
      </c>
      <c r="D6886" t="s">
        <v>118</v>
      </c>
      <c r="E6886">
        <v>2014</v>
      </c>
      <c r="F6886">
        <v>2014</v>
      </c>
      <c r="G6886" t="s">
        <v>125</v>
      </c>
      <c r="H6886" t="s">
        <v>121</v>
      </c>
      <c r="I6886" t="s">
        <v>15</v>
      </c>
      <c r="J6886" s="10">
        <v>28.226649859999998</v>
      </c>
    </row>
    <row r="6887" spans="1:10" x14ac:dyDescent="0.35">
      <c r="A6887" t="s">
        <v>28</v>
      </c>
      <c r="B6887" t="s">
        <v>44</v>
      </c>
      <c r="C6887" t="s">
        <v>117</v>
      </c>
      <c r="D6887" t="s">
        <v>118</v>
      </c>
      <c r="E6887">
        <v>2014</v>
      </c>
      <c r="F6887">
        <v>2014</v>
      </c>
      <c r="G6887" t="s">
        <v>125</v>
      </c>
      <c r="H6887" t="s">
        <v>122</v>
      </c>
      <c r="I6887" t="s">
        <v>15</v>
      </c>
      <c r="J6887" s="10">
        <v>23.077954470000002</v>
      </c>
    </row>
    <row r="6888" spans="1:10" x14ac:dyDescent="0.35">
      <c r="A6888" t="s">
        <v>28</v>
      </c>
      <c r="B6888" t="s">
        <v>44</v>
      </c>
      <c r="C6888" t="s">
        <v>117</v>
      </c>
      <c r="D6888" t="s">
        <v>118</v>
      </c>
      <c r="E6888">
        <v>2014</v>
      </c>
      <c r="F6888">
        <v>2014</v>
      </c>
      <c r="G6888" t="s">
        <v>125</v>
      </c>
      <c r="H6888" t="s">
        <v>123</v>
      </c>
      <c r="I6888" t="s">
        <v>15</v>
      </c>
      <c r="J6888" s="10">
        <v>20.050414310000001</v>
      </c>
    </row>
    <row r="6889" spans="1:10" x14ac:dyDescent="0.35">
      <c r="A6889" t="s">
        <v>28</v>
      </c>
      <c r="B6889" t="s">
        <v>44</v>
      </c>
      <c r="C6889" t="s">
        <v>117</v>
      </c>
      <c r="D6889" t="s">
        <v>118</v>
      </c>
      <c r="E6889">
        <v>2014</v>
      </c>
      <c r="F6889">
        <v>2014</v>
      </c>
      <c r="G6889" t="s">
        <v>125</v>
      </c>
      <c r="H6889" t="s">
        <v>124</v>
      </c>
      <c r="I6889" t="s">
        <v>15</v>
      </c>
      <c r="J6889" s="10">
        <v>1.834222735</v>
      </c>
    </row>
    <row r="6890" spans="1:10" x14ac:dyDescent="0.35">
      <c r="A6890" t="s">
        <v>28</v>
      </c>
      <c r="B6890" t="s">
        <v>44</v>
      </c>
      <c r="C6890" t="s">
        <v>117</v>
      </c>
      <c r="D6890" t="s">
        <v>118</v>
      </c>
      <c r="E6890">
        <v>2014</v>
      </c>
      <c r="F6890">
        <v>2014</v>
      </c>
      <c r="G6890" t="s">
        <v>126</v>
      </c>
      <c r="H6890" t="s">
        <v>119</v>
      </c>
      <c r="I6890" t="s">
        <v>15</v>
      </c>
      <c r="J6890" s="10">
        <v>14.79621897</v>
      </c>
    </row>
    <row r="6891" spans="1:10" x14ac:dyDescent="0.35">
      <c r="A6891" t="s">
        <v>28</v>
      </c>
      <c r="B6891" t="s">
        <v>44</v>
      </c>
      <c r="C6891" t="s">
        <v>117</v>
      </c>
      <c r="D6891" t="s">
        <v>118</v>
      </c>
      <c r="E6891">
        <v>2014</v>
      </c>
      <c r="F6891">
        <v>2014</v>
      </c>
      <c r="G6891" t="s">
        <v>126</v>
      </c>
      <c r="H6891" t="s">
        <v>120</v>
      </c>
      <c r="I6891" t="s">
        <v>15</v>
      </c>
      <c r="J6891" s="10">
        <v>9.4756256879999992</v>
      </c>
    </row>
    <row r="6892" spans="1:10" x14ac:dyDescent="0.35">
      <c r="A6892" t="s">
        <v>28</v>
      </c>
      <c r="B6892" t="s">
        <v>44</v>
      </c>
      <c r="C6892" t="s">
        <v>117</v>
      </c>
      <c r="D6892" t="s">
        <v>118</v>
      </c>
      <c r="E6892">
        <v>2014</v>
      </c>
      <c r="F6892">
        <v>2014</v>
      </c>
      <c r="G6892" t="s">
        <v>126</v>
      </c>
      <c r="H6892" t="s">
        <v>121</v>
      </c>
      <c r="I6892" t="s">
        <v>15</v>
      </c>
      <c r="J6892" s="10">
        <v>28.818812919999999</v>
      </c>
    </row>
    <row r="6893" spans="1:10" x14ac:dyDescent="0.35">
      <c r="A6893" t="s">
        <v>28</v>
      </c>
      <c r="B6893" t="s">
        <v>44</v>
      </c>
      <c r="C6893" t="s">
        <v>117</v>
      </c>
      <c r="D6893" t="s">
        <v>118</v>
      </c>
      <c r="E6893">
        <v>2014</v>
      </c>
      <c r="F6893">
        <v>2014</v>
      </c>
      <c r="G6893" t="s">
        <v>126</v>
      </c>
      <c r="H6893" t="s">
        <v>122</v>
      </c>
      <c r="I6893" t="s">
        <v>15</v>
      </c>
      <c r="J6893" s="10">
        <v>22.570894280000001</v>
      </c>
    </row>
    <row r="6894" spans="1:10" x14ac:dyDescent="0.35">
      <c r="A6894" t="s">
        <v>28</v>
      </c>
      <c r="B6894" t="s">
        <v>44</v>
      </c>
      <c r="C6894" t="s">
        <v>117</v>
      </c>
      <c r="D6894" t="s">
        <v>118</v>
      </c>
      <c r="E6894">
        <v>2014</v>
      </c>
      <c r="F6894">
        <v>2014</v>
      </c>
      <c r="G6894" t="s">
        <v>126</v>
      </c>
      <c r="H6894" t="s">
        <v>123</v>
      </c>
      <c r="I6894" t="s">
        <v>15</v>
      </c>
      <c r="J6894" s="10">
        <v>21.049260960000002</v>
      </c>
    </row>
    <row r="6895" spans="1:10" x14ac:dyDescent="0.35">
      <c r="A6895" t="s">
        <v>28</v>
      </c>
      <c r="B6895" t="s">
        <v>44</v>
      </c>
      <c r="C6895" t="s">
        <v>117</v>
      </c>
      <c r="D6895" t="s">
        <v>118</v>
      </c>
      <c r="E6895">
        <v>2014</v>
      </c>
      <c r="F6895">
        <v>2014</v>
      </c>
      <c r="G6895" t="s">
        <v>126</v>
      </c>
      <c r="H6895" t="s">
        <v>124</v>
      </c>
      <c r="I6895" t="s">
        <v>15</v>
      </c>
      <c r="J6895" s="10">
        <v>3.289187181</v>
      </c>
    </row>
    <row r="6896" spans="1:10" x14ac:dyDescent="0.35">
      <c r="A6896" t="s">
        <v>28</v>
      </c>
      <c r="B6896" t="s">
        <v>44</v>
      </c>
      <c r="C6896" t="s">
        <v>117</v>
      </c>
      <c r="D6896" t="s">
        <v>118</v>
      </c>
      <c r="E6896">
        <v>2013</v>
      </c>
      <c r="F6896">
        <v>2013</v>
      </c>
      <c r="G6896" t="s">
        <v>14</v>
      </c>
      <c r="H6896" t="s">
        <v>119</v>
      </c>
      <c r="I6896" t="s">
        <v>15</v>
      </c>
      <c r="J6896" s="10">
        <v>15.94723121</v>
      </c>
    </row>
    <row r="6897" spans="1:10" x14ac:dyDescent="0.35">
      <c r="A6897" t="s">
        <v>28</v>
      </c>
      <c r="B6897" t="s">
        <v>44</v>
      </c>
      <c r="C6897" t="s">
        <v>117</v>
      </c>
      <c r="D6897" t="s">
        <v>118</v>
      </c>
      <c r="E6897">
        <v>2013</v>
      </c>
      <c r="F6897">
        <v>2013</v>
      </c>
      <c r="G6897" t="s">
        <v>14</v>
      </c>
      <c r="H6897" t="s">
        <v>120</v>
      </c>
      <c r="I6897" t="s">
        <v>15</v>
      </c>
      <c r="J6897" s="10">
        <v>9.7729684409999997</v>
      </c>
    </row>
    <row r="6898" spans="1:10" x14ac:dyDescent="0.35">
      <c r="A6898" t="s">
        <v>28</v>
      </c>
      <c r="B6898" t="s">
        <v>44</v>
      </c>
      <c r="C6898" t="s">
        <v>117</v>
      </c>
      <c r="D6898" t="s">
        <v>118</v>
      </c>
      <c r="E6898">
        <v>2013</v>
      </c>
      <c r="F6898">
        <v>2013</v>
      </c>
      <c r="G6898" t="s">
        <v>14</v>
      </c>
      <c r="H6898" t="s">
        <v>121</v>
      </c>
      <c r="I6898" t="s">
        <v>15</v>
      </c>
      <c r="J6898" s="10">
        <v>29.144668750000001</v>
      </c>
    </row>
    <row r="6899" spans="1:10" x14ac:dyDescent="0.35">
      <c r="A6899" t="s">
        <v>28</v>
      </c>
      <c r="B6899" t="s">
        <v>44</v>
      </c>
      <c r="C6899" t="s">
        <v>117</v>
      </c>
      <c r="D6899" t="s">
        <v>118</v>
      </c>
      <c r="E6899">
        <v>2013</v>
      </c>
      <c r="F6899">
        <v>2013</v>
      </c>
      <c r="G6899" t="s">
        <v>14</v>
      </c>
      <c r="H6899" t="s">
        <v>122</v>
      </c>
      <c r="I6899" t="s">
        <v>15</v>
      </c>
      <c r="J6899" s="10">
        <v>22.483067609999999</v>
      </c>
    </row>
    <row r="6900" spans="1:10" x14ac:dyDescent="0.35">
      <c r="A6900" t="s">
        <v>28</v>
      </c>
      <c r="B6900" t="s">
        <v>44</v>
      </c>
      <c r="C6900" t="s">
        <v>117</v>
      </c>
      <c r="D6900" t="s">
        <v>118</v>
      </c>
      <c r="E6900">
        <v>2013</v>
      </c>
      <c r="F6900">
        <v>2013</v>
      </c>
      <c r="G6900" t="s">
        <v>14</v>
      </c>
      <c r="H6900" t="s">
        <v>123</v>
      </c>
      <c r="I6900" t="s">
        <v>15</v>
      </c>
      <c r="J6900" s="10">
        <v>20.11580837</v>
      </c>
    </row>
    <row r="6901" spans="1:10" x14ac:dyDescent="0.35">
      <c r="A6901" t="s">
        <v>28</v>
      </c>
      <c r="B6901" t="s">
        <v>44</v>
      </c>
      <c r="C6901" t="s">
        <v>117</v>
      </c>
      <c r="D6901" t="s">
        <v>118</v>
      </c>
      <c r="E6901">
        <v>2013</v>
      </c>
      <c r="F6901">
        <v>2013</v>
      </c>
      <c r="G6901" t="s">
        <v>14</v>
      </c>
      <c r="H6901" t="s">
        <v>124</v>
      </c>
      <c r="I6901" t="s">
        <v>15</v>
      </c>
      <c r="J6901" s="10">
        <v>2.5362556170000001</v>
      </c>
    </row>
    <row r="6902" spans="1:10" x14ac:dyDescent="0.35">
      <c r="A6902" t="s">
        <v>28</v>
      </c>
      <c r="B6902" t="s">
        <v>44</v>
      </c>
      <c r="C6902" t="s">
        <v>117</v>
      </c>
      <c r="D6902" t="s">
        <v>118</v>
      </c>
      <c r="E6902">
        <v>2013</v>
      </c>
      <c r="F6902">
        <v>2013</v>
      </c>
      <c r="G6902" t="s">
        <v>125</v>
      </c>
      <c r="H6902" t="s">
        <v>119</v>
      </c>
      <c r="I6902" t="s">
        <v>15</v>
      </c>
      <c r="J6902" s="10">
        <v>17.00091158</v>
      </c>
    </row>
    <row r="6903" spans="1:10" x14ac:dyDescent="0.35">
      <c r="A6903" t="s">
        <v>28</v>
      </c>
      <c r="B6903" t="s">
        <v>44</v>
      </c>
      <c r="C6903" t="s">
        <v>117</v>
      </c>
      <c r="D6903" t="s">
        <v>118</v>
      </c>
      <c r="E6903">
        <v>2013</v>
      </c>
      <c r="F6903">
        <v>2013</v>
      </c>
      <c r="G6903" t="s">
        <v>125</v>
      </c>
      <c r="H6903" t="s">
        <v>120</v>
      </c>
      <c r="I6903" t="s">
        <v>15</v>
      </c>
      <c r="J6903" s="10">
        <v>10.035390639999999</v>
      </c>
    </row>
    <row r="6904" spans="1:10" x14ac:dyDescent="0.35">
      <c r="A6904" t="s">
        <v>28</v>
      </c>
      <c r="B6904" t="s">
        <v>44</v>
      </c>
      <c r="C6904" t="s">
        <v>117</v>
      </c>
      <c r="D6904" t="s">
        <v>118</v>
      </c>
      <c r="E6904">
        <v>2013</v>
      </c>
      <c r="F6904">
        <v>2013</v>
      </c>
      <c r="G6904" t="s">
        <v>125</v>
      </c>
      <c r="H6904" t="s">
        <v>121</v>
      </c>
      <c r="I6904" t="s">
        <v>15</v>
      </c>
      <c r="J6904" s="10">
        <v>28.875542920000001</v>
      </c>
    </row>
    <row r="6905" spans="1:10" x14ac:dyDescent="0.35">
      <c r="A6905" t="s">
        <v>28</v>
      </c>
      <c r="B6905" t="s">
        <v>44</v>
      </c>
      <c r="C6905" t="s">
        <v>117</v>
      </c>
      <c r="D6905" t="s">
        <v>118</v>
      </c>
      <c r="E6905">
        <v>2013</v>
      </c>
      <c r="F6905">
        <v>2013</v>
      </c>
      <c r="G6905" t="s">
        <v>125</v>
      </c>
      <c r="H6905" t="s">
        <v>122</v>
      </c>
      <c r="I6905" t="s">
        <v>15</v>
      </c>
      <c r="J6905" s="10">
        <v>22.733122420000001</v>
      </c>
    </row>
    <row r="6906" spans="1:10" x14ac:dyDescent="0.35">
      <c r="A6906" t="s">
        <v>28</v>
      </c>
      <c r="B6906" t="s">
        <v>44</v>
      </c>
      <c r="C6906" t="s">
        <v>117</v>
      </c>
      <c r="D6906" t="s">
        <v>118</v>
      </c>
      <c r="E6906">
        <v>2013</v>
      </c>
      <c r="F6906">
        <v>2013</v>
      </c>
      <c r="G6906" t="s">
        <v>125</v>
      </c>
      <c r="H6906" t="s">
        <v>123</v>
      </c>
      <c r="I6906" t="s">
        <v>15</v>
      </c>
      <c r="J6906" s="10">
        <v>19.598906110000001</v>
      </c>
    </row>
    <row r="6907" spans="1:10" x14ac:dyDescent="0.35">
      <c r="A6907" t="s">
        <v>28</v>
      </c>
      <c r="B6907" t="s">
        <v>44</v>
      </c>
      <c r="C6907" t="s">
        <v>117</v>
      </c>
      <c r="D6907" t="s">
        <v>118</v>
      </c>
      <c r="E6907">
        <v>2013</v>
      </c>
      <c r="F6907">
        <v>2013</v>
      </c>
      <c r="G6907" t="s">
        <v>125</v>
      </c>
      <c r="H6907" t="s">
        <v>124</v>
      </c>
      <c r="I6907" t="s">
        <v>15</v>
      </c>
      <c r="J6907" s="10">
        <v>1.756126334</v>
      </c>
    </row>
    <row r="6908" spans="1:10" x14ac:dyDescent="0.35">
      <c r="A6908" t="s">
        <v>28</v>
      </c>
      <c r="B6908" t="s">
        <v>44</v>
      </c>
      <c r="C6908" t="s">
        <v>117</v>
      </c>
      <c r="D6908" t="s">
        <v>118</v>
      </c>
      <c r="E6908">
        <v>2013</v>
      </c>
      <c r="F6908">
        <v>2013</v>
      </c>
      <c r="G6908" t="s">
        <v>126</v>
      </c>
      <c r="H6908" t="s">
        <v>119</v>
      </c>
      <c r="I6908" t="s">
        <v>15</v>
      </c>
      <c r="J6908" s="10">
        <v>14.940438070000001</v>
      </c>
    </row>
    <row r="6909" spans="1:10" x14ac:dyDescent="0.35">
      <c r="A6909" t="s">
        <v>28</v>
      </c>
      <c r="B6909" t="s">
        <v>44</v>
      </c>
      <c r="C6909" t="s">
        <v>117</v>
      </c>
      <c r="D6909" t="s">
        <v>118</v>
      </c>
      <c r="E6909">
        <v>2013</v>
      </c>
      <c r="F6909">
        <v>2013</v>
      </c>
      <c r="G6909" t="s">
        <v>126</v>
      </c>
      <c r="H6909" t="s">
        <v>120</v>
      </c>
      <c r="I6909" t="s">
        <v>15</v>
      </c>
      <c r="J6909" s="10">
        <v>9.5222236450000004</v>
      </c>
    </row>
    <row r="6910" spans="1:10" x14ac:dyDescent="0.35">
      <c r="A6910" t="s">
        <v>28</v>
      </c>
      <c r="B6910" t="s">
        <v>44</v>
      </c>
      <c r="C6910" t="s">
        <v>117</v>
      </c>
      <c r="D6910" t="s">
        <v>118</v>
      </c>
      <c r="E6910">
        <v>2013</v>
      </c>
      <c r="F6910">
        <v>2013</v>
      </c>
      <c r="G6910" t="s">
        <v>126</v>
      </c>
      <c r="H6910" t="s">
        <v>121</v>
      </c>
      <c r="I6910" t="s">
        <v>15</v>
      </c>
      <c r="J6910" s="10">
        <v>29.40181888</v>
      </c>
    </row>
    <row r="6911" spans="1:10" x14ac:dyDescent="0.35">
      <c r="A6911" t="s">
        <v>28</v>
      </c>
      <c r="B6911" t="s">
        <v>44</v>
      </c>
      <c r="C6911" t="s">
        <v>117</v>
      </c>
      <c r="D6911" t="s">
        <v>118</v>
      </c>
      <c r="E6911">
        <v>2013</v>
      </c>
      <c r="F6911">
        <v>2013</v>
      </c>
      <c r="G6911" t="s">
        <v>126</v>
      </c>
      <c r="H6911" t="s">
        <v>122</v>
      </c>
      <c r="I6911" t="s">
        <v>15</v>
      </c>
      <c r="J6911" s="10">
        <v>22.244139870000001</v>
      </c>
    </row>
    <row r="6912" spans="1:10" x14ac:dyDescent="0.35">
      <c r="A6912" t="s">
        <v>28</v>
      </c>
      <c r="B6912" t="s">
        <v>44</v>
      </c>
      <c r="C6912" t="s">
        <v>117</v>
      </c>
      <c r="D6912" t="s">
        <v>118</v>
      </c>
      <c r="E6912">
        <v>2013</v>
      </c>
      <c r="F6912">
        <v>2013</v>
      </c>
      <c r="G6912" t="s">
        <v>126</v>
      </c>
      <c r="H6912" t="s">
        <v>123</v>
      </c>
      <c r="I6912" t="s">
        <v>15</v>
      </c>
      <c r="J6912" s="10">
        <v>20.609709240000001</v>
      </c>
    </row>
    <row r="6913" spans="1:10" x14ac:dyDescent="0.35">
      <c r="A6913" t="s">
        <v>28</v>
      </c>
      <c r="B6913" t="s">
        <v>44</v>
      </c>
      <c r="C6913" t="s">
        <v>117</v>
      </c>
      <c r="D6913" t="s">
        <v>118</v>
      </c>
      <c r="E6913">
        <v>2013</v>
      </c>
      <c r="F6913">
        <v>2013</v>
      </c>
      <c r="G6913" t="s">
        <v>126</v>
      </c>
      <c r="H6913" t="s">
        <v>124</v>
      </c>
      <c r="I6913" t="s">
        <v>15</v>
      </c>
      <c r="J6913" s="10">
        <v>3.2816702960000002</v>
      </c>
    </row>
    <row r="6914" spans="1:10" x14ac:dyDescent="0.35">
      <c r="A6914" t="s">
        <v>28</v>
      </c>
      <c r="B6914" t="s">
        <v>44</v>
      </c>
      <c r="C6914" t="s">
        <v>117</v>
      </c>
      <c r="D6914" t="s">
        <v>118</v>
      </c>
      <c r="E6914">
        <v>2012</v>
      </c>
      <c r="F6914">
        <v>2012</v>
      </c>
      <c r="G6914" t="s">
        <v>14</v>
      </c>
      <c r="H6914" t="s">
        <v>119</v>
      </c>
      <c r="I6914" t="s">
        <v>15</v>
      </c>
      <c r="J6914" s="10">
        <v>16.12645843</v>
      </c>
    </row>
    <row r="6915" spans="1:10" x14ac:dyDescent="0.35">
      <c r="A6915" t="s">
        <v>28</v>
      </c>
      <c r="B6915" t="s">
        <v>44</v>
      </c>
      <c r="C6915" t="s">
        <v>117</v>
      </c>
      <c r="D6915" t="s">
        <v>118</v>
      </c>
      <c r="E6915">
        <v>2012</v>
      </c>
      <c r="F6915">
        <v>2012</v>
      </c>
      <c r="G6915" t="s">
        <v>14</v>
      </c>
      <c r="H6915" t="s">
        <v>120</v>
      </c>
      <c r="I6915" t="s">
        <v>15</v>
      </c>
      <c r="J6915" s="10">
        <v>9.8048448700000002</v>
      </c>
    </row>
    <row r="6916" spans="1:10" x14ac:dyDescent="0.35">
      <c r="A6916" t="s">
        <v>28</v>
      </c>
      <c r="B6916" t="s">
        <v>44</v>
      </c>
      <c r="C6916" t="s">
        <v>117</v>
      </c>
      <c r="D6916" t="s">
        <v>118</v>
      </c>
      <c r="E6916">
        <v>2012</v>
      </c>
      <c r="F6916">
        <v>2012</v>
      </c>
      <c r="G6916" t="s">
        <v>14</v>
      </c>
      <c r="H6916" t="s">
        <v>121</v>
      </c>
      <c r="I6916" t="s">
        <v>15</v>
      </c>
      <c r="J6916" s="10">
        <v>29.659132530000001</v>
      </c>
    </row>
    <row r="6917" spans="1:10" x14ac:dyDescent="0.35">
      <c r="A6917" t="s">
        <v>28</v>
      </c>
      <c r="B6917" t="s">
        <v>44</v>
      </c>
      <c r="C6917" t="s">
        <v>117</v>
      </c>
      <c r="D6917" t="s">
        <v>118</v>
      </c>
      <c r="E6917">
        <v>2012</v>
      </c>
      <c r="F6917">
        <v>2012</v>
      </c>
      <c r="G6917" t="s">
        <v>14</v>
      </c>
      <c r="H6917" t="s">
        <v>122</v>
      </c>
      <c r="I6917" t="s">
        <v>15</v>
      </c>
      <c r="J6917" s="10">
        <v>22.309422909999999</v>
      </c>
    </row>
    <row r="6918" spans="1:10" x14ac:dyDescent="0.35">
      <c r="A6918" t="s">
        <v>28</v>
      </c>
      <c r="B6918" t="s">
        <v>44</v>
      </c>
      <c r="C6918" t="s">
        <v>117</v>
      </c>
      <c r="D6918" t="s">
        <v>118</v>
      </c>
      <c r="E6918">
        <v>2012</v>
      </c>
      <c r="F6918">
        <v>2012</v>
      </c>
      <c r="G6918" t="s">
        <v>14</v>
      </c>
      <c r="H6918" t="s">
        <v>123</v>
      </c>
      <c r="I6918" t="s">
        <v>15</v>
      </c>
      <c r="J6918" s="10">
        <v>19.591377600000001</v>
      </c>
    </row>
    <row r="6919" spans="1:10" x14ac:dyDescent="0.35">
      <c r="A6919" t="s">
        <v>28</v>
      </c>
      <c r="B6919" t="s">
        <v>44</v>
      </c>
      <c r="C6919" t="s">
        <v>117</v>
      </c>
      <c r="D6919" t="s">
        <v>118</v>
      </c>
      <c r="E6919">
        <v>2012</v>
      </c>
      <c r="F6919">
        <v>2012</v>
      </c>
      <c r="G6919" t="s">
        <v>14</v>
      </c>
      <c r="H6919" t="s">
        <v>124</v>
      </c>
      <c r="I6919" t="s">
        <v>15</v>
      </c>
      <c r="J6919" s="10">
        <v>2.5087636689999999</v>
      </c>
    </row>
    <row r="6920" spans="1:10" x14ac:dyDescent="0.35">
      <c r="A6920" t="s">
        <v>28</v>
      </c>
      <c r="B6920" t="s">
        <v>44</v>
      </c>
      <c r="C6920" t="s">
        <v>117</v>
      </c>
      <c r="D6920" t="s">
        <v>118</v>
      </c>
      <c r="E6920">
        <v>2012</v>
      </c>
      <c r="F6920">
        <v>2012</v>
      </c>
      <c r="G6920" t="s">
        <v>125</v>
      </c>
      <c r="H6920" t="s">
        <v>119</v>
      </c>
      <c r="I6920" t="s">
        <v>15</v>
      </c>
      <c r="J6920" s="10">
        <v>17.167002010000001</v>
      </c>
    </row>
    <row r="6921" spans="1:10" x14ac:dyDescent="0.35">
      <c r="A6921" t="s">
        <v>28</v>
      </c>
      <c r="B6921" t="s">
        <v>44</v>
      </c>
      <c r="C6921" t="s">
        <v>117</v>
      </c>
      <c r="D6921" t="s">
        <v>118</v>
      </c>
      <c r="E6921">
        <v>2012</v>
      </c>
      <c r="F6921">
        <v>2012</v>
      </c>
      <c r="G6921" t="s">
        <v>125</v>
      </c>
      <c r="H6921" t="s">
        <v>120</v>
      </c>
      <c r="I6921" t="s">
        <v>15</v>
      </c>
      <c r="J6921" s="10">
        <v>10.108651910000001</v>
      </c>
    </row>
    <row r="6922" spans="1:10" x14ac:dyDescent="0.35">
      <c r="A6922" t="s">
        <v>28</v>
      </c>
      <c r="B6922" t="s">
        <v>44</v>
      </c>
      <c r="C6922" t="s">
        <v>117</v>
      </c>
      <c r="D6922" t="s">
        <v>118</v>
      </c>
      <c r="E6922">
        <v>2012</v>
      </c>
      <c r="F6922">
        <v>2012</v>
      </c>
      <c r="G6922" t="s">
        <v>125</v>
      </c>
      <c r="H6922" t="s">
        <v>121</v>
      </c>
      <c r="I6922" t="s">
        <v>15</v>
      </c>
      <c r="J6922" s="10">
        <v>29.40576794</v>
      </c>
    </row>
    <row r="6923" spans="1:10" x14ac:dyDescent="0.35">
      <c r="A6923" t="s">
        <v>28</v>
      </c>
      <c r="B6923" t="s">
        <v>44</v>
      </c>
      <c r="C6923" t="s">
        <v>117</v>
      </c>
      <c r="D6923" t="s">
        <v>118</v>
      </c>
      <c r="E6923">
        <v>2012</v>
      </c>
      <c r="F6923">
        <v>2012</v>
      </c>
      <c r="G6923" t="s">
        <v>125</v>
      </c>
      <c r="H6923" t="s">
        <v>122</v>
      </c>
      <c r="I6923" t="s">
        <v>15</v>
      </c>
      <c r="J6923" s="10">
        <v>22.64520456</v>
      </c>
    </row>
    <row r="6924" spans="1:10" x14ac:dyDescent="0.35">
      <c r="A6924" t="s">
        <v>28</v>
      </c>
      <c r="B6924" t="s">
        <v>44</v>
      </c>
      <c r="C6924" t="s">
        <v>117</v>
      </c>
      <c r="D6924" t="s">
        <v>118</v>
      </c>
      <c r="E6924">
        <v>2012</v>
      </c>
      <c r="F6924">
        <v>2012</v>
      </c>
      <c r="G6924" t="s">
        <v>125</v>
      </c>
      <c r="H6924" t="s">
        <v>123</v>
      </c>
      <c r="I6924" t="s">
        <v>15</v>
      </c>
      <c r="J6924" s="10">
        <v>18.93494299</v>
      </c>
    </row>
    <row r="6925" spans="1:10" x14ac:dyDescent="0.35">
      <c r="A6925" t="s">
        <v>28</v>
      </c>
      <c r="B6925" t="s">
        <v>44</v>
      </c>
      <c r="C6925" t="s">
        <v>117</v>
      </c>
      <c r="D6925" t="s">
        <v>118</v>
      </c>
      <c r="E6925">
        <v>2012</v>
      </c>
      <c r="F6925">
        <v>2012</v>
      </c>
      <c r="G6925" t="s">
        <v>125</v>
      </c>
      <c r="H6925" t="s">
        <v>124</v>
      </c>
      <c r="I6925" t="s">
        <v>15</v>
      </c>
      <c r="J6925" s="10">
        <v>1.7384305840000001</v>
      </c>
    </row>
    <row r="6926" spans="1:10" x14ac:dyDescent="0.35">
      <c r="A6926" t="s">
        <v>28</v>
      </c>
      <c r="B6926" t="s">
        <v>44</v>
      </c>
      <c r="C6926" t="s">
        <v>117</v>
      </c>
      <c r="D6926" t="s">
        <v>118</v>
      </c>
      <c r="E6926">
        <v>2012</v>
      </c>
      <c r="F6926">
        <v>2012</v>
      </c>
      <c r="G6926" t="s">
        <v>126</v>
      </c>
      <c r="H6926" t="s">
        <v>119</v>
      </c>
      <c r="I6926" t="s">
        <v>15</v>
      </c>
      <c r="J6926" s="10">
        <v>15.13643209</v>
      </c>
    </row>
    <row r="6927" spans="1:10" x14ac:dyDescent="0.35">
      <c r="A6927" t="s">
        <v>28</v>
      </c>
      <c r="B6927" t="s">
        <v>44</v>
      </c>
      <c r="C6927" t="s">
        <v>117</v>
      </c>
      <c r="D6927" t="s">
        <v>118</v>
      </c>
      <c r="E6927">
        <v>2012</v>
      </c>
      <c r="F6927">
        <v>2012</v>
      </c>
      <c r="G6927" t="s">
        <v>126</v>
      </c>
      <c r="H6927" t="s">
        <v>120</v>
      </c>
      <c r="I6927" t="s">
        <v>15</v>
      </c>
      <c r="J6927" s="10">
        <v>9.5157873239999997</v>
      </c>
    </row>
    <row r="6928" spans="1:10" x14ac:dyDescent="0.35">
      <c r="A6928" t="s">
        <v>28</v>
      </c>
      <c r="B6928" t="s">
        <v>44</v>
      </c>
      <c r="C6928" t="s">
        <v>117</v>
      </c>
      <c r="D6928" t="s">
        <v>118</v>
      </c>
      <c r="E6928">
        <v>2012</v>
      </c>
      <c r="F6928">
        <v>2012</v>
      </c>
      <c r="G6928" t="s">
        <v>126</v>
      </c>
      <c r="H6928" t="s">
        <v>121</v>
      </c>
      <c r="I6928" t="s">
        <v>15</v>
      </c>
      <c r="J6928" s="10">
        <v>29.90019654</v>
      </c>
    </row>
    <row r="6929" spans="1:10" x14ac:dyDescent="0.35">
      <c r="A6929" t="s">
        <v>28</v>
      </c>
      <c r="B6929" t="s">
        <v>44</v>
      </c>
      <c r="C6929" t="s">
        <v>117</v>
      </c>
      <c r="D6929" t="s">
        <v>118</v>
      </c>
      <c r="E6929">
        <v>2012</v>
      </c>
      <c r="F6929">
        <v>2012</v>
      </c>
      <c r="G6929" t="s">
        <v>126</v>
      </c>
      <c r="H6929" t="s">
        <v>122</v>
      </c>
      <c r="I6929" t="s">
        <v>15</v>
      </c>
      <c r="J6929" s="10">
        <v>21.98994308</v>
      </c>
    </row>
    <row r="6930" spans="1:10" x14ac:dyDescent="0.35">
      <c r="A6930" t="s">
        <v>28</v>
      </c>
      <c r="B6930" t="s">
        <v>44</v>
      </c>
      <c r="C6930" t="s">
        <v>117</v>
      </c>
      <c r="D6930" t="s">
        <v>118</v>
      </c>
      <c r="E6930">
        <v>2012</v>
      </c>
      <c r="F6930">
        <v>2012</v>
      </c>
      <c r="G6930" t="s">
        <v>126</v>
      </c>
      <c r="H6930" t="s">
        <v>123</v>
      </c>
      <c r="I6930" t="s">
        <v>15</v>
      </c>
      <c r="J6930" s="10">
        <v>20.215943029999998</v>
      </c>
    </row>
    <row r="6931" spans="1:10" x14ac:dyDescent="0.35">
      <c r="A6931" t="s">
        <v>28</v>
      </c>
      <c r="B6931" t="s">
        <v>44</v>
      </c>
      <c r="C6931" t="s">
        <v>117</v>
      </c>
      <c r="D6931" t="s">
        <v>118</v>
      </c>
      <c r="E6931">
        <v>2012</v>
      </c>
      <c r="F6931">
        <v>2012</v>
      </c>
      <c r="G6931" t="s">
        <v>126</v>
      </c>
      <c r="H6931" t="s">
        <v>124</v>
      </c>
      <c r="I6931" t="s">
        <v>15</v>
      </c>
      <c r="J6931" s="10">
        <v>3.2416979349999999</v>
      </c>
    </row>
    <row r="6932" spans="1:10" x14ac:dyDescent="0.35">
      <c r="A6932" t="s">
        <v>28</v>
      </c>
      <c r="B6932" t="s">
        <v>44</v>
      </c>
      <c r="C6932" t="s">
        <v>117</v>
      </c>
      <c r="D6932" t="s">
        <v>118</v>
      </c>
      <c r="E6932">
        <v>2011</v>
      </c>
      <c r="F6932">
        <v>2011</v>
      </c>
      <c r="G6932" t="s">
        <v>14</v>
      </c>
      <c r="H6932" t="s">
        <v>119</v>
      </c>
      <c r="I6932" t="s">
        <v>15</v>
      </c>
      <c r="J6932" s="10">
        <v>16.505549120000001</v>
      </c>
    </row>
    <row r="6933" spans="1:10" x14ac:dyDescent="0.35">
      <c r="A6933" t="s">
        <v>28</v>
      </c>
      <c r="B6933" t="s">
        <v>44</v>
      </c>
      <c r="C6933" t="s">
        <v>117</v>
      </c>
      <c r="D6933" t="s">
        <v>118</v>
      </c>
      <c r="E6933">
        <v>2011</v>
      </c>
      <c r="F6933">
        <v>2011</v>
      </c>
      <c r="G6933" t="s">
        <v>14</v>
      </c>
      <c r="H6933" t="s">
        <v>120</v>
      </c>
      <c r="I6933" t="s">
        <v>15</v>
      </c>
      <c r="J6933" s="10">
        <v>9.7971610350000002</v>
      </c>
    </row>
    <row r="6934" spans="1:10" x14ac:dyDescent="0.35">
      <c r="A6934" t="s">
        <v>28</v>
      </c>
      <c r="B6934" t="s">
        <v>44</v>
      </c>
      <c r="C6934" t="s">
        <v>117</v>
      </c>
      <c r="D6934" t="s">
        <v>118</v>
      </c>
      <c r="E6934">
        <v>2011</v>
      </c>
      <c r="F6934">
        <v>2011</v>
      </c>
      <c r="G6934" t="s">
        <v>14</v>
      </c>
      <c r="H6934" t="s">
        <v>121</v>
      </c>
      <c r="I6934" t="s">
        <v>15</v>
      </c>
      <c r="J6934" s="10">
        <v>30.15652038</v>
      </c>
    </row>
    <row r="6935" spans="1:10" x14ac:dyDescent="0.35">
      <c r="A6935" t="s">
        <v>28</v>
      </c>
      <c r="B6935" t="s">
        <v>44</v>
      </c>
      <c r="C6935" t="s">
        <v>117</v>
      </c>
      <c r="D6935" t="s">
        <v>118</v>
      </c>
      <c r="E6935">
        <v>2011</v>
      </c>
      <c r="F6935">
        <v>2011</v>
      </c>
      <c r="G6935" t="s">
        <v>14</v>
      </c>
      <c r="H6935" t="s">
        <v>122</v>
      </c>
      <c r="I6935" t="s">
        <v>15</v>
      </c>
      <c r="J6935" s="10">
        <v>22.288866630000001</v>
      </c>
    </row>
    <row r="6936" spans="1:10" x14ac:dyDescent="0.35">
      <c r="A6936" t="s">
        <v>28</v>
      </c>
      <c r="B6936" t="s">
        <v>44</v>
      </c>
      <c r="C6936" t="s">
        <v>117</v>
      </c>
      <c r="D6936" t="s">
        <v>118</v>
      </c>
      <c r="E6936">
        <v>2011</v>
      </c>
      <c r="F6936">
        <v>2011</v>
      </c>
      <c r="G6936" t="s">
        <v>14</v>
      </c>
      <c r="H6936" t="s">
        <v>123</v>
      </c>
      <c r="I6936" t="s">
        <v>15</v>
      </c>
      <c r="J6936" s="10">
        <v>18.847499970000001</v>
      </c>
    </row>
    <row r="6937" spans="1:10" x14ac:dyDescent="0.35">
      <c r="A6937" t="s">
        <v>28</v>
      </c>
      <c r="B6937" t="s">
        <v>44</v>
      </c>
      <c r="C6937" t="s">
        <v>117</v>
      </c>
      <c r="D6937" t="s">
        <v>118</v>
      </c>
      <c r="E6937">
        <v>2011</v>
      </c>
      <c r="F6937">
        <v>2011</v>
      </c>
      <c r="G6937" t="s">
        <v>14</v>
      </c>
      <c r="H6937" t="s">
        <v>124</v>
      </c>
      <c r="I6937" t="s">
        <v>15</v>
      </c>
      <c r="J6937" s="10">
        <v>2.404402868</v>
      </c>
    </row>
    <row r="6938" spans="1:10" x14ac:dyDescent="0.35">
      <c r="A6938" t="s">
        <v>28</v>
      </c>
      <c r="B6938" t="s">
        <v>44</v>
      </c>
      <c r="C6938" t="s">
        <v>117</v>
      </c>
      <c r="D6938" t="s">
        <v>118</v>
      </c>
      <c r="E6938">
        <v>2011</v>
      </c>
      <c r="F6938">
        <v>2011</v>
      </c>
      <c r="G6938" t="s">
        <v>125</v>
      </c>
      <c r="H6938" t="s">
        <v>119</v>
      </c>
      <c r="I6938" t="s">
        <v>15</v>
      </c>
      <c r="J6938" s="10">
        <v>17.522577890000001</v>
      </c>
    </row>
    <row r="6939" spans="1:10" x14ac:dyDescent="0.35">
      <c r="A6939" t="s">
        <v>28</v>
      </c>
      <c r="B6939" t="s">
        <v>44</v>
      </c>
      <c r="C6939" t="s">
        <v>117</v>
      </c>
      <c r="D6939" t="s">
        <v>118</v>
      </c>
      <c r="E6939">
        <v>2011</v>
      </c>
      <c r="F6939">
        <v>2011</v>
      </c>
      <c r="G6939" t="s">
        <v>125</v>
      </c>
      <c r="H6939" t="s">
        <v>120</v>
      </c>
      <c r="I6939" t="s">
        <v>15</v>
      </c>
      <c r="J6939" s="10">
        <v>10.086570829999999</v>
      </c>
    </row>
    <row r="6940" spans="1:10" x14ac:dyDescent="0.35">
      <c r="A6940" t="s">
        <v>28</v>
      </c>
      <c r="B6940" t="s">
        <v>44</v>
      </c>
      <c r="C6940" t="s">
        <v>117</v>
      </c>
      <c r="D6940" t="s">
        <v>118</v>
      </c>
      <c r="E6940">
        <v>2011</v>
      </c>
      <c r="F6940">
        <v>2011</v>
      </c>
      <c r="G6940" t="s">
        <v>125</v>
      </c>
      <c r="H6940" t="s">
        <v>121</v>
      </c>
      <c r="I6940" t="s">
        <v>15</v>
      </c>
      <c r="J6940" s="10">
        <v>29.890984880000001</v>
      </c>
    </row>
    <row r="6941" spans="1:10" x14ac:dyDescent="0.35">
      <c r="A6941" t="s">
        <v>28</v>
      </c>
      <c r="B6941" t="s">
        <v>44</v>
      </c>
      <c r="C6941" t="s">
        <v>117</v>
      </c>
      <c r="D6941" t="s">
        <v>118</v>
      </c>
      <c r="E6941">
        <v>2011</v>
      </c>
      <c r="F6941">
        <v>2011</v>
      </c>
      <c r="G6941" t="s">
        <v>125</v>
      </c>
      <c r="H6941" t="s">
        <v>122</v>
      </c>
      <c r="I6941" t="s">
        <v>15</v>
      </c>
      <c r="J6941" s="10">
        <v>22.655373269999998</v>
      </c>
    </row>
    <row r="6942" spans="1:10" x14ac:dyDescent="0.35">
      <c r="A6942" t="s">
        <v>28</v>
      </c>
      <c r="B6942" t="s">
        <v>44</v>
      </c>
      <c r="C6942" t="s">
        <v>117</v>
      </c>
      <c r="D6942" t="s">
        <v>118</v>
      </c>
      <c r="E6942">
        <v>2011</v>
      </c>
      <c r="F6942">
        <v>2011</v>
      </c>
      <c r="G6942" t="s">
        <v>125</v>
      </c>
      <c r="H6942" t="s">
        <v>123</v>
      </c>
      <c r="I6942" t="s">
        <v>15</v>
      </c>
      <c r="J6942" s="10">
        <v>18.20659435</v>
      </c>
    </row>
    <row r="6943" spans="1:10" x14ac:dyDescent="0.35">
      <c r="A6943" t="s">
        <v>28</v>
      </c>
      <c r="B6943" t="s">
        <v>44</v>
      </c>
      <c r="C6943" t="s">
        <v>117</v>
      </c>
      <c r="D6943" t="s">
        <v>118</v>
      </c>
      <c r="E6943">
        <v>2011</v>
      </c>
      <c r="F6943">
        <v>2011</v>
      </c>
      <c r="G6943" t="s">
        <v>125</v>
      </c>
      <c r="H6943" t="s">
        <v>124</v>
      </c>
      <c r="I6943" t="s">
        <v>15</v>
      </c>
      <c r="J6943" s="10">
        <v>1.6378987869999999</v>
      </c>
    </row>
    <row r="6944" spans="1:10" x14ac:dyDescent="0.35">
      <c r="A6944" t="s">
        <v>28</v>
      </c>
      <c r="B6944" t="s">
        <v>44</v>
      </c>
      <c r="C6944" t="s">
        <v>117</v>
      </c>
      <c r="D6944" t="s">
        <v>118</v>
      </c>
      <c r="E6944">
        <v>2011</v>
      </c>
      <c r="F6944">
        <v>2011</v>
      </c>
      <c r="G6944" t="s">
        <v>126</v>
      </c>
      <c r="H6944" t="s">
        <v>119</v>
      </c>
      <c r="I6944" t="s">
        <v>15</v>
      </c>
      <c r="J6944" s="10">
        <v>15.540283519999999</v>
      </c>
    </row>
    <row r="6945" spans="1:10" x14ac:dyDescent="0.35">
      <c r="A6945" t="s">
        <v>28</v>
      </c>
      <c r="B6945" t="s">
        <v>44</v>
      </c>
      <c r="C6945" t="s">
        <v>117</v>
      </c>
      <c r="D6945" t="s">
        <v>118</v>
      </c>
      <c r="E6945">
        <v>2011</v>
      </c>
      <c r="F6945">
        <v>2011</v>
      </c>
      <c r="G6945" t="s">
        <v>126</v>
      </c>
      <c r="H6945" t="s">
        <v>120</v>
      </c>
      <c r="I6945" t="s">
        <v>15</v>
      </c>
      <c r="J6945" s="10">
        <v>9.5224811710000008</v>
      </c>
    </row>
    <row r="6946" spans="1:10" x14ac:dyDescent="0.35">
      <c r="A6946" t="s">
        <v>28</v>
      </c>
      <c r="B6946" t="s">
        <v>44</v>
      </c>
      <c r="C6946" t="s">
        <v>117</v>
      </c>
      <c r="D6946" t="s">
        <v>118</v>
      </c>
      <c r="E6946">
        <v>2011</v>
      </c>
      <c r="F6946">
        <v>2011</v>
      </c>
      <c r="G6946" t="s">
        <v>126</v>
      </c>
      <c r="H6946" t="s">
        <v>121</v>
      </c>
      <c r="I6946" t="s">
        <v>15</v>
      </c>
      <c r="J6946" s="10">
        <v>30.408541069999998</v>
      </c>
    </row>
    <row r="6947" spans="1:10" x14ac:dyDescent="0.35">
      <c r="A6947" t="s">
        <v>28</v>
      </c>
      <c r="B6947" t="s">
        <v>44</v>
      </c>
      <c r="C6947" t="s">
        <v>117</v>
      </c>
      <c r="D6947" t="s">
        <v>118</v>
      </c>
      <c r="E6947">
        <v>2011</v>
      </c>
      <c r="F6947">
        <v>2011</v>
      </c>
      <c r="G6947" t="s">
        <v>126</v>
      </c>
      <c r="H6947" t="s">
        <v>122</v>
      </c>
      <c r="I6947" t="s">
        <v>15</v>
      </c>
      <c r="J6947" s="10">
        <v>21.941013869999999</v>
      </c>
    </row>
    <row r="6948" spans="1:10" x14ac:dyDescent="0.35">
      <c r="A6948" t="s">
        <v>28</v>
      </c>
      <c r="B6948" t="s">
        <v>44</v>
      </c>
      <c r="C6948" t="s">
        <v>117</v>
      </c>
      <c r="D6948" t="s">
        <v>118</v>
      </c>
      <c r="E6948">
        <v>2011</v>
      </c>
      <c r="F6948">
        <v>2011</v>
      </c>
      <c r="G6948" t="s">
        <v>126</v>
      </c>
      <c r="H6948" t="s">
        <v>123</v>
      </c>
      <c r="I6948" t="s">
        <v>15</v>
      </c>
      <c r="J6948" s="10">
        <v>19.455785760000001</v>
      </c>
    </row>
    <row r="6949" spans="1:10" x14ac:dyDescent="0.35">
      <c r="A6949" t="s">
        <v>28</v>
      </c>
      <c r="B6949" t="s">
        <v>44</v>
      </c>
      <c r="C6949" t="s">
        <v>117</v>
      </c>
      <c r="D6949" t="s">
        <v>118</v>
      </c>
      <c r="E6949">
        <v>2011</v>
      </c>
      <c r="F6949">
        <v>2011</v>
      </c>
      <c r="G6949" t="s">
        <v>126</v>
      </c>
      <c r="H6949" t="s">
        <v>124</v>
      </c>
      <c r="I6949" t="s">
        <v>15</v>
      </c>
      <c r="J6949" s="10">
        <v>3.1318946059999999</v>
      </c>
    </row>
    <row r="6950" spans="1:10" x14ac:dyDescent="0.35">
      <c r="A6950" t="s">
        <v>10</v>
      </c>
      <c r="B6950" t="s">
        <v>45</v>
      </c>
      <c r="C6950" t="s">
        <v>117</v>
      </c>
      <c r="D6950" t="s">
        <v>118</v>
      </c>
      <c r="E6950">
        <v>2020</v>
      </c>
      <c r="F6950">
        <v>2020</v>
      </c>
      <c r="G6950" t="s">
        <v>14</v>
      </c>
      <c r="H6950" t="s">
        <v>119</v>
      </c>
      <c r="I6950" t="s">
        <v>15</v>
      </c>
      <c r="J6950" s="10">
        <v>16.69322653</v>
      </c>
    </row>
    <row r="6951" spans="1:10" x14ac:dyDescent="0.35">
      <c r="A6951" t="s">
        <v>10</v>
      </c>
      <c r="B6951" t="s">
        <v>45</v>
      </c>
      <c r="C6951" t="s">
        <v>117</v>
      </c>
      <c r="D6951" t="s">
        <v>118</v>
      </c>
      <c r="E6951">
        <v>2020</v>
      </c>
      <c r="F6951">
        <v>2020</v>
      </c>
      <c r="G6951" t="s">
        <v>14</v>
      </c>
      <c r="H6951" t="s">
        <v>120</v>
      </c>
      <c r="I6951" t="s">
        <v>15</v>
      </c>
      <c r="J6951" s="10">
        <v>9.6955252509999994</v>
      </c>
    </row>
    <row r="6952" spans="1:10" x14ac:dyDescent="0.35">
      <c r="A6952" t="s">
        <v>10</v>
      </c>
      <c r="B6952" t="s">
        <v>45</v>
      </c>
      <c r="C6952" t="s">
        <v>117</v>
      </c>
      <c r="D6952" t="s">
        <v>118</v>
      </c>
      <c r="E6952">
        <v>2020</v>
      </c>
      <c r="F6952">
        <v>2020</v>
      </c>
      <c r="G6952" t="s">
        <v>14</v>
      </c>
      <c r="H6952" t="s">
        <v>121</v>
      </c>
      <c r="I6952" t="s">
        <v>15</v>
      </c>
      <c r="J6952" s="10">
        <v>34.843249800000002</v>
      </c>
    </row>
    <row r="6953" spans="1:10" x14ac:dyDescent="0.35">
      <c r="A6953" t="s">
        <v>10</v>
      </c>
      <c r="B6953" t="s">
        <v>45</v>
      </c>
      <c r="C6953" t="s">
        <v>117</v>
      </c>
      <c r="D6953" t="s">
        <v>118</v>
      </c>
      <c r="E6953">
        <v>2020</v>
      </c>
      <c r="F6953">
        <v>2020</v>
      </c>
      <c r="G6953" t="s">
        <v>14</v>
      </c>
      <c r="H6953" t="s">
        <v>122</v>
      </c>
      <c r="I6953" t="s">
        <v>15</v>
      </c>
      <c r="J6953" s="10">
        <v>19.544768650000002</v>
      </c>
    </row>
    <row r="6954" spans="1:10" x14ac:dyDescent="0.35">
      <c r="A6954" t="s">
        <v>10</v>
      </c>
      <c r="B6954" t="s">
        <v>45</v>
      </c>
      <c r="C6954" t="s">
        <v>117</v>
      </c>
      <c r="D6954" t="s">
        <v>118</v>
      </c>
      <c r="E6954">
        <v>2020</v>
      </c>
      <c r="F6954">
        <v>2020</v>
      </c>
      <c r="G6954" t="s">
        <v>14</v>
      </c>
      <c r="H6954" t="s">
        <v>123</v>
      </c>
      <c r="I6954" t="s">
        <v>15</v>
      </c>
      <c r="J6954" s="10">
        <v>16.487328829999999</v>
      </c>
    </row>
    <row r="6955" spans="1:10" x14ac:dyDescent="0.35">
      <c r="A6955" t="s">
        <v>10</v>
      </c>
      <c r="B6955" t="s">
        <v>45</v>
      </c>
      <c r="C6955" t="s">
        <v>117</v>
      </c>
      <c r="D6955" t="s">
        <v>118</v>
      </c>
      <c r="E6955">
        <v>2020</v>
      </c>
      <c r="F6955">
        <v>2020</v>
      </c>
      <c r="G6955" t="s">
        <v>14</v>
      </c>
      <c r="H6955" t="s">
        <v>124</v>
      </c>
      <c r="I6955" t="s">
        <v>15</v>
      </c>
      <c r="J6955" s="10">
        <v>2.7359009429999999</v>
      </c>
    </row>
    <row r="6956" spans="1:10" x14ac:dyDescent="0.35">
      <c r="A6956" t="s">
        <v>10</v>
      </c>
      <c r="B6956" t="s">
        <v>45</v>
      </c>
      <c r="C6956" t="s">
        <v>117</v>
      </c>
      <c r="D6956" t="s">
        <v>118</v>
      </c>
      <c r="E6956">
        <v>2020</v>
      </c>
      <c r="F6956">
        <v>2020</v>
      </c>
      <c r="G6956" t="s">
        <v>125</v>
      </c>
      <c r="H6956" t="s">
        <v>119</v>
      </c>
      <c r="I6956" t="s">
        <v>15</v>
      </c>
      <c r="J6956" s="10">
        <v>17.739950780000001</v>
      </c>
    </row>
    <row r="6957" spans="1:10" x14ac:dyDescent="0.35">
      <c r="A6957" t="s">
        <v>10</v>
      </c>
      <c r="B6957" t="s">
        <v>45</v>
      </c>
      <c r="C6957" t="s">
        <v>117</v>
      </c>
      <c r="D6957" t="s">
        <v>118</v>
      </c>
      <c r="E6957">
        <v>2020</v>
      </c>
      <c r="F6957">
        <v>2020</v>
      </c>
      <c r="G6957" t="s">
        <v>125</v>
      </c>
      <c r="H6957" t="s">
        <v>120</v>
      </c>
      <c r="I6957" t="s">
        <v>15</v>
      </c>
      <c r="J6957" s="10">
        <v>9.8206961209999992</v>
      </c>
    </row>
    <row r="6958" spans="1:10" x14ac:dyDescent="0.35">
      <c r="A6958" t="s">
        <v>10</v>
      </c>
      <c r="B6958" t="s">
        <v>45</v>
      </c>
      <c r="C6958" t="s">
        <v>117</v>
      </c>
      <c r="D6958" t="s">
        <v>118</v>
      </c>
      <c r="E6958">
        <v>2020</v>
      </c>
      <c r="F6958">
        <v>2020</v>
      </c>
      <c r="G6958" t="s">
        <v>125</v>
      </c>
      <c r="H6958" t="s">
        <v>121</v>
      </c>
      <c r="I6958" t="s">
        <v>15</v>
      </c>
      <c r="J6958" s="10">
        <v>35.594163829999999</v>
      </c>
    </row>
    <row r="6959" spans="1:10" x14ac:dyDescent="0.35">
      <c r="A6959" t="s">
        <v>10</v>
      </c>
      <c r="B6959" t="s">
        <v>45</v>
      </c>
      <c r="C6959" t="s">
        <v>117</v>
      </c>
      <c r="D6959" t="s">
        <v>118</v>
      </c>
      <c r="E6959">
        <v>2020</v>
      </c>
      <c r="F6959">
        <v>2020</v>
      </c>
      <c r="G6959" t="s">
        <v>125</v>
      </c>
      <c r="H6959" t="s">
        <v>122</v>
      </c>
      <c r="I6959" t="s">
        <v>15</v>
      </c>
      <c r="J6959" s="10">
        <v>19.465604129999999</v>
      </c>
    </row>
    <row r="6960" spans="1:10" x14ac:dyDescent="0.35">
      <c r="A6960" t="s">
        <v>10</v>
      </c>
      <c r="B6960" t="s">
        <v>45</v>
      </c>
      <c r="C6960" t="s">
        <v>117</v>
      </c>
      <c r="D6960" t="s">
        <v>118</v>
      </c>
      <c r="E6960">
        <v>2020</v>
      </c>
      <c r="F6960">
        <v>2020</v>
      </c>
      <c r="G6960" t="s">
        <v>125</v>
      </c>
      <c r="H6960" t="s">
        <v>123</v>
      </c>
      <c r="I6960" t="s">
        <v>15</v>
      </c>
      <c r="J6960" s="10">
        <v>15.457635059999999</v>
      </c>
    </row>
    <row r="6961" spans="1:10" x14ac:dyDescent="0.35">
      <c r="A6961" t="s">
        <v>10</v>
      </c>
      <c r="B6961" t="s">
        <v>45</v>
      </c>
      <c r="C6961" t="s">
        <v>117</v>
      </c>
      <c r="D6961" t="s">
        <v>118</v>
      </c>
      <c r="E6961">
        <v>2020</v>
      </c>
      <c r="F6961">
        <v>2020</v>
      </c>
      <c r="G6961" t="s">
        <v>125</v>
      </c>
      <c r="H6961" t="s">
        <v>124</v>
      </c>
      <c r="I6961" t="s">
        <v>15</v>
      </c>
      <c r="J6961" s="10">
        <v>1.9219500759999999</v>
      </c>
    </row>
    <row r="6962" spans="1:10" x14ac:dyDescent="0.35">
      <c r="A6962" t="s">
        <v>10</v>
      </c>
      <c r="B6962" t="s">
        <v>45</v>
      </c>
      <c r="C6962" t="s">
        <v>117</v>
      </c>
      <c r="D6962" t="s">
        <v>118</v>
      </c>
      <c r="E6962">
        <v>2020</v>
      </c>
      <c r="F6962">
        <v>2020</v>
      </c>
      <c r="G6962" t="s">
        <v>126</v>
      </c>
      <c r="H6962" t="s">
        <v>119</v>
      </c>
      <c r="I6962" t="s">
        <v>15</v>
      </c>
      <c r="J6962" s="10">
        <v>15.721782640000001</v>
      </c>
    </row>
    <row r="6963" spans="1:10" x14ac:dyDescent="0.35">
      <c r="A6963" t="s">
        <v>10</v>
      </c>
      <c r="B6963" t="s">
        <v>45</v>
      </c>
      <c r="C6963" t="s">
        <v>117</v>
      </c>
      <c r="D6963" t="s">
        <v>118</v>
      </c>
      <c r="E6963">
        <v>2020</v>
      </c>
      <c r="F6963">
        <v>2020</v>
      </c>
      <c r="G6963" t="s">
        <v>126</v>
      </c>
      <c r="H6963" t="s">
        <v>120</v>
      </c>
      <c r="I6963" t="s">
        <v>15</v>
      </c>
      <c r="J6963" s="10">
        <v>9.5793566630000004</v>
      </c>
    </row>
    <row r="6964" spans="1:10" x14ac:dyDescent="0.35">
      <c r="A6964" t="s">
        <v>10</v>
      </c>
      <c r="B6964" t="s">
        <v>45</v>
      </c>
      <c r="C6964" t="s">
        <v>117</v>
      </c>
      <c r="D6964" t="s">
        <v>118</v>
      </c>
      <c r="E6964">
        <v>2020</v>
      </c>
      <c r="F6964">
        <v>2020</v>
      </c>
      <c r="G6964" t="s">
        <v>126</v>
      </c>
      <c r="H6964" t="s">
        <v>121</v>
      </c>
      <c r="I6964" t="s">
        <v>15</v>
      </c>
      <c r="J6964" s="10">
        <v>34.146341460000002</v>
      </c>
    </row>
    <row r="6965" spans="1:10" x14ac:dyDescent="0.35">
      <c r="A6965" t="s">
        <v>10</v>
      </c>
      <c r="B6965" t="s">
        <v>45</v>
      </c>
      <c r="C6965" t="s">
        <v>117</v>
      </c>
      <c r="D6965" t="s">
        <v>118</v>
      </c>
      <c r="E6965">
        <v>2020</v>
      </c>
      <c r="F6965">
        <v>2020</v>
      </c>
      <c r="G6965" t="s">
        <v>126</v>
      </c>
      <c r="H6965" t="s">
        <v>122</v>
      </c>
      <c r="I6965" t="s">
        <v>15</v>
      </c>
      <c r="J6965" s="10">
        <v>19.61823966</v>
      </c>
    </row>
    <row r="6966" spans="1:10" x14ac:dyDescent="0.35">
      <c r="A6966" t="s">
        <v>10</v>
      </c>
      <c r="B6966" t="s">
        <v>45</v>
      </c>
      <c r="C6966" t="s">
        <v>117</v>
      </c>
      <c r="D6966" t="s">
        <v>118</v>
      </c>
      <c r="E6966">
        <v>2020</v>
      </c>
      <c r="F6966">
        <v>2020</v>
      </c>
      <c r="G6966" t="s">
        <v>126</v>
      </c>
      <c r="H6966" t="s">
        <v>123</v>
      </c>
      <c r="I6966" t="s">
        <v>15</v>
      </c>
      <c r="J6966" s="10">
        <v>17.442967070000002</v>
      </c>
    </row>
    <row r="6967" spans="1:10" x14ac:dyDescent="0.35">
      <c r="A6967" t="s">
        <v>10</v>
      </c>
      <c r="B6967" t="s">
        <v>45</v>
      </c>
      <c r="C6967" t="s">
        <v>117</v>
      </c>
      <c r="D6967" t="s">
        <v>118</v>
      </c>
      <c r="E6967">
        <v>2020</v>
      </c>
      <c r="F6967">
        <v>2020</v>
      </c>
      <c r="G6967" t="s">
        <v>126</v>
      </c>
      <c r="H6967" t="s">
        <v>124</v>
      </c>
      <c r="I6967" t="s">
        <v>15</v>
      </c>
      <c r="J6967" s="10">
        <v>3.4913125049999998</v>
      </c>
    </row>
    <row r="6968" spans="1:10" x14ac:dyDescent="0.35">
      <c r="A6968" t="s">
        <v>10</v>
      </c>
      <c r="B6968" t="s">
        <v>45</v>
      </c>
      <c r="C6968" t="s">
        <v>117</v>
      </c>
      <c r="D6968" t="s">
        <v>118</v>
      </c>
      <c r="E6968">
        <v>2019</v>
      </c>
      <c r="F6968">
        <v>2019</v>
      </c>
      <c r="G6968" t="s">
        <v>14</v>
      </c>
      <c r="H6968" t="s">
        <v>119</v>
      </c>
      <c r="I6968" t="s">
        <v>15</v>
      </c>
      <c r="J6968" s="10">
        <v>16.72799281</v>
      </c>
    </row>
    <row r="6969" spans="1:10" x14ac:dyDescent="0.35">
      <c r="A6969" t="s">
        <v>10</v>
      </c>
      <c r="B6969" t="s">
        <v>45</v>
      </c>
      <c r="C6969" t="s">
        <v>117</v>
      </c>
      <c r="D6969" t="s">
        <v>118</v>
      </c>
      <c r="E6969">
        <v>2019</v>
      </c>
      <c r="F6969">
        <v>2019</v>
      </c>
      <c r="G6969" t="s">
        <v>14</v>
      </c>
      <c r="H6969" t="s">
        <v>120</v>
      </c>
      <c r="I6969" t="s">
        <v>15</v>
      </c>
      <c r="J6969" s="10">
        <v>9.7634964330000003</v>
      </c>
    </row>
    <row r="6970" spans="1:10" x14ac:dyDescent="0.35">
      <c r="A6970" t="s">
        <v>10</v>
      </c>
      <c r="B6970" t="s">
        <v>45</v>
      </c>
      <c r="C6970" t="s">
        <v>117</v>
      </c>
      <c r="D6970" t="s">
        <v>118</v>
      </c>
      <c r="E6970">
        <v>2019</v>
      </c>
      <c r="F6970">
        <v>2019</v>
      </c>
      <c r="G6970" t="s">
        <v>14</v>
      </c>
      <c r="H6970" t="s">
        <v>121</v>
      </c>
      <c r="I6970" t="s">
        <v>15</v>
      </c>
      <c r="J6970" s="10">
        <v>34.655356439999998</v>
      </c>
    </row>
    <row r="6971" spans="1:10" x14ac:dyDescent="0.35">
      <c r="A6971" t="s">
        <v>10</v>
      </c>
      <c r="B6971" t="s">
        <v>45</v>
      </c>
      <c r="C6971" t="s">
        <v>117</v>
      </c>
      <c r="D6971" t="s">
        <v>118</v>
      </c>
      <c r="E6971">
        <v>2019</v>
      </c>
      <c r="F6971">
        <v>2019</v>
      </c>
      <c r="G6971" t="s">
        <v>14</v>
      </c>
      <c r="H6971" t="s">
        <v>122</v>
      </c>
      <c r="I6971" t="s">
        <v>15</v>
      </c>
      <c r="J6971" s="10">
        <v>19.62811078</v>
      </c>
    </row>
    <row r="6972" spans="1:10" x14ac:dyDescent="0.35">
      <c r="A6972" t="s">
        <v>10</v>
      </c>
      <c r="B6972" t="s">
        <v>45</v>
      </c>
      <c r="C6972" t="s">
        <v>117</v>
      </c>
      <c r="D6972" t="s">
        <v>118</v>
      </c>
      <c r="E6972">
        <v>2019</v>
      </c>
      <c r="F6972">
        <v>2019</v>
      </c>
      <c r="G6972" t="s">
        <v>14</v>
      </c>
      <c r="H6972" t="s">
        <v>123</v>
      </c>
      <c r="I6972" t="s">
        <v>15</v>
      </c>
      <c r="J6972" s="10">
        <v>16.482220099999999</v>
      </c>
    </row>
    <row r="6973" spans="1:10" x14ac:dyDescent="0.35">
      <c r="A6973" t="s">
        <v>10</v>
      </c>
      <c r="B6973" t="s">
        <v>45</v>
      </c>
      <c r="C6973" t="s">
        <v>117</v>
      </c>
      <c r="D6973" t="s">
        <v>118</v>
      </c>
      <c r="E6973">
        <v>2019</v>
      </c>
      <c r="F6973">
        <v>2019</v>
      </c>
      <c r="G6973" t="s">
        <v>14</v>
      </c>
      <c r="H6973" t="s">
        <v>124</v>
      </c>
      <c r="I6973" t="s">
        <v>15</v>
      </c>
      <c r="J6973" s="10">
        <v>2.7428234370000002</v>
      </c>
    </row>
    <row r="6974" spans="1:10" x14ac:dyDescent="0.35">
      <c r="A6974" t="s">
        <v>10</v>
      </c>
      <c r="B6974" t="s">
        <v>45</v>
      </c>
      <c r="C6974" t="s">
        <v>117</v>
      </c>
      <c r="D6974" t="s">
        <v>118</v>
      </c>
      <c r="E6974">
        <v>2019</v>
      </c>
      <c r="F6974">
        <v>2019</v>
      </c>
      <c r="G6974" t="s">
        <v>125</v>
      </c>
      <c r="H6974" t="s">
        <v>119</v>
      </c>
      <c r="I6974" t="s">
        <v>15</v>
      </c>
      <c r="J6974" s="10">
        <v>17.858497450000002</v>
      </c>
    </row>
    <row r="6975" spans="1:10" x14ac:dyDescent="0.35">
      <c r="A6975" t="s">
        <v>10</v>
      </c>
      <c r="B6975" t="s">
        <v>45</v>
      </c>
      <c r="C6975" t="s">
        <v>117</v>
      </c>
      <c r="D6975" t="s">
        <v>118</v>
      </c>
      <c r="E6975">
        <v>2019</v>
      </c>
      <c r="F6975">
        <v>2019</v>
      </c>
      <c r="G6975" t="s">
        <v>125</v>
      </c>
      <c r="H6975" t="s">
        <v>120</v>
      </c>
      <c r="I6975" t="s">
        <v>15</v>
      </c>
      <c r="J6975" s="10">
        <v>9.8672501819999994</v>
      </c>
    </row>
    <row r="6976" spans="1:10" x14ac:dyDescent="0.35">
      <c r="A6976" t="s">
        <v>10</v>
      </c>
      <c r="B6976" t="s">
        <v>45</v>
      </c>
      <c r="C6976" t="s">
        <v>117</v>
      </c>
      <c r="D6976" t="s">
        <v>118</v>
      </c>
      <c r="E6976">
        <v>2019</v>
      </c>
      <c r="F6976">
        <v>2019</v>
      </c>
      <c r="G6976" t="s">
        <v>125</v>
      </c>
      <c r="H6976" t="s">
        <v>121</v>
      </c>
      <c r="I6976" t="s">
        <v>15</v>
      </c>
      <c r="J6976" s="10">
        <v>35.241429609999997</v>
      </c>
    </row>
    <row r="6977" spans="1:10" x14ac:dyDescent="0.35">
      <c r="A6977" t="s">
        <v>10</v>
      </c>
      <c r="B6977" t="s">
        <v>45</v>
      </c>
      <c r="C6977" t="s">
        <v>117</v>
      </c>
      <c r="D6977" t="s">
        <v>118</v>
      </c>
      <c r="E6977">
        <v>2019</v>
      </c>
      <c r="F6977">
        <v>2019</v>
      </c>
      <c r="G6977" t="s">
        <v>125</v>
      </c>
      <c r="H6977" t="s">
        <v>122</v>
      </c>
      <c r="I6977" t="s">
        <v>15</v>
      </c>
      <c r="J6977" s="10">
        <v>19.67031364</v>
      </c>
    </row>
    <row r="6978" spans="1:10" x14ac:dyDescent="0.35">
      <c r="A6978" t="s">
        <v>10</v>
      </c>
      <c r="B6978" t="s">
        <v>45</v>
      </c>
      <c r="C6978" t="s">
        <v>117</v>
      </c>
      <c r="D6978" t="s">
        <v>118</v>
      </c>
      <c r="E6978">
        <v>2019</v>
      </c>
      <c r="F6978">
        <v>2019</v>
      </c>
      <c r="G6978" t="s">
        <v>125</v>
      </c>
      <c r="H6978" t="s">
        <v>123</v>
      </c>
      <c r="I6978" t="s">
        <v>15</v>
      </c>
      <c r="J6978" s="10">
        <v>15.398978850000001</v>
      </c>
    </row>
    <row r="6979" spans="1:10" x14ac:dyDescent="0.35">
      <c r="A6979" t="s">
        <v>10</v>
      </c>
      <c r="B6979" t="s">
        <v>45</v>
      </c>
      <c r="C6979" t="s">
        <v>117</v>
      </c>
      <c r="D6979" t="s">
        <v>118</v>
      </c>
      <c r="E6979">
        <v>2019</v>
      </c>
      <c r="F6979">
        <v>2019</v>
      </c>
      <c r="G6979" t="s">
        <v>125</v>
      </c>
      <c r="H6979" t="s">
        <v>124</v>
      </c>
      <c r="I6979" t="s">
        <v>15</v>
      </c>
      <c r="J6979" s="10">
        <v>1.9635302699999999</v>
      </c>
    </row>
    <row r="6980" spans="1:10" x14ac:dyDescent="0.35">
      <c r="A6980" t="s">
        <v>10</v>
      </c>
      <c r="B6980" t="s">
        <v>45</v>
      </c>
      <c r="C6980" t="s">
        <v>117</v>
      </c>
      <c r="D6980" t="s">
        <v>118</v>
      </c>
      <c r="E6980">
        <v>2019</v>
      </c>
      <c r="F6980">
        <v>2019</v>
      </c>
      <c r="G6980" t="s">
        <v>126</v>
      </c>
      <c r="H6980" t="s">
        <v>119</v>
      </c>
      <c r="I6980" t="s">
        <v>15</v>
      </c>
      <c r="J6980" s="10">
        <v>15.67873487</v>
      </c>
    </row>
    <row r="6981" spans="1:10" x14ac:dyDescent="0.35">
      <c r="A6981" t="s">
        <v>10</v>
      </c>
      <c r="B6981" t="s">
        <v>45</v>
      </c>
      <c r="C6981" t="s">
        <v>117</v>
      </c>
      <c r="D6981" t="s">
        <v>118</v>
      </c>
      <c r="E6981">
        <v>2019</v>
      </c>
      <c r="F6981">
        <v>2019</v>
      </c>
      <c r="G6981" t="s">
        <v>126</v>
      </c>
      <c r="H6981" t="s">
        <v>120</v>
      </c>
      <c r="I6981" t="s">
        <v>15</v>
      </c>
      <c r="J6981" s="10">
        <v>9.6671992200000005</v>
      </c>
    </row>
    <row r="6982" spans="1:10" x14ac:dyDescent="0.35">
      <c r="A6982" t="s">
        <v>10</v>
      </c>
      <c r="B6982" t="s">
        <v>45</v>
      </c>
      <c r="C6982" t="s">
        <v>117</v>
      </c>
      <c r="D6982" t="s">
        <v>118</v>
      </c>
      <c r="E6982">
        <v>2019</v>
      </c>
      <c r="F6982">
        <v>2019</v>
      </c>
      <c r="G6982" t="s">
        <v>126</v>
      </c>
      <c r="H6982" t="s">
        <v>121</v>
      </c>
      <c r="I6982" t="s">
        <v>15</v>
      </c>
      <c r="J6982" s="10">
        <v>34.111402959999999</v>
      </c>
    </row>
    <row r="6983" spans="1:10" x14ac:dyDescent="0.35">
      <c r="A6983" t="s">
        <v>10</v>
      </c>
      <c r="B6983" t="s">
        <v>45</v>
      </c>
      <c r="C6983" t="s">
        <v>117</v>
      </c>
      <c r="D6983" t="s">
        <v>118</v>
      </c>
      <c r="E6983">
        <v>2019</v>
      </c>
      <c r="F6983">
        <v>2019</v>
      </c>
      <c r="G6983" t="s">
        <v>126</v>
      </c>
      <c r="H6983" t="s">
        <v>122</v>
      </c>
      <c r="I6983" t="s">
        <v>15</v>
      </c>
      <c r="J6983" s="10">
        <v>19.588940940000001</v>
      </c>
    </row>
    <row r="6984" spans="1:10" x14ac:dyDescent="0.35">
      <c r="A6984" t="s">
        <v>10</v>
      </c>
      <c r="B6984" t="s">
        <v>45</v>
      </c>
      <c r="C6984" t="s">
        <v>117</v>
      </c>
      <c r="D6984" t="s">
        <v>118</v>
      </c>
      <c r="E6984">
        <v>2019</v>
      </c>
      <c r="F6984">
        <v>2019</v>
      </c>
      <c r="G6984" t="s">
        <v>126</v>
      </c>
      <c r="H6984" t="s">
        <v>123</v>
      </c>
      <c r="I6984" t="s">
        <v>15</v>
      </c>
      <c r="J6984" s="10">
        <v>17.487611359999999</v>
      </c>
    </row>
    <row r="6985" spans="1:10" x14ac:dyDescent="0.35">
      <c r="A6985" t="s">
        <v>10</v>
      </c>
      <c r="B6985" t="s">
        <v>45</v>
      </c>
      <c r="C6985" t="s">
        <v>117</v>
      </c>
      <c r="D6985" t="s">
        <v>118</v>
      </c>
      <c r="E6985">
        <v>2019</v>
      </c>
      <c r="F6985">
        <v>2019</v>
      </c>
      <c r="G6985" t="s">
        <v>126</v>
      </c>
      <c r="H6985" t="s">
        <v>124</v>
      </c>
      <c r="I6985" t="s">
        <v>15</v>
      </c>
      <c r="J6985" s="10">
        <v>3.4661106450000001</v>
      </c>
    </row>
    <row r="6986" spans="1:10" x14ac:dyDescent="0.35">
      <c r="A6986" t="s">
        <v>10</v>
      </c>
      <c r="B6986" t="s">
        <v>45</v>
      </c>
      <c r="C6986" t="s">
        <v>117</v>
      </c>
      <c r="D6986" t="s">
        <v>118</v>
      </c>
      <c r="E6986">
        <v>2018</v>
      </c>
      <c r="F6986">
        <v>2018</v>
      </c>
      <c r="G6986" t="s">
        <v>14</v>
      </c>
      <c r="H6986" t="s">
        <v>119</v>
      </c>
      <c r="I6986" t="s">
        <v>15</v>
      </c>
      <c r="J6986" s="10">
        <v>16.670189229999998</v>
      </c>
    </row>
    <row r="6987" spans="1:10" x14ac:dyDescent="0.35">
      <c r="A6987" t="s">
        <v>10</v>
      </c>
      <c r="B6987" t="s">
        <v>45</v>
      </c>
      <c r="C6987" t="s">
        <v>117</v>
      </c>
      <c r="D6987" t="s">
        <v>118</v>
      </c>
      <c r="E6987">
        <v>2018</v>
      </c>
      <c r="F6987">
        <v>2018</v>
      </c>
      <c r="G6987" t="s">
        <v>14</v>
      </c>
      <c r="H6987" t="s">
        <v>120</v>
      </c>
      <c r="I6987" t="s">
        <v>15</v>
      </c>
      <c r="J6987" s="10">
        <v>9.8110495839999992</v>
      </c>
    </row>
    <row r="6988" spans="1:10" x14ac:dyDescent="0.35">
      <c r="A6988" t="s">
        <v>10</v>
      </c>
      <c r="B6988" t="s">
        <v>45</v>
      </c>
      <c r="C6988" t="s">
        <v>117</v>
      </c>
      <c r="D6988" t="s">
        <v>118</v>
      </c>
      <c r="E6988">
        <v>2018</v>
      </c>
      <c r="F6988">
        <v>2018</v>
      </c>
      <c r="G6988" t="s">
        <v>14</v>
      </c>
      <c r="H6988" t="s">
        <v>121</v>
      </c>
      <c r="I6988" t="s">
        <v>15</v>
      </c>
      <c r="J6988" s="10">
        <v>34.849445549999999</v>
      </c>
    </row>
    <row r="6989" spans="1:10" x14ac:dyDescent="0.35">
      <c r="A6989" t="s">
        <v>10</v>
      </c>
      <c r="B6989" t="s">
        <v>45</v>
      </c>
      <c r="C6989" t="s">
        <v>117</v>
      </c>
      <c r="D6989" t="s">
        <v>118</v>
      </c>
      <c r="E6989">
        <v>2018</v>
      </c>
      <c r="F6989">
        <v>2018</v>
      </c>
      <c r="G6989" t="s">
        <v>14</v>
      </c>
      <c r="H6989" t="s">
        <v>122</v>
      </c>
      <c r="I6989" t="s">
        <v>15</v>
      </c>
      <c r="J6989" s="10">
        <v>19.461470179999999</v>
      </c>
    </row>
    <row r="6990" spans="1:10" x14ac:dyDescent="0.35">
      <c r="A6990" t="s">
        <v>10</v>
      </c>
      <c r="B6990" t="s">
        <v>45</v>
      </c>
      <c r="C6990" t="s">
        <v>117</v>
      </c>
      <c r="D6990" t="s">
        <v>118</v>
      </c>
      <c r="E6990">
        <v>2018</v>
      </c>
      <c r="F6990">
        <v>2018</v>
      </c>
      <c r="G6990" t="s">
        <v>14</v>
      </c>
      <c r="H6990" t="s">
        <v>123</v>
      </c>
      <c r="I6990" t="s">
        <v>15</v>
      </c>
      <c r="J6990" s="10">
        <v>16.61101013</v>
      </c>
    </row>
    <row r="6991" spans="1:10" x14ac:dyDescent="0.35">
      <c r="A6991" t="s">
        <v>10</v>
      </c>
      <c r="B6991" t="s">
        <v>45</v>
      </c>
      <c r="C6991" t="s">
        <v>117</v>
      </c>
      <c r="D6991" t="s">
        <v>118</v>
      </c>
      <c r="E6991">
        <v>2018</v>
      </c>
      <c r="F6991">
        <v>2018</v>
      </c>
      <c r="G6991" t="s">
        <v>14</v>
      </c>
      <c r="H6991" t="s">
        <v>124</v>
      </c>
      <c r="I6991" t="s">
        <v>15</v>
      </c>
      <c r="J6991" s="10">
        <v>2.596835327</v>
      </c>
    </row>
    <row r="6992" spans="1:10" x14ac:dyDescent="0.35">
      <c r="A6992" t="s">
        <v>10</v>
      </c>
      <c r="B6992" t="s">
        <v>45</v>
      </c>
      <c r="C6992" t="s">
        <v>117</v>
      </c>
      <c r="D6992" t="s">
        <v>118</v>
      </c>
      <c r="E6992">
        <v>2018</v>
      </c>
      <c r="F6992">
        <v>2018</v>
      </c>
      <c r="G6992" t="s">
        <v>125</v>
      </c>
      <c r="H6992" t="s">
        <v>119</v>
      </c>
      <c r="I6992" t="s">
        <v>15</v>
      </c>
      <c r="J6992" s="10">
        <v>17.76649746</v>
      </c>
    </row>
    <row r="6993" spans="1:10" x14ac:dyDescent="0.35">
      <c r="A6993" t="s">
        <v>10</v>
      </c>
      <c r="B6993" t="s">
        <v>45</v>
      </c>
      <c r="C6993" t="s">
        <v>117</v>
      </c>
      <c r="D6993" t="s">
        <v>118</v>
      </c>
      <c r="E6993">
        <v>2018</v>
      </c>
      <c r="F6993">
        <v>2018</v>
      </c>
      <c r="G6993" t="s">
        <v>125</v>
      </c>
      <c r="H6993" t="s">
        <v>120</v>
      </c>
      <c r="I6993" t="s">
        <v>15</v>
      </c>
      <c r="J6993" s="10">
        <v>10.014377509999999</v>
      </c>
    </row>
    <row r="6994" spans="1:10" x14ac:dyDescent="0.35">
      <c r="A6994" t="s">
        <v>10</v>
      </c>
      <c r="B6994" t="s">
        <v>45</v>
      </c>
      <c r="C6994" t="s">
        <v>117</v>
      </c>
      <c r="D6994" t="s">
        <v>118</v>
      </c>
      <c r="E6994">
        <v>2018</v>
      </c>
      <c r="F6994">
        <v>2018</v>
      </c>
      <c r="G6994" t="s">
        <v>125</v>
      </c>
      <c r="H6994" t="s">
        <v>121</v>
      </c>
      <c r="I6994" t="s">
        <v>15</v>
      </c>
      <c r="J6994" s="10">
        <v>35.377483060000003</v>
      </c>
    </row>
    <row r="6995" spans="1:10" x14ac:dyDescent="0.35">
      <c r="A6995" t="s">
        <v>10</v>
      </c>
      <c r="B6995" t="s">
        <v>45</v>
      </c>
      <c r="C6995" t="s">
        <v>117</v>
      </c>
      <c r="D6995" t="s">
        <v>118</v>
      </c>
      <c r="E6995">
        <v>2018</v>
      </c>
      <c r="F6995">
        <v>2018</v>
      </c>
      <c r="G6995" t="s">
        <v>125</v>
      </c>
      <c r="H6995" t="s">
        <v>122</v>
      </c>
      <c r="I6995" t="s">
        <v>15</v>
      </c>
      <c r="J6995" s="10">
        <v>19.585692909999999</v>
      </c>
    </row>
    <row r="6996" spans="1:10" x14ac:dyDescent="0.35">
      <c r="A6996" t="s">
        <v>10</v>
      </c>
      <c r="B6996" t="s">
        <v>45</v>
      </c>
      <c r="C6996" t="s">
        <v>117</v>
      </c>
      <c r="D6996" t="s">
        <v>118</v>
      </c>
      <c r="E6996">
        <v>2018</v>
      </c>
      <c r="F6996">
        <v>2018</v>
      </c>
      <c r="G6996" t="s">
        <v>125</v>
      </c>
      <c r="H6996" t="s">
        <v>123</v>
      </c>
      <c r="I6996" t="s">
        <v>15</v>
      </c>
      <c r="J6996" s="10">
        <v>15.38980664</v>
      </c>
    </row>
    <row r="6997" spans="1:10" x14ac:dyDescent="0.35">
      <c r="A6997" t="s">
        <v>10</v>
      </c>
      <c r="B6997" t="s">
        <v>45</v>
      </c>
      <c r="C6997" t="s">
        <v>117</v>
      </c>
      <c r="D6997" t="s">
        <v>118</v>
      </c>
      <c r="E6997">
        <v>2018</v>
      </c>
      <c r="F6997">
        <v>2018</v>
      </c>
      <c r="G6997" t="s">
        <v>125</v>
      </c>
      <c r="H6997" t="s">
        <v>124</v>
      </c>
      <c r="I6997" t="s">
        <v>15</v>
      </c>
      <c r="J6997" s="10">
        <v>1.866142425</v>
      </c>
    </row>
    <row r="6998" spans="1:10" x14ac:dyDescent="0.35">
      <c r="A6998" t="s">
        <v>10</v>
      </c>
      <c r="B6998" t="s">
        <v>45</v>
      </c>
      <c r="C6998" t="s">
        <v>117</v>
      </c>
      <c r="D6998" t="s">
        <v>118</v>
      </c>
      <c r="E6998">
        <v>2018</v>
      </c>
      <c r="F6998">
        <v>2018</v>
      </c>
      <c r="G6998" t="s">
        <v>126</v>
      </c>
      <c r="H6998" t="s">
        <v>119</v>
      </c>
      <c r="I6998" t="s">
        <v>15</v>
      </c>
      <c r="J6998" s="10">
        <v>15.657359720000001</v>
      </c>
    </row>
    <row r="6999" spans="1:10" x14ac:dyDescent="0.35">
      <c r="A6999" t="s">
        <v>10</v>
      </c>
      <c r="B6999" t="s">
        <v>45</v>
      </c>
      <c r="C6999" t="s">
        <v>117</v>
      </c>
      <c r="D6999" t="s">
        <v>118</v>
      </c>
      <c r="E6999">
        <v>2018</v>
      </c>
      <c r="F6999">
        <v>2018</v>
      </c>
      <c r="G6999" t="s">
        <v>126</v>
      </c>
      <c r="H6999" t="s">
        <v>120</v>
      </c>
      <c r="I6999" t="s">
        <v>15</v>
      </c>
      <c r="J6999" s="10">
        <v>9.6232041200000005</v>
      </c>
    </row>
    <row r="7000" spans="1:10" x14ac:dyDescent="0.35">
      <c r="A7000" t="s">
        <v>10</v>
      </c>
      <c r="B7000" t="s">
        <v>45</v>
      </c>
      <c r="C7000" t="s">
        <v>117</v>
      </c>
      <c r="D7000" t="s">
        <v>118</v>
      </c>
      <c r="E7000">
        <v>2018</v>
      </c>
      <c r="F7000">
        <v>2018</v>
      </c>
      <c r="G7000" t="s">
        <v>126</v>
      </c>
      <c r="H7000" t="s">
        <v>121</v>
      </c>
      <c r="I7000" t="s">
        <v>15</v>
      </c>
      <c r="J7000" s="10">
        <v>34.361615610000001</v>
      </c>
    </row>
    <row r="7001" spans="1:10" x14ac:dyDescent="0.35">
      <c r="A7001" t="s">
        <v>10</v>
      </c>
      <c r="B7001" t="s">
        <v>45</v>
      </c>
      <c r="C7001" t="s">
        <v>117</v>
      </c>
      <c r="D7001" t="s">
        <v>118</v>
      </c>
      <c r="E7001">
        <v>2018</v>
      </c>
      <c r="F7001">
        <v>2018</v>
      </c>
      <c r="G7001" t="s">
        <v>126</v>
      </c>
      <c r="H7001" t="s">
        <v>122</v>
      </c>
      <c r="I7001" t="s">
        <v>15</v>
      </c>
      <c r="J7001" s="10">
        <v>19.34670642</v>
      </c>
    </row>
    <row r="7002" spans="1:10" x14ac:dyDescent="0.35">
      <c r="A7002" t="s">
        <v>10</v>
      </c>
      <c r="B7002" t="s">
        <v>45</v>
      </c>
      <c r="C7002" t="s">
        <v>117</v>
      </c>
      <c r="D7002" t="s">
        <v>118</v>
      </c>
      <c r="E7002">
        <v>2018</v>
      </c>
      <c r="F7002">
        <v>2018</v>
      </c>
      <c r="G7002" t="s">
        <v>126</v>
      </c>
      <c r="H7002" t="s">
        <v>123</v>
      </c>
      <c r="I7002" t="s">
        <v>15</v>
      </c>
      <c r="J7002" s="10">
        <v>17.739224719999999</v>
      </c>
    </row>
    <row r="7003" spans="1:10" x14ac:dyDescent="0.35">
      <c r="A7003" t="s">
        <v>10</v>
      </c>
      <c r="B7003" t="s">
        <v>45</v>
      </c>
      <c r="C7003" t="s">
        <v>117</v>
      </c>
      <c r="D7003" t="s">
        <v>118</v>
      </c>
      <c r="E7003">
        <v>2018</v>
      </c>
      <c r="F7003">
        <v>2018</v>
      </c>
      <c r="G7003" t="s">
        <v>126</v>
      </c>
      <c r="H7003" t="s">
        <v>124</v>
      </c>
      <c r="I7003" t="s">
        <v>15</v>
      </c>
      <c r="J7003" s="10">
        <v>3.2718894010000001</v>
      </c>
    </row>
    <row r="7004" spans="1:10" x14ac:dyDescent="0.35">
      <c r="A7004" t="s">
        <v>10</v>
      </c>
      <c r="B7004" t="s">
        <v>45</v>
      </c>
      <c r="C7004" t="s">
        <v>117</v>
      </c>
      <c r="D7004" t="s">
        <v>118</v>
      </c>
      <c r="E7004">
        <v>2017</v>
      </c>
      <c r="F7004">
        <v>2017</v>
      </c>
      <c r="G7004" t="s">
        <v>14</v>
      </c>
      <c r="H7004" t="s">
        <v>119</v>
      </c>
      <c r="I7004" t="s">
        <v>15</v>
      </c>
      <c r="J7004" s="10">
        <v>16.72607854</v>
      </c>
    </row>
    <row r="7005" spans="1:10" x14ac:dyDescent="0.35">
      <c r="A7005" t="s">
        <v>10</v>
      </c>
      <c r="B7005" t="s">
        <v>45</v>
      </c>
      <c r="C7005" t="s">
        <v>117</v>
      </c>
      <c r="D7005" t="s">
        <v>118</v>
      </c>
      <c r="E7005">
        <v>2017</v>
      </c>
      <c r="F7005">
        <v>2017</v>
      </c>
      <c r="G7005" t="s">
        <v>14</v>
      </c>
      <c r="H7005" t="s">
        <v>120</v>
      </c>
      <c r="I7005" t="s">
        <v>15</v>
      </c>
      <c r="J7005" s="10">
        <v>10.151009070000001</v>
      </c>
    </row>
    <row r="7006" spans="1:10" x14ac:dyDescent="0.35">
      <c r="A7006" t="s">
        <v>10</v>
      </c>
      <c r="B7006" t="s">
        <v>45</v>
      </c>
      <c r="C7006" t="s">
        <v>117</v>
      </c>
      <c r="D7006" t="s">
        <v>118</v>
      </c>
      <c r="E7006">
        <v>2017</v>
      </c>
      <c r="F7006">
        <v>2017</v>
      </c>
      <c r="G7006" t="s">
        <v>14</v>
      </c>
      <c r="H7006" t="s">
        <v>121</v>
      </c>
      <c r="I7006" t="s">
        <v>15</v>
      </c>
      <c r="J7006" s="10">
        <v>34.525781010000003</v>
      </c>
    </row>
    <row r="7007" spans="1:10" x14ac:dyDescent="0.35">
      <c r="A7007" t="s">
        <v>10</v>
      </c>
      <c r="B7007" t="s">
        <v>45</v>
      </c>
      <c r="C7007" t="s">
        <v>117</v>
      </c>
      <c r="D7007" t="s">
        <v>118</v>
      </c>
      <c r="E7007">
        <v>2017</v>
      </c>
      <c r="F7007">
        <v>2017</v>
      </c>
      <c r="G7007" t="s">
        <v>14</v>
      </c>
      <c r="H7007" t="s">
        <v>122</v>
      </c>
      <c r="I7007" t="s">
        <v>15</v>
      </c>
      <c r="J7007" s="10">
        <v>19.506273329999999</v>
      </c>
    </row>
    <row r="7008" spans="1:10" x14ac:dyDescent="0.35">
      <c r="A7008" t="s">
        <v>10</v>
      </c>
      <c r="B7008" t="s">
        <v>45</v>
      </c>
      <c r="C7008" t="s">
        <v>117</v>
      </c>
      <c r="D7008" t="s">
        <v>118</v>
      </c>
      <c r="E7008">
        <v>2017</v>
      </c>
      <c r="F7008">
        <v>2017</v>
      </c>
      <c r="G7008" t="s">
        <v>14</v>
      </c>
      <c r="H7008" t="s">
        <v>123</v>
      </c>
      <c r="I7008" t="s">
        <v>15</v>
      </c>
      <c r="J7008" s="10">
        <v>16.44679597</v>
      </c>
    </row>
    <row r="7009" spans="1:10" x14ac:dyDescent="0.35">
      <c r="A7009" t="s">
        <v>10</v>
      </c>
      <c r="B7009" t="s">
        <v>45</v>
      </c>
      <c r="C7009" t="s">
        <v>117</v>
      </c>
      <c r="D7009" t="s">
        <v>118</v>
      </c>
      <c r="E7009">
        <v>2017</v>
      </c>
      <c r="F7009">
        <v>2017</v>
      </c>
      <c r="G7009" t="s">
        <v>14</v>
      </c>
      <c r="H7009" t="s">
        <v>124</v>
      </c>
      <c r="I7009" t="s">
        <v>15</v>
      </c>
      <c r="J7009" s="10">
        <v>2.6440620880000001</v>
      </c>
    </row>
    <row r="7010" spans="1:10" x14ac:dyDescent="0.35">
      <c r="A7010" t="s">
        <v>10</v>
      </c>
      <c r="B7010" t="s">
        <v>45</v>
      </c>
      <c r="C7010" t="s">
        <v>117</v>
      </c>
      <c r="D7010" t="s">
        <v>118</v>
      </c>
      <c r="E7010">
        <v>2017</v>
      </c>
      <c r="F7010">
        <v>2017</v>
      </c>
      <c r="G7010" t="s">
        <v>125</v>
      </c>
      <c r="H7010" t="s">
        <v>119</v>
      </c>
      <c r="I7010" t="s">
        <v>15</v>
      </c>
      <c r="J7010" s="10">
        <v>17.705618829999999</v>
      </c>
    </row>
    <row r="7011" spans="1:10" x14ac:dyDescent="0.35">
      <c r="A7011" t="s">
        <v>10</v>
      </c>
      <c r="B7011" t="s">
        <v>45</v>
      </c>
      <c r="C7011" t="s">
        <v>117</v>
      </c>
      <c r="D7011" t="s">
        <v>118</v>
      </c>
      <c r="E7011">
        <v>2017</v>
      </c>
      <c r="F7011">
        <v>2017</v>
      </c>
      <c r="G7011" t="s">
        <v>125</v>
      </c>
      <c r="H7011" t="s">
        <v>120</v>
      </c>
      <c r="I7011" t="s">
        <v>15</v>
      </c>
      <c r="J7011" s="10">
        <v>10.441249669999999</v>
      </c>
    </row>
    <row r="7012" spans="1:10" x14ac:dyDescent="0.35">
      <c r="A7012" t="s">
        <v>10</v>
      </c>
      <c r="B7012" t="s">
        <v>45</v>
      </c>
      <c r="C7012" t="s">
        <v>117</v>
      </c>
      <c r="D7012" t="s">
        <v>118</v>
      </c>
      <c r="E7012">
        <v>2017</v>
      </c>
      <c r="F7012">
        <v>2017</v>
      </c>
      <c r="G7012" t="s">
        <v>125</v>
      </c>
      <c r="H7012" t="s">
        <v>121</v>
      </c>
      <c r="I7012" t="s">
        <v>15</v>
      </c>
      <c r="J7012" s="10">
        <v>34.998389600000003</v>
      </c>
    </row>
    <row r="7013" spans="1:10" x14ac:dyDescent="0.35">
      <c r="A7013" t="s">
        <v>10</v>
      </c>
      <c r="B7013" t="s">
        <v>45</v>
      </c>
      <c r="C7013" t="s">
        <v>117</v>
      </c>
      <c r="D7013" t="s">
        <v>118</v>
      </c>
      <c r="E7013">
        <v>2017</v>
      </c>
      <c r="F7013">
        <v>2017</v>
      </c>
      <c r="G7013" t="s">
        <v>125</v>
      </c>
      <c r="H7013" t="s">
        <v>122</v>
      </c>
      <c r="I7013" t="s">
        <v>15</v>
      </c>
      <c r="J7013" s="10">
        <v>19.638099140000001</v>
      </c>
    </row>
    <row r="7014" spans="1:10" x14ac:dyDescent="0.35">
      <c r="A7014" t="s">
        <v>10</v>
      </c>
      <c r="B7014" t="s">
        <v>45</v>
      </c>
      <c r="C7014" t="s">
        <v>117</v>
      </c>
      <c r="D7014" t="s">
        <v>118</v>
      </c>
      <c r="E7014">
        <v>2017</v>
      </c>
      <c r="F7014">
        <v>2017</v>
      </c>
      <c r="G7014" t="s">
        <v>125</v>
      </c>
      <c r="H7014" t="s">
        <v>123</v>
      </c>
      <c r="I7014" t="s">
        <v>15</v>
      </c>
      <c r="J7014" s="10">
        <v>15.32808245</v>
      </c>
    </row>
    <row r="7015" spans="1:10" x14ac:dyDescent="0.35">
      <c r="A7015" t="s">
        <v>10</v>
      </c>
      <c r="B7015" t="s">
        <v>45</v>
      </c>
      <c r="C7015" t="s">
        <v>117</v>
      </c>
      <c r="D7015" t="s">
        <v>118</v>
      </c>
      <c r="E7015">
        <v>2017</v>
      </c>
      <c r="F7015">
        <v>2017</v>
      </c>
      <c r="G7015" t="s">
        <v>125</v>
      </c>
      <c r="H7015" t="s">
        <v>124</v>
      </c>
      <c r="I7015" t="s">
        <v>15</v>
      </c>
      <c r="J7015" s="10">
        <v>1.8885603019999999</v>
      </c>
    </row>
    <row r="7016" spans="1:10" x14ac:dyDescent="0.35">
      <c r="A7016" t="s">
        <v>10</v>
      </c>
      <c r="B7016" t="s">
        <v>45</v>
      </c>
      <c r="C7016" t="s">
        <v>117</v>
      </c>
      <c r="D7016" t="s">
        <v>118</v>
      </c>
      <c r="E7016">
        <v>2017</v>
      </c>
      <c r="F7016">
        <v>2017</v>
      </c>
      <c r="G7016" t="s">
        <v>126</v>
      </c>
      <c r="H7016" t="s">
        <v>119</v>
      </c>
      <c r="I7016" t="s">
        <v>15</v>
      </c>
      <c r="J7016" s="10">
        <v>15.82437131</v>
      </c>
    </row>
    <row r="7017" spans="1:10" x14ac:dyDescent="0.35">
      <c r="A7017" t="s">
        <v>10</v>
      </c>
      <c r="B7017" t="s">
        <v>45</v>
      </c>
      <c r="C7017" t="s">
        <v>117</v>
      </c>
      <c r="D7017" t="s">
        <v>118</v>
      </c>
      <c r="E7017">
        <v>2017</v>
      </c>
      <c r="F7017">
        <v>2017</v>
      </c>
      <c r="G7017" t="s">
        <v>126</v>
      </c>
      <c r="H7017" t="s">
        <v>120</v>
      </c>
      <c r="I7017" t="s">
        <v>15</v>
      </c>
      <c r="J7017" s="10">
        <v>9.8838306249999999</v>
      </c>
    </row>
    <row r="7018" spans="1:10" x14ac:dyDescent="0.35">
      <c r="A7018" t="s">
        <v>10</v>
      </c>
      <c r="B7018" t="s">
        <v>45</v>
      </c>
      <c r="C7018" t="s">
        <v>117</v>
      </c>
      <c r="D7018" t="s">
        <v>118</v>
      </c>
      <c r="E7018">
        <v>2017</v>
      </c>
      <c r="F7018">
        <v>2017</v>
      </c>
      <c r="G7018" t="s">
        <v>126</v>
      </c>
      <c r="H7018" t="s">
        <v>121</v>
      </c>
      <c r="I7018" t="s">
        <v>15</v>
      </c>
      <c r="J7018" s="10">
        <v>34.090725319999997</v>
      </c>
    </row>
    <row r="7019" spans="1:10" x14ac:dyDescent="0.35">
      <c r="A7019" t="s">
        <v>10</v>
      </c>
      <c r="B7019" t="s">
        <v>45</v>
      </c>
      <c r="C7019" t="s">
        <v>117</v>
      </c>
      <c r="D7019" t="s">
        <v>118</v>
      </c>
      <c r="E7019">
        <v>2017</v>
      </c>
      <c r="F7019">
        <v>2017</v>
      </c>
      <c r="G7019" t="s">
        <v>126</v>
      </c>
      <c r="H7019" t="s">
        <v>122</v>
      </c>
      <c r="I7019" t="s">
        <v>15</v>
      </c>
      <c r="J7019" s="10">
        <v>19.384922240000002</v>
      </c>
    </row>
    <row r="7020" spans="1:10" x14ac:dyDescent="0.35">
      <c r="A7020" t="s">
        <v>10</v>
      </c>
      <c r="B7020" t="s">
        <v>45</v>
      </c>
      <c r="C7020" t="s">
        <v>117</v>
      </c>
      <c r="D7020" t="s">
        <v>118</v>
      </c>
      <c r="E7020">
        <v>2017</v>
      </c>
      <c r="F7020">
        <v>2017</v>
      </c>
      <c r="G7020" t="s">
        <v>126</v>
      </c>
      <c r="H7020" t="s">
        <v>123</v>
      </c>
      <c r="I7020" t="s">
        <v>15</v>
      </c>
      <c r="J7020" s="10">
        <v>17.476617879999999</v>
      </c>
    </row>
    <row r="7021" spans="1:10" x14ac:dyDescent="0.35">
      <c r="A7021" t="s">
        <v>10</v>
      </c>
      <c r="B7021" t="s">
        <v>45</v>
      </c>
      <c r="C7021" t="s">
        <v>117</v>
      </c>
      <c r="D7021" t="s">
        <v>118</v>
      </c>
      <c r="E7021">
        <v>2017</v>
      </c>
      <c r="F7021">
        <v>2017</v>
      </c>
      <c r="G7021" t="s">
        <v>126</v>
      </c>
      <c r="H7021" t="s">
        <v>124</v>
      </c>
      <c r="I7021" t="s">
        <v>15</v>
      </c>
      <c r="J7021" s="10">
        <v>3.3395326270000001</v>
      </c>
    </row>
    <row r="7022" spans="1:10" x14ac:dyDescent="0.35">
      <c r="A7022" t="s">
        <v>10</v>
      </c>
      <c r="B7022" t="s">
        <v>45</v>
      </c>
      <c r="C7022" t="s">
        <v>117</v>
      </c>
      <c r="D7022" t="s">
        <v>118</v>
      </c>
      <c r="E7022">
        <v>2016</v>
      </c>
      <c r="F7022">
        <v>2016</v>
      </c>
      <c r="G7022" t="s">
        <v>14</v>
      </c>
      <c r="H7022" t="s">
        <v>119</v>
      </c>
      <c r="I7022" t="s">
        <v>15</v>
      </c>
      <c r="J7022" s="10">
        <v>16.764438219999999</v>
      </c>
    </row>
    <row r="7023" spans="1:10" x14ac:dyDescent="0.35">
      <c r="A7023" t="s">
        <v>10</v>
      </c>
      <c r="B7023" t="s">
        <v>45</v>
      </c>
      <c r="C7023" t="s">
        <v>117</v>
      </c>
      <c r="D7023" t="s">
        <v>118</v>
      </c>
      <c r="E7023">
        <v>2016</v>
      </c>
      <c r="F7023">
        <v>2016</v>
      </c>
      <c r="G7023" t="s">
        <v>14</v>
      </c>
      <c r="H7023" t="s">
        <v>120</v>
      </c>
      <c r="I7023" t="s">
        <v>15</v>
      </c>
      <c r="J7023" s="10">
        <v>10.888344419999999</v>
      </c>
    </row>
    <row r="7024" spans="1:10" x14ac:dyDescent="0.35">
      <c r="A7024" t="s">
        <v>10</v>
      </c>
      <c r="B7024" t="s">
        <v>45</v>
      </c>
      <c r="C7024" t="s">
        <v>117</v>
      </c>
      <c r="D7024" t="s">
        <v>118</v>
      </c>
      <c r="E7024">
        <v>2016</v>
      </c>
      <c r="F7024">
        <v>2016</v>
      </c>
      <c r="G7024" t="s">
        <v>14</v>
      </c>
      <c r="H7024" t="s">
        <v>121</v>
      </c>
      <c r="I7024" t="s">
        <v>15</v>
      </c>
      <c r="J7024" s="10">
        <v>33.96289814</v>
      </c>
    </row>
    <row r="7025" spans="1:10" x14ac:dyDescent="0.35">
      <c r="A7025" t="s">
        <v>10</v>
      </c>
      <c r="B7025" t="s">
        <v>45</v>
      </c>
      <c r="C7025" t="s">
        <v>117</v>
      </c>
      <c r="D7025" t="s">
        <v>118</v>
      </c>
      <c r="E7025">
        <v>2016</v>
      </c>
      <c r="F7025">
        <v>2016</v>
      </c>
      <c r="G7025" t="s">
        <v>14</v>
      </c>
      <c r="H7025" t="s">
        <v>122</v>
      </c>
      <c r="I7025" t="s">
        <v>15</v>
      </c>
      <c r="J7025" s="10">
        <v>19.37276864</v>
      </c>
    </row>
    <row r="7026" spans="1:10" x14ac:dyDescent="0.35">
      <c r="A7026" t="s">
        <v>10</v>
      </c>
      <c r="B7026" t="s">
        <v>45</v>
      </c>
      <c r="C7026" t="s">
        <v>117</v>
      </c>
      <c r="D7026" t="s">
        <v>118</v>
      </c>
      <c r="E7026">
        <v>2016</v>
      </c>
      <c r="F7026">
        <v>2016</v>
      </c>
      <c r="G7026" t="s">
        <v>14</v>
      </c>
      <c r="H7026" t="s">
        <v>123</v>
      </c>
      <c r="I7026" t="s">
        <v>15</v>
      </c>
      <c r="J7026" s="10">
        <v>16.455022750000001</v>
      </c>
    </row>
    <row r="7027" spans="1:10" x14ac:dyDescent="0.35">
      <c r="A7027" t="s">
        <v>10</v>
      </c>
      <c r="B7027" t="s">
        <v>45</v>
      </c>
      <c r="C7027" t="s">
        <v>117</v>
      </c>
      <c r="D7027" t="s">
        <v>118</v>
      </c>
      <c r="E7027">
        <v>2016</v>
      </c>
      <c r="F7027">
        <v>2016</v>
      </c>
      <c r="G7027" t="s">
        <v>14</v>
      </c>
      <c r="H7027" t="s">
        <v>124</v>
      </c>
      <c r="I7027" t="s">
        <v>15</v>
      </c>
      <c r="J7027" s="10">
        <v>2.5565278259999999</v>
      </c>
    </row>
    <row r="7028" spans="1:10" x14ac:dyDescent="0.35">
      <c r="A7028" t="s">
        <v>10</v>
      </c>
      <c r="B7028" t="s">
        <v>45</v>
      </c>
      <c r="C7028" t="s">
        <v>117</v>
      </c>
      <c r="D7028" t="s">
        <v>118</v>
      </c>
      <c r="E7028">
        <v>2016</v>
      </c>
      <c r="F7028">
        <v>2016</v>
      </c>
      <c r="G7028" t="s">
        <v>125</v>
      </c>
      <c r="H7028" t="s">
        <v>119</v>
      </c>
      <c r="I7028" t="s">
        <v>15</v>
      </c>
      <c r="J7028" s="10">
        <v>17.846396540000001</v>
      </c>
    </row>
    <row r="7029" spans="1:10" x14ac:dyDescent="0.35">
      <c r="A7029" t="s">
        <v>10</v>
      </c>
      <c r="B7029" t="s">
        <v>45</v>
      </c>
      <c r="C7029" t="s">
        <v>117</v>
      </c>
      <c r="D7029" t="s">
        <v>118</v>
      </c>
      <c r="E7029">
        <v>2016</v>
      </c>
      <c r="F7029">
        <v>2016</v>
      </c>
      <c r="G7029" t="s">
        <v>125</v>
      </c>
      <c r="H7029" t="s">
        <v>120</v>
      </c>
      <c r="I7029" t="s">
        <v>15</v>
      </c>
      <c r="J7029" s="10">
        <v>11.1974526</v>
      </c>
    </row>
    <row r="7030" spans="1:10" x14ac:dyDescent="0.35">
      <c r="A7030" t="s">
        <v>10</v>
      </c>
      <c r="B7030" t="s">
        <v>45</v>
      </c>
      <c r="C7030" t="s">
        <v>117</v>
      </c>
      <c r="D7030" t="s">
        <v>118</v>
      </c>
      <c r="E7030">
        <v>2016</v>
      </c>
      <c r="F7030">
        <v>2016</v>
      </c>
      <c r="G7030" t="s">
        <v>125</v>
      </c>
      <c r="H7030" t="s">
        <v>121</v>
      </c>
      <c r="I7030" t="s">
        <v>15</v>
      </c>
      <c r="J7030" s="10">
        <v>34.252578069999998</v>
      </c>
    </row>
    <row r="7031" spans="1:10" x14ac:dyDescent="0.35">
      <c r="A7031" t="s">
        <v>10</v>
      </c>
      <c r="B7031" t="s">
        <v>45</v>
      </c>
      <c r="C7031" t="s">
        <v>117</v>
      </c>
      <c r="D7031" t="s">
        <v>118</v>
      </c>
      <c r="E7031">
        <v>2016</v>
      </c>
      <c r="F7031">
        <v>2016</v>
      </c>
      <c r="G7031" t="s">
        <v>125</v>
      </c>
      <c r="H7031" t="s">
        <v>122</v>
      </c>
      <c r="I7031" t="s">
        <v>15</v>
      </c>
      <c r="J7031" s="10">
        <v>19.6079577</v>
      </c>
    </row>
    <row r="7032" spans="1:10" x14ac:dyDescent="0.35">
      <c r="A7032" t="s">
        <v>10</v>
      </c>
      <c r="B7032" t="s">
        <v>45</v>
      </c>
      <c r="C7032" t="s">
        <v>117</v>
      </c>
      <c r="D7032" t="s">
        <v>118</v>
      </c>
      <c r="E7032">
        <v>2016</v>
      </c>
      <c r="F7032">
        <v>2016</v>
      </c>
      <c r="G7032" t="s">
        <v>125</v>
      </c>
      <c r="H7032" t="s">
        <v>123</v>
      </c>
      <c r="I7032" t="s">
        <v>15</v>
      </c>
      <c r="J7032" s="10">
        <v>15.30484064</v>
      </c>
    </row>
    <row r="7033" spans="1:10" x14ac:dyDescent="0.35">
      <c r="A7033" t="s">
        <v>10</v>
      </c>
      <c r="B7033" t="s">
        <v>45</v>
      </c>
      <c r="C7033" t="s">
        <v>117</v>
      </c>
      <c r="D7033" t="s">
        <v>118</v>
      </c>
      <c r="E7033">
        <v>2016</v>
      </c>
      <c r="F7033">
        <v>2016</v>
      </c>
      <c r="G7033" t="s">
        <v>125</v>
      </c>
      <c r="H7033" t="s">
        <v>124</v>
      </c>
      <c r="I7033" t="s">
        <v>15</v>
      </c>
      <c r="J7033" s="10">
        <v>1.790774444</v>
      </c>
    </row>
    <row r="7034" spans="1:10" x14ac:dyDescent="0.35">
      <c r="A7034" t="s">
        <v>10</v>
      </c>
      <c r="B7034" t="s">
        <v>45</v>
      </c>
      <c r="C7034" t="s">
        <v>117</v>
      </c>
      <c r="D7034" t="s">
        <v>118</v>
      </c>
      <c r="E7034">
        <v>2016</v>
      </c>
      <c r="F7034">
        <v>2016</v>
      </c>
      <c r="G7034" t="s">
        <v>126</v>
      </c>
      <c r="H7034" t="s">
        <v>119</v>
      </c>
      <c r="I7034" t="s">
        <v>15</v>
      </c>
      <c r="J7034" s="10">
        <v>15.768672370000001</v>
      </c>
    </row>
    <row r="7035" spans="1:10" x14ac:dyDescent="0.35">
      <c r="A7035" t="s">
        <v>10</v>
      </c>
      <c r="B7035" t="s">
        <v>45</v>
      </c>
      <c r="C7035" t="s">
        <v>117</v>
      </c>
      <c r="D7035" t="s">
        <v>118</v>
      </c>
      <c r="E7035">
        <v>2016</v>
      </c>
      <c r="F7035">
        <v>2016</v>
      </c>
      <c r="G7035" t="s">
        <v>126</v>
      </c>
      <c r="H7035" t="s">
        <v>120</v>
      </c>
      <c r="I7035" t="s">
        <v>15</v>
      </c>
      <c r="J7035" s="10">
        <v>10.603860839999999</v>
      </c>
    </row>
    <row r="7036" spans="1:10" x14ac:dyDescent="0.35">
      <c r="A7036" t="s">
        <v>10</v>
      </c>
      <c r="B7036" t="s">
        <v>45</v>
      </c>
      <c r="C7036" t="s">
        <v>117</v>
      </c>
      <c r="D7036" t="s">
        <v>118</v>
      </c>
      <c r="E7036">
        <v>2016</v>
      </c>
      <c r="F7036">
        <v>2016</v>
      </c>
      <c r="G7036" t="s">
        <v>126</v>
      </c>
      <c r="H7036" t="s">
        <v>121</v>
      </c>
      <c r="I7036" t="s">
        <v>15</v>
      </c>
      <c r="J7036" s="10">
        <v>33.6962951</v>
      </c>
    </row>
    <row r="7037" spans="1:10" x14ac:dyDescent="0.35">
      <c r="A7037" t="s">
        <v>10</v>
      </c>
      <c r="B7037" t="s">
        <v>45</v>
      </c>
      <c r="C7037" t="s">
        <v>117</v>
      </c>
      <c r="D7037" t="s">
        <v>118</v>
      </c>
      <c r="E7037">
        <v>2016</v>
      </c>
      <c r="F7037">
        <v>2016</v>
      </c>
      <c r="G7037" t="s">
        <v>126</v>
      </c>
      <c r="H7037" t="s">
        <v>122</v>
      </c>
      <c r="I7037" t="s">
        <v>15</v>
      </c>
      <c r="J7037" s="10">
        <v>19.156315530000001</v>
      </c>
    </row>
    <row r="7038" spans="1:10" x14ac:dyDescent="0.35">
      <c r="A7038" t="s">
        <v>10</v>
      </c>
      <c r="B7038" t="s">
        <v>45</v>
      </c>
      <c r="C7038" t="s">
        <v>117</v>
      </c>
      <c r="D7038" t="s">
        <v>118</v>
      </c>
      <c r="E7038">
        <v>2016</v>
      </c>
      <c r="F7038">
        <v>2016</v>
      </c>
      <c r="G7038" t="s">
        <v>126</v>
      </c>
      <c r="H7038" t="s">
        <v>123</v>
      </c>
      <c r="I7038" t="s">
        <v>15</v>
      </c>
      <c r="J7038" s="10">
        <v>17.51357746</v>
      </c>
    </row>
    <row r="7039" spans="1:10" x14ac:dyDescent="0.35">
      <c r="A7039" t="s">
        <v>10</v>
      </c>
      <c r="B7039" t="s">
        <v>45</v>
      </c>
      <c r="C7039" t="s">
        <v>117</v>
      </c>
      <c r="D7039" t="s">
        <v>118</v>
      </c>
      <c r="E7039">
        <v>2016</v>
      </c>
      <c r="F7039">
        <v>2016</v>
      </c>
      <c r="G7039" t="s">
        <v>126</v>
      </c>
      <c r="H7039" t="s">
        <v>124</v>
      </c>
      <c r="I7039" t="s">
        <v>15</v>
      </c>
      <c r="J7039" s="10">
        <v>3.2612787010000002</v>
      </c>
    </row>
    <row r="7040" spans="1:10" x14ac:dyDescent="0.35">
      <c r="A7040" t="s">
        <v>10</v>
      </c>
      <c r="B7040" t="s">
        <v>45</v>
      </c>
      <c r="C7040" t="s">
        <v>117</v>
      </c>
      <c r="D7040" t="s">
        <v>118</v>
      </c>
      <c r="E7040">
        <v>2015</v>
      </c>
      <c r="F7040">
        <v>2015</v>
      </c>
      <c r="G7040" t="s">
        <v>14</v>
      </c>
      <c r="H7040" t="s">
        <v>119</v>
      </c>
      <c r="I7040" t="s">
        <v>15</v>
      </c>
      <c r="J7040" s="10">
        <v>16.773272500000001</v>
      </c>
    </row>
    <row r="7041" spans="1:10" x14ac:dyDescent="0.35">
      <c r="A7041" t="s">
        <v>10</v>
      </c>
      <c r="B7041" t="s">
        <v>45</v>
      </c>
      <c r="C7041" t="s">
        <v>117</v>
      </c>
      <c r="D7041" t="s">
        <v>118</v>
      </c>
      <c r="E7041">
        <v>2015</v>
      </c>
      <c r="F7041">
        <v>2015</v>
      </c>
      <c r="G7041" t="s">
        <v>14</v>
      </c>
      <c r="H7041" t="s">
        <v>120</v>
      </c>
      <c r="I7041" t="s">
        <v>15</v>
      </c>
      <c r="J7041" s="10">
        <v>11.65899198</v>
      </c>
    </row>
    <row r="7042" spans="1:10" x14ac:dyDescent="0.35">
      <c r="A7042" t="s">
        <v>10</v>
      </c>
      <c r="B7042" t="s">
        <v>45</v>
      </c>
      <c r="C7042" t="s">
        <v>117</v>
      </c>
      <c r="D7042" t="s">
        <v>118</v>
      </c>
      <c r="E7042">
        <v>2015</v>
      </c>
      <c r="F7042">
        <v>2015</v>
      </c>
      <c r="G7042" t="s">
        <v>14</v>
      </c>
      <c r="H7042" t="s">
        <v>121</v>
      </c>
      <c r="I7042" t="s">
        <v>15</v>
      </c>
      <c r="J7042" s="10">
        <v>33.451369550000003</v>
      </c>
    </row>
    <row r="7043" spans="1:10" x14ac:dyDescent="0.35">
      <c r="A7043" t="s">
        <v>10</v>
      </c>
      <c r="B7043" t="s">
        <v>45</v>
      </c>
      <c r="C7043" t="s">
        <v>117</v>
      </c>
      <c r="D7043" t="s">
        <v>118</v>
      </c>
      <c r="E7043">
        <v>2015</v>
      </c>
      <c r="F7043">
        <v>2015</v>
      </c>
      <c r="G7043" t="s">
        <v>14</v>
      </c>
      <c r="H7043" t="s">
        <v>122</v>
      </c>
      <c r="I7043" t="s">
        <v>15</v>
      </c>
      <c r="J7043" s="10">
        <v>19.239436229999999</v>
      </c>
    </row>
    <row r="7044" spans="1:10" x14ac:dyDescent="0.35">
      <c r="A7044" t="s">
        <v>10</v>
      </c>
      <c r="B7044" t="s">
        <v>45</v>
      </c>
      <c r="C7044" t="s">
        <v>117</v>
      </c>
      <c r="D7044" t="s">
        <v>118</v>
      </c>
      <c r="E7044">
        <v>2015</v>
      </c>
      <c r="F7044">
        <v>2015</v>
      </c>
      <c r="G7044" t="s">
        <v>14</v>
      </c>
      <c r="H7044" t="s">
        <v>123</v>
      </c>
      <c r="I7044" t="s">
        <v>15</v>
      </c>
      <c r="J7044" s="10">
        <v>16.358979380000001</v>
      </c>
    </row>
    <row r="7045" spans="1:10" x14ac:dyDescent="0.35">
      <c r="A7045" t="s">
        <v>10</v>
      </c>
      <c r="B7045" t="s">
        <v>45</v>
      </c>
      <c r="C7045" t="s">
        <v>117</v>
      </c>
      <c r="D7045" t="s">
        <v>118</v>
      </c>
      <c r="E7045">
        <v>2015</v>
      </c>
      <c r="F7045">
        <v>2015</v>
      </c>
      <c r="G7045" t="s">
        <v>14</v>
      </c>
      <c r="H7045" t="s">
        <v>124</v>
      </c>
      <c r="I7045" t="s">
        <v>15</v>
      </c>
      <c r="J7045" s="10">
        <v>2.5179503689999998</v>
      </c>
    </row>
    <row r="7046" spans="1:10" x14ac:dyDescent="0.35">
      <c r="A7046" t="s">
        <v>10</v>
      </c>
      <c r="B7046" t="s">
        <v>45</v>
      </c>
      <c r="C7046" t="s">
        <v>117</v>
      </c>
      <c r="D7046" t="s">
        <v>118</v>
      </c>
      <c r="E7046">
        <v>2015</v>
      </c>
      <c r="F7046">
        <v>2015</v>
      </c>
      <c r="G7046" t="s">
        <v>125</v>
      </c>
      <c r="H7046" t="s">
        <v>119</v>
      </c>
      <c r="I7046" t="s">
        <v>15</v>
      </c>
      <c r="J7046" s="10">
        <v>17.768836019999998</v>
      </c>
    </row>
    <row r="7047" spans="1:10" x14ac:dyDescent="0.35">
      <c r="A7047" t="s">
        <v>10</v>
      </c>
      <c r="B7047" t="s">
        <v>45</v>
      </c>
      <c r="C7047" t="s">
        <v>117</v>
      </c>
      <c r="D7047" t="s">
        <v>118</v>
      </c>
      <c r="E7047">
        <v>2015</v>
      </c>
      <c r="F7047">
        <v>2015</v>
      </c>
      <c r="G7047" t="s">
        <v>125</v>
      </c>
      <c r="H7047" t="s">
        <v>120</v>
      </c>
      <c r="I7047" t="s">
        <v>15</v>
      </c>
      <c r="J7047" s="10">
        <v>12.09470492</v>
      </c>
    </row>
    <row r="7048" spans="1:10" x14ac:dyDescent="0.35">
      <c r="A7048" t="s">
        <v>10</v>
      </c>
      <c r="B7048" t="s">
        <v>45</v>
      </c>
      <c r="C7048" t="s">
        <v>117</v>
      </c>
      <c r="D7048" t="s">
        <v>118</v>
      </c>
      <c r="E7048">
        <v>2015</v>
      </c>
      <c r="F7048">
        <v>2015</v>
      </c>
      <c r="G7048" t="s">
        <v>125</v>
      </c>
      <c r="H7048" t="s">
        <v>121</v>
      </c>
      <c r="I7048" t="s">
        <v>15</v>
      </c>
      <c r="J7048" s="10">
        <v>33.726965239999998</v>
      </c>
    </row>
    <row r="7049" spans="1:10" x14ac:dyDescent="0.35">
      <c r="A7049" t="s">
        <v>10</v>
      </c>
      <c r="B7049" t="s">
        <v>45</v>
      </c>
      <c r="C7049" t="s">
        <v>117</v>
      </c>
      <c r="D7049" t="s">
        <v>118</v>
      </c>
      <c r="E7049">
        <v>2015</v>
      </c>
      <c r="F7049">
        <v>2015</v>
      </c>
      <c r="G7049" t="s">
        <v>125</v>
      </c>
      <c r="H7049" t="s">
        <v>122</v>
      </c>
      <c r="I7049" t="s">
        <v>15</v>
      </c>
      <c r="J7049" s="10">
        <v>19.576627009999999</v>
      </c>
    </row>
    <row r="7050" spans="1:10" x14ac:dyDescent="0.35">
      <c r="A7050" t="s">
        <v>10</v>
      </c>
      <c r="B7050" t="s">
        <v>45</v>
      </c>
      <c r="C7050" t="s">
        <v>117</v>
      </c>
      <c r="D7050" t="s">
        <v>118</v>
      </c>
      <c r="E7050">
        <v>2015</v>
      </c>
      <c r="F7050">
        <v>2015</v>
      </c>
      <c r="G7050" t="s">
        <v>125</v>
      </c>
      <c r="H7050" t="s">
        <v>123</v>
      </c>
      <c r="I7050" t="s">
        <v>15</v>
      </c>
      <c r="J7050" s="10">
        <v>15.0658969</v>
      </c>
    </row>
    <row r="7051" spans="1:10" x14ac:dyDescent="0.35">
      <c r="A7051" t="s">
        <v>10</v>
      </c>
      <c r="B7051" t="s">
        <v>45</v>
      </c>
      <c r="C7051" t="s">
        <v>117</v>
      </c>
      <c r="D7051" t="s">
        <v>118</v>
      </c>
      <c r="E7051">
        <v>2015</v>
      </c>
      <c r="F7051">
        <v>2015</v>
      </c>
      <c r="G7051" t="s">
        <v>125</v>
      </c>
      <c r="H7051" t="s">
        <v>124</v>
      </c>
      <c r="I7051" t="s">
        <v>15</v>
      </c>
      <c r="J7051" s="10">
        <v>1.7669699089999999</v>
      </c>
    </row>
    <row r="7052" spans="1:10" x14ac:dyDescent="0.35">
      <c r="A7052" t="s">
        <v>10</v>
      </c>
      <c r="B7052" t="s">
        <v>45</v>
      </c>
      <c r="C7052" t="s">
        <v>117</v>
      </c>
      <c r="D7052" t="s">
        <v>118</v>
      </c>
      <c r="E7052">
        <v>2015</v>
      </c>
      <c r="F7052">
        <v>2015</v>
      </c>
      <c r="G7052" t="s">
        <v>126</v>
      </c>
      <c r="H7052" t="s">
        <v>119</v>
      </c>
      <c r="I7052" t="s">
        <v>15</v>
      </c>
      <c r="J7052" s="10">
        <v>15.854216579999999</v>
      </c>
    </row>
    <row r="7053" spans="1:10" x14ac:dyDescent="0.35">
      <c r="A7053" t="s">
        <v>10</v>
      </c>
      <c r="B7053" t="s">
        <v>45</v>
      </c>
      <c r="C7053" t="s">
        <v>117</v>
      </c>
      <c r="D7053" t="s">
        <v>118</v>
      </c>
      <c r="E7053">
        <v>2015</v>
      </c>
      <c r="F7053">
        <v>2015</v>
      </c>
      <c r="G7053" t="s">
        <v>126</v>
      </c>
      <c r="H7053" t="s">
        <v>120</v>
      </c>
      <c r="I7053" t="s">
        <v>15</v>
      </c>
      <c r="J7053" s="10">
        <v>11.25676294</v>
      </c>
    </row>
    <row r="7054" spans="1:10" x14ac:dyDescent="0.35">
      <c r="A7054" t="s">
        <v>10</v>
      </c>
      <c r="B7054" t="s">
        <v>45</v>
      </c>
      <c r="C7054" t="s">
        <v>117</v>
      </c>
      <c r="D7054" t="s">
        <v>118</v>
      </c>
      <c r="E7054">
        <v>2015</v>
      </c>
      <c r="F7054">
        <v>2015</v>
      </c>
      <c r="G7054" t="s">
        <v>126</v>
      </c>
      <c r="H7054" t="s">
        <v>121</v>
      </c>
      <c r="I7054" t="s">
        <v>15</v>
      </c>
      <c r="J7054" s="10">
        <v>33.196952979999999</v>
      </c>
    </row>
    <row r="7055" spans="1:10" x14ac:dyDescent="0.35">
      <c r="A7055" t="s">
        <v>10</v>
      </c>
      <c r="B7055" t="s">
        <v>45</v>
      </c>
      <c r="C7055" t="s">
        <v>117</v>
      </c>
      <c r="D7055" t="s">
        <v>118</v>
      </c>
      <c r="E7055">
        <v>2015</v>
      </c>
      <c r="F7055">
        <v>2015</v>
      </c>
      <c r="G7055" t="s">
        <v>126</v>
      </c>
      <c r="H7055" t="s">
        <v>122</v>
      </c>
      <c r="I7055" t="s">
        <v>15</v>
      </c>
      <c r="J7055" s="10">
        <v>18.928158060000001</v>
      </c>
    </row>
    <row r="7056" spans="1:10" x14ac:dyDescent="0.35">
      <c r="A7056" t="s">
        <v>10</v>
      </c>
      <c r="B7056" t="s">
        <v>45</v>
      </c>
      <c r="C7056" t="s">
        <v>117</v>
      </c>
      <c r="D7056" t="s">
        <v>118</v>
      </c>
      <c r="E7056">
        <v>2015</v>
      </c>
      <c r="F7056">
        <v>2015</v>
      </c>
      <c r="G7056" t="s">
        <v>126</v>
      </c>
      <c r="H7056" t="s">
        <v>123</v>
      </c>
      <c r="I7056" t="s">
        <v>15</v>
      </c>
      <c r="J7056" s="10">
        <v>17.552690370000001</v>
      </c>
    </row>
    <row r="7057" spans="1:10" x14ac:dyDescent="0.35">
      <c r="A7057" t="s">
        <v>10</v>
      </c>
      <c r="B7057" t="s">
        <v>45</v>
      </c>
      <c r="C7057" t="s">
        <v>117</v>
      </c>
      <c r="D7057" t="s">
        <v>118</v>
      </c>
      <c r="E7057">
        <v>2015</v>
      </c>
      <c r="F7057">
        <v>2015</v>
      </c>
      <c r="G7057" t="s">
        <v>126</v>
      </c>
      <c r="H7057" t="s">
        <v>124</v>
      </c>
      <c r="I7057" t="s">
        <v>15</v>
      </c>
      <c r="J7057" s="10">
        <v>3.2112190790000001</v>
      </c>
    </row>
    <row r="7058" spans="1:10" x14ac:dyDescent="0.35">
      <c r="A7058" t="s">
        <v>10</v>
      </c>
      <c r="B7058" t="s">
        <v>45</v>
      </c>
      <c r="C7058" t="s">
        <v>117</v>
      </c>
      <c r="D7058" t="s">
        <v>118</v>
      </c>
      <c r="E7058">
        <v>2014</v>
      </c>
      <c r="F7058">
        <v>2014</v>
      </c>
      <c r="G7058" t="s">
        <v>14</v>
      </c>
      <c r="H7058" t="s">
        <v>119</v>
      </c>
      <c r="I7058" t="s">
        <v>15</v>
      </c>
      <c r="J7058" s="10">
        <v>16.837733530000001</v>
      </c>
    </row>
    <row r="7059" spans="1:10" x14ac:dyDescent="0.35">
      <c r="A7059" t="s">
        <v>10</v>
      </c>
      <c r="B7059" t="s">
        <v>45</v>
      </c>
      <c r="C7059" t="s">
        <v>117</v>
      </c>
      <c r="D7059" t="s">
        <v>118</v>
      </c>
      <c r="E7059">
        <v>2014</v>
      </c>
      <c r="F7059">
        <v>2014</v>
      </c>
      <c r="G7059" t="s">
        <v>14</v>
      </c>
      <c r="H7059" t="s">
        <v>120</v>
      </c>
      <c r="I7059" t="s">
        <v>15</v>
      </c>
      <c r="J7059" s="10">
        <v>12.10705896</v>
      </c>
    </row>
    <row r="7060" spans="1:10" x14ac:dyDescent="0.35">
      <c r="A7060" t="s">
        <v>10</v>
      </c>
      <c r="B7060" t="s">
        <v>45</v>
      </c>
      <c r="C7060" t="s">
        <v>117</v>
      </c>
      <c r="D7060" t="s">
        <v>118</v>
      </c>
      <c r="E7060">
        <v>2014</v>
      </c>
      <c r="F7060">
        <v>2014</v>
      </c>
      <c r="G7060" t="s">
        <v>14</v>
      </c>
      <c r="H7060" t="s">
        <v>121</v>
      </c>
      <c r="I7060" t="s">
        <v>15</v>
      </c>
      <c r="J7060" s="10">
        <v>33.134299140000003</v>
      </c>
    </row>
    <row r="7061" spans="1:10" x14ac:dyDescent="0.35">
      <c r="A7061" t="s">
        <v>10</v>
      </c>
      <c r="B7061" t="s">
        <v>45</v>
      </c>
      <c r="C7061" t="s">
        <v>117</v>
      </c>
      <c r="D7061" t="s">
        <v>118</v>
      </c>
      <c r="E7061">
        <v>2014</v>
      </c>
      <c r="F7061">
        <v>2014</v>
      </c>
      <c r="G7061" t="s">
        <v>14</v>
      </c>
      <c r="H7061" t="s">
        <v>122</v>
      </c>
      <c r="I7061" t="s">
        <v>15</v>
      </c>
      <c r="J7061" s="10">
        <v>19.138046760000002</v>
      </c>
    </row>
    <row r="7062" spans="1:10" x14ac:dyDescent="0.35">
      <c r="A7062" t="s">
        <v>10</v>
      </c>
      <c r="B7062" t="s">
        <v>45</v>
      </c>
      <c r="C7062" t="s">
        <v>117</v>
      </c>
      <c r="D7062" t="s">
        <v>118</v>
      </c>
      <c r="E7062">
        <v>2014</v>
      </c>
      <c r="F7062">
        <v>2014</v>
      </c>
      <c r="G7062" t="s">
        <v>14</v>
      </c>
      <c r="H7062" t="s">
        <v>123</v>
      </c>
      <c r="I7062" t="s">
        <v>15</v>
      </c>
      <c r="J7062" s="10">
        <v>16.24902114</v>
      </c>
    </row>
    <row r="7063" spans="1:10" x14ac:dyDescent="0.35">
      <c r="A7063" t="s">
        <v>10</v>
      </c>
      <c r="B7063" t="s">
        <v>45</v>
      </c>
      <c r="C7063" t="s">
        <v>117</v>
      </c>
      <c r="D7063" t="s">
        <v>118</v>
      </c>
      <c r="E7063">
        <v>2014</v>
      </c>
      <c r="F7063">
        <v>2014</v>
      </c>
      <c r="G7063" t="s">
        <v>14</v>
      </c>
      <c r="H7063" t="s">
        <v>124</v>
      </c>
      <c r="I7063" t="s">
        <v>15</v>
      </c>
      <c r="J7063" s="10">
        <v>2.5338404739999998</v>
      </c>
    </row>
    <row r="7064" spans="1:10" x14ac:dyDescent="0.35">
      <c r="A7064" t="s">
        <v>10</v>
      </c>
      <c r="B7064" t="s">
        <v>45</v>
      </c>
      <c r="C7064" t="s">
        <v>117</v>
      </c>
      <c r="D7064" t="s">
        <v>118</v>
      </c>
      <c r="E7064">
        <v>2014</v>
      </c>
      <c r="F7064">
        <v>2014</v>
      </c>
      <c r="G7064" t="s">
        <v>125</v>
      </c>
      <c r="H7064" t="s">
        <v>119</v>
      </c>
      <c r="I7064" t="s">
        <v>15</v>
      </c>
      <c r="J7064" s="10">
        <v>17.8622397</v>
      </c>
    </row>
    <row r="7065" spans="1:10" x14ac:dyDescent="0.35">
      <c r="A7065" t="s">
        <v>10</v>
      </c>
      <c r="B7065" t="s">
        <v>45</v>
      </c>
      <c r="C7065" t="s">
        <v>117</v>
      </c>
      <c r="D7065" t="s">
        <v>118</v>
      </c>
      <c r="E7065">
        <v>2014</v>
      </c>
      <c r="F7065">
        <v>2014</v>
      </c>
      <c r="G7065" t="s">
        <v>125</v>
      </c>
      <c r="H7065" t="s">
        <v>120</v>
      </c>
      <c r="I7065" t="s">
        <v>15</v>
      </c>
      <c r="J7065" s="10">
        <v>12.64307558</v>
      </c>
    </row>
    <row r="7066" spans="1:10" x14ac:dyDescent="0.35">
      <c r="A7066" t="s">
        <v>10</v>
      </c>
      <c r="B7066" t="s">
        <v>45</v>
      </c>
      <c r="C7066" t="s">
        <v>117</v>
      </c>
      <c r="D7066" t="s">
        <v>118</v>
      </c>
      <c r="E7066">
        <v>2014</v>
      </c>
      <c r="F7066">
        <v>2014</v>
      </c>
      <c r="G7066" t="s">
        <v>125</v>
      </c>
      <c r="H7066" t="s">
        <v>121</v>
      </c>
      <c r="I7066" t="s">
        <v>15</v>
      </c>
      <c r="J7066" s="10">
        <v>33.397407889999997</v>
      </c>
    </row>
    <row r="7067" spans="1:10" x14ac:dyDescent="0.35">
      <c r="A7067" t="s">
        <v>10</v>
      </c>
      <c r="B7067" t="s">
        <v>45</v>
      </c>
      <c r="C7067" t="s">
        <v>117</v>
      </c>
      <c r="D7067" t="s">
        <v>118</v>
      </c>
      <c r="E7067">
        <v>2014</v>
      </c>
      <c r="F7067">
        <v>2014</v>
      </c>
      <c r="G7067" t="s">
        <v>125</v>
      </c>
      <c r="H7067" t="s">
        <v>122</v>
      </c>
      <c r="I7067" t="s">
        <v>15</v>
      </c>
      <c r="J7067" s="10">
        <v>19.47866608</v>
      </c>
    </row>
    <row r="7068" spans="1:10" x14ac:dyDescent="0.35">
      <c r="A7068" t="s">
        <v>10</v>
      </c>
      <c r="B7068" t="s">
        <v>45</v>
      </c>
      <c r="C7068" t="s">
        <v>117</v>
      </c>
      <c r="D7068" t="s">
        <v>118</v>
      </c>
      <c r="E7068">
        <v>2014</v>
      </c>
      <c r="F7068">
        <v>2014</v>
      </c>
      <c r="G7068" t="s">
        <v>125</v>
      </c>
      <c r="H7068" t="s">
        <v>123</v>
      </c>
      <c r="I7068" t="s">
        <v>15</v>
      </c>
      <c r="J7068" s="10">
        <v>14.88859764</v>
      </c>
    </row>
    <row r="7069" spans="1:10" x14ac:dyDescent="0.35">
      <c r="A7069" t="s">
        <v>10</v>
      </c>
      <c r="B7069" t="s">
        <v>45</v>
      </c>
      <c r="C7069" t="s">
        <v>117</v>
      </c>
      <c r="D7069" t="s">
        <v>118</v>
      </c>
      <c r="E7069">
        <v>2014</v>
      </c>
      <c r="F7069">
        <v>2014</v>
      </c>
      <c r="G7069" t="s">
        <v>125</v>
      </c>
      <c r="H7069" t="s">
        <v>124</v>
      </c>
      <c r="I7069" t="s">
        <v>15</v>
      </c>
      <c r="J7069" s="10">
        <v>1.7300131059999999</v>
      </c>
    </row>
    <row r="7070" spans="1:10" x14ac:dyDescent="0.35">
      <c r="A7070" t="s">
        <v>10</v>
      </c>
      <c r="B7070" t="s">
        <v>45</v>
      </c>
      <c r="C7070" t="s">
        <v>117</v>
      </c>
      <c r="D7070" t="s">
        <v>118</v>
      </c>
      <c r="E7070">
        <v>2014</v>
      </c>
      <c r="F7070">
        <v>2014</v>
      </c>
      <c r="G7070" t="s">
        <v>126</v>
      </c>
      <c r="H7070" t="s">
        <v>119</v>
      </c>
      <c r="I7070" t="s">
        <v>15</v>
      </c>
      <c r="J7070" s="10">
        <v>15.89154585</v>
      </c>
    </row>
    <row r="7071" spans="1:10" x14ac:dyDescent="0.35">
      <c r="A7071" t="s">
        <v>10</v>
      </c>
      <c r="B7071" t="s">
        <v>45</v>
      </c>
      <c r="C7071" t="s">
        <v>117</v>
      </c>
      <c r="D7071" t="s">
        <v>118</v>
      </c>
      <c r="E7071">
        <v>2014</v>
      </c>
      <c r="F7071">
        <v>2014</v>
      </c>
      <c r="G7071" t="s">
        <v>126</v>
      </c>
      <c r="H7071" t="s">
        <v>120</v>
      </c>
      <c r="I7071" t="s">
        <v>15</v>
      </c>
      <c r="J7071" s="10">
        <v>11.61201818</v>
      </c>
    </row>
    <row r="7072" spans="1:10" x14ac:dyDescent="0.35">
      <c r="A7072" t="s">
        <v>10</v>
      </c>
      <c r="B7072" t="s">
        <v>45</v>
      </c>
      <c r="C7072" t="s">
        <v>117</v>
      </c>
      <c r="D7072" t="s">
        <v>118</v>
      </c>
      <c r="E7072">
        <v>2014</v>
      </c>
      <c r="F7072">
        <v>2014</v>
      </c>
      <c r="G7072" t="s">
        <v>126</v>
      </c>
      <c r="H7072" t="s">
        <v>121</v>
      </c>
      <c r="I7072" t="s">
        <v>15</v>
      </c>
      <c r="J7072" s="10">
        <v>32.89130376</v>
      </c>
    </row>
    <row r="7073" spans="1:10" x14ac:dyDescent="0.35">
      <c r="A7073" t="s">
        <v>10</v>
      </c>
      <c r="B7073" t="s">
        <v>45</v>
      </c>
      <c r="C7073" t="s">
        <v>117</v>
      </c>
      <c r="D7073" t="s">
        <v>118</v>
      </c>
      <c r="E7073">
        <v>2014</v>
      </c>
      <c r="F7073">
        <v>2014</v>
      </c>
      <c r="G7073" t="s">
        <v>126</v>
      </c>
      <c r="H7073" t="s">
        <v>122</v>
      </c>
      <c r="I7073" t="s">
        <v>15</v>
      </c>
      <c r="J7073" s="10">
        <v>18.823466119999999</v>
      </c>
    </row>
    <row r="7074" spans="1:10" x14ac:dyDescent="0.35">
      <c r="A7074" t="s">
        <v>10</v>
      </c>
      <c r="B7074" t="s">
        <v>45</v>
      </c>
      <c r="C7074" t="s">
        <v>117</v>
      </c>
      <c r="D7074" t="s">
        <v>118</v>
      </c>
      <c r="E7074">
        <v>2014</v>
      </c>
      <c r="F7074">
        <v>2014</v>
      </c>
      <c r="G7074" t="s">
        <v>126</v>
      </c>
      <c r="H7074" t="s">
        <v>123</v>
      </c>
      <c r="I7074" t="s">
        <v>15</v>
      </c>
      <c r="J7074" s="10">
        <v>17.505446920000001</v>
      </c>
    </row>
    <row r="7075" spans="1:10" x14ac:dyDescent="0.35">
      <c r="A7075" t="s">
        <v>10</v>
      </c>
      <c r="B7075" t="s">
        <v>45</v>
      </c>
      <c r="C7075" t="s">
        <v>117</v>
      </c>
      <c r="D7075" t="s">
        <v>118</v>
      </c>
      <c r="E7075">
        <v>2014</v>
      </c>
      <c r="F7075">
        <v>2014</v>
      </c>
      <c r="G7075" t="s">
        <v>126</v>
      </c>
      <c r="H7075" t="s">
        <v>124</v>
      </c>
      <c r="I7075" t="s">
        <v>15</v>
      </c>
      <c r="J7075" s="10">
        <v>3.2762191679999999</v>
      </c>
    </row>
    <row r="7076" spans="1:10" x14ac:dyDescent="0.35">
      <c r="A7076" t="s">
        <v>10</v>
      </c>
      <c r="B7076" t="s">
        <v>45</v>
      </c>
      <c r="C7076" t="s">
        <v>117</v>
      </c>
      <c r="D7076" t="s">
        <v>118</v>
      </c>
      <c r="E7076">
        <v>2013</v>
      </c>
      <c r="F7076">
        <v>2013</v>
      </c>
      <c r="G7076" t="s">
        <v>14</v>
      </c>
      <c r="H7076" t="s">
        <v>119</v>
      </c>
      <c r="I7076" t="s">
        <v>15</v>
      </c>
      <c r="J7076" s="10">
        <v>17.030064620000001</v>
      </c>
    </row>
    <row r="7077" spans="1:10" x14ac:dyDescent="0.35">
      <c r="A7077" t="s">
        <v>10</v>
      </c>
      <c r="B7077" t="s">
        <v>45</v>
      </c>
      <c r="C7077" t="s">
        <v>117</v>
      </c>
      <c r="D7077" t="s">
        <v>118</v>
      </c>
      <c r="E7077">
        <v>2013</v>
      </c>
      <c r="F7077">
        <v>2013</v>
      </c>
      <c r="G7077" t="s">
        <v>14</v>
      </c>
      <c r="H7077" t="s">
        <v>120</v>
      </c>
      <c r="I7077" t="s">
        <v>15</v>
      </c>
      <c r="J7077" s="10">
        <v>12.25484687</v>
      </c>
    </row>
    <row r="7078" spans="1:10" x14ac:dyDescent="0.35">
      <c r="A7078" t="s">
        <v>10</v>
      </c>
      <c r="B7078" t="s">
        <v>45</v>
      </c>
      <c r="C7078" t="s">
        <v>117</v>
      </c>
      <c r="D7078" t="s">
        <v>118</v>
      </c>
      <c r="E7078">
        <v>2013</v>
      </c>
      <c r="F7078">
        <v>2013</v>
      </c>
      <c r="G7078" t="s">
        <v>14</v>
      </c>
      <c r="H7078" t="s">
        <v>121</v>
      </c>
      <c r="I7078" t="s">
        <v>15</v>
      </c>
      <c r="J7078" s="10">
        <v>33.120258499999998</v>
      </c>
    </row>
    <row r="7079" spans="1:10" x14ac:dyDescent="0.35">
      <c r="A7079" t="s">
        <v>10</v>
      </c>
      <c r="B7079" t="s">
        <v>45</v>
      </c>
      <c r="C7079" t="s">
        <v>117</v>
      </c>
      <c r="D7079" t="s">
        <v>118</v>
      </c>
      <c r="E7079">
        <v>2013</v>
      </c>
      <c r="F7079">
        <v>2013</v>
      </c>
      <c r="G7079" t="s">
        <v>14</v>
      </c>
      <c r="H7079" t="s">
        <v>122</v>
      </c>
      <c r="I7079" t="s">
        <v>15</v>
      </c>
      <c r="J7079" s="10">
        <v>19.022197250000001</v>
      </c>
    </row>
    <row r="7080" spans="1:10" x14ac:dyDescent="0.35">
      <c r="A7080" t="s">
        <v>10</v>
      </c>
      <c r="B7080" t="s">
        <v>45</v>
      </c>
      <c r="C7080" t="s">
        <v>117</v>
      </c>
      <c r="D7080" t="s">
        <v>118</v>
      </c>
      <c r="E7080">
        <v>2013</v>
      </c>
      <c r="F7080">
        <v>2013</v>
      </c>
      <c r="G7080" t="s">
        <v>14</v>
      </c>
      <c r="H7080" t="s">
        <v>123</v>
      </c>
      <c r="I7080" t="s">
        <v>15</v>
      </c>
      <c r="J7080" s="10">
        <v>16.125316099999999</v>
      </c>
    </row>
    <row r="7081" spans="1:10" x14ac:dyDescent="0.35">
      <c r="A7081" t="s">
        <v>10</v>
      </c>
      <c r="B7081" t="s">
        <v>45</v>
      </c>
      <c r="C7081" t="s">
        <v>117</v>
      </c>
      <c r="D7081" t="s">
        <v>118</v>
      </c>
      <c r="E7081">
        <v>2013</v>
      </c>
      <c r="F7081">
        <v>2013</v>
      </c>
      <c r="G7081" t="s">
        <v>14</v>
      </c>
      <c r="H7081" t="s">
        <v>124</v>
      </c>
      <c r="I7081" t="s">
        <v>15</v>
      </c>
      <c r="J7081" s="10">
        <v>2.447316662</v>
      </c>
    </row>
    <row r="7082" spans="1:10" x14ac:dyDescent="0.35">
      <c r="A7082" t="s">
        <v>10</v>
      </c>
      <c r="B7082" t="s">
        <v>45</v>
      </c>
      <c r="C7082" t="s">
        <v>117</v>
      </c>
      <c r="D7082" t="s">
        <v>118</v>
      </c>
      <c r="E7082">
        <v>2013</v>
      </c>
      <c r="F7082">
        <v>2013</v>
      </c>
      <c r="G7082" t="s">
        <v>125</v>
      </c>
      <c r="H7082" t="s">
        <v>119</v>
      </c>
      <c r="I7082" t="s">
        <v>15</v>
      </c>
      <c r="J7082" s="10">
        <v>18.126720150000001</v>
      </c>
    </row>
    <row r="7083" spans="1:10" x14ac:dyDescent="0.35">
      <c r="A7083" t="s">
        <v>10</v>
      </c>
      <c r="B7083" t="s">
        <v>45</v>
      </c>
      <c r="C7083" t="s">
        <v>117</v>
      </c>
      <c r="D7083" t="s">
        <v>118</v>
      </c>
      <c r="E7083">
        <v>2013</v>
      </c>
      <c r="F7083">
        <v>2013</v>
      </c>
      <c r="G7083" t="s">
        <v>125</v>
      </c>
      <c r="H7083" t="s">
        <v>120</v>
      </c>
      <c r="I7083" t="s">
        <v>15</v>
      </c>
      <c r="J7083" s="10">
        <v>12.91503191</v>
      </c>
    </row>
    <row r="7084" spans="1:10" x14ac:dyDescent="0.35">
      <c r="A7084" t="s">
        <v>10</v>
      </c>
      <c r="B7084" t="s">
        <v>45</v>
      </c>
      <c r="C7084" t="s">
        <v>117</v>
      </c>
      <c r="D7084" t="s">
        <v>118</v>
      </c>
      <c r="E7084">
        <v>2013</v>
      </c>
      <c r="F7084">
        <v>2013</v>
      </c>
      <c r="G7084" t="s">
        <v>125</v>
      </c>
      <c r="H7084" t="s">
        <v>121</v>
      </c>
      <c r="I7084" t="s">
        <v>15</v>
      </c>
      <c r="J7084" s="10">
        <v>33.29917433</v>
      </c>
    </row>
    <row r="7085" spans="1:10" x14ac:dyDescent="0.35">
      <c r="A7085" t="s">
        <v>10</v>
      </c>
      <c r="B7085" t="s">
        <v>45</v>
      </c>
      <c r="C7085" t="s">
        <v>117</v>
      </c>
      <c r="D7085" t="s">
        <v>118</v>
      </c>
      <c r="E7085">
        <v>2013</v>
      </c>
      <c r="F7085">
        <v>2013</v>
      </c>
      <c r="G7085" t="s">
        <v>125</v>
      </c>
      <c r="H7085" t="s">
        <v>122</v>
      </c>
      <c r="I7085" t="s">
        <v>15</v>
      </c>
      <c r="J7085" s="10">
        <v>19.335948940000002</v>
      </c>
    </row>
    <row r="7086" spans="1:10" x14ac:dyDescent="0.35">
      <c r="A7086" t="s">
        <v>10</v>
      </c>
      <c r="B7086" t="s">
        <v>45</v>
      </c>
      <c r="C7086" t="s">
        <v>117</v>
      </c>
      <c r="D7086" t="s">
        <v>118</v>
      </c>
      <c r="E7086">
        <v>2013</v>
      </c>
      <c r="F7086">
        <v>2013</v>
      </c>
      <c r="G7086" t="s">
        <v>125</v>
      </c>
      <c r="H7086" t="s">
        <v>123</v>
      </c>
      <c r="I7086" t="s">
        <v>15</v>
      </c>
      <c r="J7086" s="10">
        <v>14.674708669999999</v>
      </c>
    </row>
    <row r="7087" spans="1:10" x14ac:dyDescent="0.35">
      <c r="A7087" t="s">
        <v>10</v>
      </c>
      <c r="B7087" t="s">
        <v>45</v>
      </c>
      <c r="C7087" t="s">
        <v>117</v>
      </c>
      <c r="D7087" t="s">
        <v>118</v>
      </c>
      <c r="E7087">
        <v>2013</v>
      </c>
      <c r="F7087">
        <v>2013</v>
      </c>
      <c r="G7087" t="s">
        <v>125</v>
      </c>
      <c r="H7087" t="s">
        <v>124</v>
      </c>
      <c r="I7087" t="s">
        <v>15</v>
      </c>
      <c r="J7087" s="10">
        <v>1.6484159979999999</v>
      </c>
    </row>
    <row r="7088" spans="1:10" x14ac:dyDescent="0.35">
      <c r="A7088" t="s">
        <v>10</v>
      </c>
      <c r="B7088" t="s">
        <v>45</v>
      </c>
      <c r="C7088" t="s">
        <v>117</v>
      </c>
      <c r="D7088" t="s">
        <v>118</v>
      </c>
      <c r="E7088">
        <v>2013</v>
      </c>
      <c r="F7088">
        <v>2013</v>
      </c>
      <c r="G7088" t="s">
        <v>126</v>
      </c>
      <c r="H7088" t="s">
        <v>119</v>
      </c>
      <c r="I7088" t="s">
        <v>15</v>
      </c>
      <c r="J7088" s="10">
        <v>16.01847351</v>
      </c>
    </row>
    <row r="7089" spans="1:10" x14ac:dyDescent="0.35">
      <c r="A7089" t="s">
        <v>10</v>
      </c>
      <c r="B7089" t="s">
        <v>45</v>
      </c>
      <c r="C7089" t="s">
        <v>117</v>
      </c>
      <c r="D7089" t="s">
        <v>118</v>
      </c>
      <c r="E7089">
        <v>2013</v>
      </c>
      <c r="F7089">
        <v>2013</v>
      </c>
      <c r="G7089" t="s">
        <v>126</v>
      </c>
      <c r="H7089" t="s">
        <v>120</v>
      </c>
      <c r="I7089" t="s">
        <v>15</v>
      </c>
      <c r="J7089" s="10">
        <v>11.64587047</v>
      </c>
    </row>
    <row r="7090" spans="1:10" x14ac:dyDescent="0.35">
      <c r="A7090" t="s">
        <v>10</v>
      </c>
      <c r="B7090" t="s">
        <v>45</v>
      </c>
      <c r="C7090" t="s">
        <v>117</v>
      </c>
      <c r="D7090" t="s">
        <v>118</v>
      </c>
      <c r="E7090">
        <v>2013</v>
      </c>
      <c r="F7090">
        <v>2013</v>
      </c>
      <c r="G7090" t="s">
        <v>126</v>
      </c>
      <c r="H7090" t="s">
        <v>121</v>
      </c>
      <c r="I7090" t="s">
        <v>15</v>
      </c>
      <c r="J7090" s="10">
        <v>32.955220660000002</v>
      </c>
    </row>
    <row r="7091" spans="1:10" x14ac:dyDescent="0.35">
      <c r="A7091" t="s">
        <v>10</v>
      </c>
      <c r="B7091" t="s">
        <v>45</v>
      </c>
      <c r="C7091" t="s">
        <v>117</v>
      </c>
      <c r="D7091" t="s">
        <v>118</v>
      </c>
      <c r="E7091">
        <v>2013</v>
      </c>
      <c r="F7091">
        <v>2013</v>
      </c>
      <c r="G7091" t="s">
        <v>126</v>
      </c>
      <c r="H7091" t="s">
        <v>122</v>
      </c>
      <c r="I7091" t="s">
        <v>15</v>
      </c>
      <c r="J7091" s="10">
        <v>18.732782369999999</v>
      </c>
    </row>
    <row r="7092" spans="1:10" x14ac:dyDescent="0.35">
      <c r="A7092" t="s">
        <v>10</v>
      </c>
      <c r="B7092" t="s">
        <v>45</v>
      </c>
      <c r="C7092" t="s">
        <v>117</v>
      </c>
      <c r="D7092" t="s">
        <v>118</v>
      </c>
      <c r="E7092">
        <v>2013</v>
      </c>
      <c r="F7092">
        <v>2013</v>
      </c>
      <c r="G7092" t="s">
        <v>126</v>
      </c>
      <c r="H7092" t="s">
        <v>123</v>
      </c>
      <c r="I7092" t="s">
        <v>15</v>
      </c>
      <c r="J7092" s="10">
        <v>17.463404090000001</v>
      </c>
    </row>
    <row r="7093" spans="1:10" x14ac:dyDescent="0.35">
      <c r="A7093" t="s">
        <v>10</v>
      </c>
      <c r="B7093" t="s">
        <v>45</v>
      </c>
      <c r="C7093" t="s">
        <v>117</v>
      </c>
      <c r="D7093" t="s">
        <v>118</v>
      </c>
      <c r="E7093">
        <v>2013</v>
      </c>
      <c r="F7093">
        <v>2013</v>
      </c>
      <c r="G7093" t="s">
        <v>126</v>
      </c>
      <c r="H7093" t="s">
        <v>124</v>
      </c>
      <c r="I7093" t="s">
        <v>15</v>
      </c>
      <c r="J7093" s="10">
        <v>3.1842489060000001</v>
      </c>
    </row>
    <row r="7094" spans="1:10" x14ac:dyDescent="0.35">
      <c r="A7094" t="s">
        <v>10</v>
      </c>
      <c r="B7094" t="s">
        <v>45</v>
      </c>
      <c r="C7094" t="s">
        <v>117</v>
      </c>
      <c r="D7094" t="s">
        <v>118</v>
      </c>
      <c r="E7094">
        <v>2012</v>
      </c>
      <c r="F7094">
        <v>2012</v>
      </c>
      <c r="G7094" t="s">
        <v>14</v>
      </c>
      <c r="H7094" t="s">
        <v>119</v>
      </c>
      <c r="I7094" t="s">
        <v>15</v>
      </c>
      <c r="J7094" s="10">
        <v>17.119733799999999</v>
      </c>
    </row>
    <row r="7095" spans="1:10" x14ac:dyDescent="0.35">
      <c r="A7095" t="s">
        <v>10</v>
      </c>
      <c r="B7095" t="s">
        <v>45</v>
      </c>
      <c r="C7095" t="s">
        <v>117</v>
      </c>
      <c r="D7095" t="s">
        <v>118</v>
      </c>
      <c r="E7095">
        <v>2012</v>
      </c>
      <c r="F7095">
        <v>2012</v>
      </c>
      <c r="G7095" t="s">
        <v>14</v>
      </c>
      <c r="H7095" t="s">
        <v>120</v>
      </c>
      <c r="I7095" t="s">
        <v>15</v>
      </c>
      <c r="J7095" s="10">
        <v>12.29626079</v>
      </c>
    </row>
    <row r="7096" spans="1:10" x14ac:dyDescent="0.35">
      <c r="A7096" t="s">
        <v>10</v>
      </c>
      <c r="B7096" t="s">
        <v>45</v>
      </c>
      <c r="C7096" t="s">
        <v>117</v>
      </c>
      <c r="D7096" t="s">
        <v>118</v>
      </c>
      <c r="E7096">
        <v>2012</v>
      </c>
      <c r="F7096">
        <v>2012</v>
      </c>
      <c r="G7096" t="s">
        <v>14</v>
      </c>
      <c r="H7096" t="s">
        <v>121</v>
      </c>
      <c r="I7096" t="s">
        <v>15</v>
      </c>
      <c r="J7096" s="10">
        <v>33.220066549999999</v>
      </c>
    </row>
    <row r="7097" spans="1:10" x14ac:dyDescent="0.35">
      <c r="A7097" t="s">
        <v>10</v>
      </c>
      <c r="B7097" t="s">
        <v>45</v>
      </c>
      <c r="C7097" t="s">
        <v>117</v>
      </c>
      <c r="D7097" t="s">
        <v>118</v>
      </c>
      <c r="E7097">
        <v>2012</v>
      </c>
      <c r="F7097">
        <v>2012</v>
      </c>
      <c r="G7097" t="s">
        <v>14</v>
      </c>
      <c r="H7097" t="s">
        <v>122</v>
      </c>
      <c r="I7097" t="s">
        <v>15</v>
      </c>
      <c r="J7097" s="10">
        <v>19.064068580000001</v>
      </c>
    </row>
    <row r="7098" spans="1:10" x14ac:dyDescent="0.35">
      <c r="A7098" t="s">
        <v>10</v>
      </c>
      <c r="B7098" t="s">
        <v>45</v>
      </c>
      <c r="C7098" t="s">
        <v>117</v>
      </c>
      <c r="D7098" t="s">
        <v>118</v>
      </c>
      <c r="E7098">
        <v>2012</v>
      </c>
      <c r="F7098">
        <v>2012</v>
      </c>
      <c r="G7098" t="s">
        <v>14</v>
      </c>
      <c r="H7098" t="s">
        <v>123</v>
      </c>
      <c r="I7098" t="s">
        <v>15</v>
      </c>
      <c r="J7098" s="10">
        <v>15.908578199999999</v>
      </c>
    </row>
    <row r="7099" spans="1:10" x14ac:dyDescent="0.35">
      <c r="A7099" t="s">
        <v>10</v>
      </c>
      <c r="B7099" t="s">
        <v>45</v>
      </c>
      <c r="C7099" t="s">
        <v>117</v>
      </c>
      <c r="D7099" t="s">
        <v>118</v>
      </c>
      <c r="E7099">
        <v>2012</v>
      </c>
      <c r="F7099">
        <v>2012</v>
      </c>
      <c r="G7099" t="s">
        <v>14</v>
      </c>
      <c r="H7099" t="s">
        <v>124</v>
      </c>
      <c r="I7099" t="s">
        <v>15</v>
      </c>
      <c r="J7099" s="10">
        <v>2.3912920870000001</v>
      </c>
    </row>
    <row r="7100" spans="1:10" x14ac:dyDescent="0.35">
      <c r="A7100" t="s">
        <v>10</v>
      </c>
      <c r="B7100" t="s">
        <v>45</v>
      </c>
      <c r="C7100" t="s">
        <v>117</v>
      </c>
      <c r="D7100" t="s">
        <v>118</v>
      </c>
      <c r="E7100">
        <v>2012</v>
      </c>
      <c r="F7100">
        <v>2012</v>
      </c>
      <c r="G7100" t="s">
        <v>125</v>
      </c>
      <c r="H7100" t="s">
        <v>119</v>
      </c>
      <c r="I7100" t="s">
        <v>15</v>
      </c>
      <c r="J7100" s="10">
        <v>18.391986370000001</v>
      </c>
    </row>
    <row r="7101" spans="1:10" x14ac:dyDescent="0.35">
      <c r="A7101" t="s">
        <v>10</v>
      </c>
      <c r="B7101" t="s">
        <v>45</v>
      </c>
      <c r="C7101" t="s">
        <v>117</v>
      </c>
      <c r="D7101" t="s">
        <v>118</v>
      </c>
      <c r="E7101">
        <v>2012</v>
      </c>
      <c r="F7101">
        <v>2012</v>
      </c>
      <c r="G7101" t="s">
        <v>125</v>
      </c>
      <c r="H7101" t="s">
        <v>120</v>
      </c>
      <c r="I7101" t="s">
        <v>15</v>
      </c>
      <c r="J7101" s="10">
        <v>12.85764644</v>
      </c>
    </row>
    <row r="7102" spans="1:10" x14ac:dyDescent="0.35">
      <c r="A7102" t="s">
        <v>10</v>
      </c>
      <c r="B7102" t="s">
        <v>45</v>
      </c>
      <c r="C7102" t="s">
        <v>117</v>
      </c>
      <c r="D7102" t="s">
        <v>118</v>
      </c>
      <c r="E7102">
        <v>2012</v>
      </c>
      <c r="F7102">
        <v>2012</v>
      </c>
      <c r="G7102" t="s">
        <v>125</v>
      </c>
      <c r="H7102" t="s">
        <v>121</v>
      </c>
      <c r="I7102" t="s">
        <v>15</v>
      </c>
      <c r="J7102" s="10">
        <v>33.449856060000002</v>
      </c>
    </row>
    <row r="7103" spans="1:10" x14ac:dyDescent="0.35">
      <c r="A7103" t="s">
        <v>10</v>
      </c>
      <c r="B7103" t="s">
        <v>45</v>
      </c>
      <c r="C7103" t="s">
        <v>117</v>
      </c>
      <c r="D7103" t="s">
        <v>118</v>
      </c>
      <c r="E7103">
        <v>2012</v>
      </c>
      <c r="F7103">
        <v>2012</v>
      </c>
      <c r="G7103" t="s">
        <v>125</v>
      </c>
      <c r="H7103" t="s">
        <v>122</v>
      </c>
      <c r="I7103" t="s">
        <v>15</v>
      </c>
      <c r="J7103" s="10">
        <v>19.296751069999999</v>
      </c>
    </row>
    <row r="7104" spans="1:10" x14ac:dyDescent="0.35">
      <c r="A7104" t="s">
        <v>10</v>
      </c>
      <c r="B7104" t="s">
        <v>45</v>
      </c>
      <c r="C7104" t="s">
        <v>117</v>
      </c>
      <c r="D7104" t="s">
        <v>118</v>
      </c>
      <c r="E7104">
        <v>2012</v>
      </c>
      <c r="F7104">
        <v>2012</v>
      </c>
      <c r="G7104" t="s">
        <v>125</v>
      </c>
      <c r="H7104" t="s">
        <v>123</v>
      </c>
      <c r="I7104" t="s">
        <v>15</v>
      </c>
      <c r="J7104" s="10">
        <v>14.43804712</v>
      </c>
    </row>
    <row r="7105" spans="1:10" x14ac:dyDescent="0.35">
      <c r="A7105" t="s">
        <v>10</v>
      </c>
      <c r="B7105" t="s">
        <v>45</v>
      </c>
      <c r="C7105" t="s">
        <v>117</v>
      </c>
      <c r="D7105" t="s">
        <v>118</v>
      </c>
      <c r="E7105">
        <v>2012</v>
      </c>
      <c r="F7105">
        <v>2012</v>
      </c>
      <c r="G7105" t="s">
        <v>125</v>
      </c>
      <c r="H7105" t="s">
        <v>124</v>
      </c>
      <c r="I7105" t="s">
        <v>15</v>
      </c>
      <c r="J7105" s="10">
        <v>1.5657129430000001</v>
      </c>
    </row>
    <row r="7106" spans="1:10" x14ac:dyDescent="0.35">
      <c r="A7106" t="s">
        <v>10</v>
      </c>
      <c r="B7106" t="s">
        <v>45</v>
      </c>
      <c r="C7106" t="s">
        <v>117</v>
      </c>
      <c r="D7106" t="s">
        <v>118</v>
      </c>
      <c r="E7106">
        <v>2012</v>
      </c>
      <c r="F7106">
        <v>2012</v>
      </c>
      <c r="G7106" t="s">
        <v>126</v>
      </c>
      <c r="H7106" t="s">
        <v>119</v>
      </c>
      <c r="I7106" t="s">
        <v>15</v>
      </c>
      <c r="J7106" s="10">
        <v>15.945447639999999</v>
      </c>
    </row>
    <row r="7107" spans="1:10" x14ac:dyDescent="0.35">
      <c r="A7107" t="s">
        <v>10</v>
      </c>
      <c r="B7107" t="s">
        <v>45</v>
      </c>
      <c r="C7107" t="s">
        <v>117</v>
      </c>
      <c r="D7107" t="s">
        <v>118</v>
      </c>
      <c r="E7107">
        <v>2012</v>
      </c>
      <c r="F7107">
        <v>2012</v>
      </c>
      <c r="G7107" t="s">
        <v>126</v>
      </c>
      <c r="H7107" t="s">
        <v>120</v>
      </c>
      <c r="I7107" t="s">
        <v>15</v>
      </c>
      <c r="J7107" s="10">
        <v>11.778103140000001</v>
      </c>
    </row>
    <row r="7108" spans="1:10" x14ac:dyDescent="0.35">
      <c r="A7108" t="s">
        <v>10</v>
      </c>
      <c r="B7108" t="s">
        <v>45</v>
      </c>
      <c r="C7108" t="s">
        <v>117</v>
      </c>
      <c r="D7108" t="s">
        <v>118</v>
      </c>
      <c r="E7108">
        <v>2012</v>
      </c>
      <c r="F7108">
        <v>2012</v>
      </c>
      <c r="G7108" t="s">
        <v>126</v>
      </c>
      <c r="H7108" t="s">
        <v>121</v>
      </c>
      <c r="I7108" t="s">
        <v>15</v>
      </c>
      <c r="J7108" s="10">
        <v>33.00797137</v>
      </c>
    </row>
    <row r="7109" spans="1:10" x14ac:dyDescent="0.35">
      <c r="A7109" t="s">
        <v>10</v>
      </c>
      <c r="B7109" t="s">
        <v>45</v>
      </c>
      <c r="C7109" t="s">
        <v>117</v>
      </c>
      <c r="D7109" t="s">
        <v>118</v>
      </c>
      <c r="E7109">
        <v>2012</v>
      </c>
      <c r="F7109">
        <v>2012</v>
      </c>
      <c r="G7109" t="s">
        <v>126</v>
      </c>
      <c r="H7109" t="s">
        <v>122</v>
      </c>
      <c r="I7109" t="s">
        <v>15</v>
      </c>
      <c r="J7109" s="10">
        <v>18.84930318</v>
      </c>
    </row>
    <row r="7110" spans="1:10" x14ac:dyDescent="0.35">
      <c r="A7110" t="s">
        <v>10</v>
      </c>
      <c r="B7110" t="s">
        <v>45</v>
      </c>
      <c r="C7110" t="s">
        <v>117</v>
      </c>
      <c r="D7110" t="s">
        <v>118</v>
      </c>
      <c r="E7110">
        <v>2012</v>
      </c>
      <c r="F7110">
        <v>2012</v>
      </c>
      <c r="G7110" t="s">
        <v>126</v>
      </c>
      <c r="H7110" t="s">
        <v>123</v>
      </c>
      <c r="I7110" t="s">
        <v>15</v>
      </c>
      <c r="J7110" s="10">
        <v>17.265874950000001</v>
      </c>
    </row>
    <row r="7111" spans="1:10" x14ac:dyDescent="0.35">
      <c r="A7111" t="s">
        <v>10</v>
      </c>
      <c r="B7111" t="s">
        <v>45</v>
      </c>
      <c r="C7111" t="s">
        <v>117</v>
      </c>
      <c r="D7111" t="s">
        <v>118</v>
      </c>
      <c r="E7111">
        <v>2012</v>
      </c>
      <c r="F7111">
        <v>2012</v>
      </c>
      <c r="G7111" t="s">
        <v>126</v>
      </c>
      <c r="H7111" t="s">
        <v>124</v>
      </c>
      <c r="I7111" t="s">
        <v>15</v>
      </c>
      <c r="J7111" s="10">
        <v>3.153299713</v>
      </c>
    </row>
    <row r="7112" spans="1:10" x14ac:dyDescent="0.35">
      <c r="A7112" t="s">
        <v>10</v>
      </c>
      <c r="B7112" t="s">
        <v>45</v>
      </c>
      <c r="C7112" t="s">
        <v>117</v>
      </c>
      <c r="D7112" t="s">
        <v>118</v>
      </c>
      <c r="E7112">
        <v>2011</v>
      </c>
      <c r="F7112">
        <v>2011</v>
      </c>
      <c r="G7112" t="s">
        <v>14</v>
      </c>
      <c r="H7112" t="s">
        <v>119</v>
      </c>
      <c r="I7112" t="s">
        <v>15</v>
      </c>
      <c r="J7112" s="10">
        <v>17.208570250000001</v>
      </c>
    </row>
    <row r="7113" spans="1:10" x14ac:dyDescent="0.35">
      <c r="A7113" t="s">
        <v>10</v>
      </c>
      <c r="B7113" t="s">
        <v>45</v>
      </c>
      <c r="C7113" t="s">
        <v>117</v>
      </c>
      <c r="D7113" t="s">
        <v>118</v>
      </c>
      <c r="E7113">
        <v>2011</v>
      </c>
      <c r="F7113">
        <v>2011</v>
      </c>
      <c r="G7113" t="s">
        <v>14</v>
      </c>
      <c r="H7113" t="s">
        <v>120</v>
      </c>
      <c r="I7113" t="s">
        <v>15</v>
      </c>
      <c r="J7113" s="10">
        <v>12.37468627</v>
      </c>
    </row>
    <row r="7114" spans="1:10" x14ac:dyDescent="0.35">
      <c r="A7114" t="s">
        <v>10</v>
      </c>
      <c r="B7114" t="s">
        <v>45</v>
      </c>
      <c r="C7114" t="s">
        <v>117</v>
      </c>
      <c r="D7114" t="s">
        <v>118</v>
      </c>
      <c r="E7114">
        <v>2011</v>
      </c>
      <c r="F7114">
        <v>2011</v>
      </c>
      <c r="G7114" t="s">
        <v>14</v>
      </c>
      <c r="H7114" t="s">
        <v>121</v>
      </c>
      <c r="I7114" t="s">
        <v>15</v>
      </c>
      <c r="J7114" s="10">
        <v>33.087077970000003</v>
      </c>
    </row>
    <row r="7115" spans="1:10" x14ac:dyDescent="0.35">
      <c r="A7115" t="s">
        <v>10</v>
      </c>
      <c r="B7115" t="s">
        <v>45</v>
      </c>
      <c r="C7115" t="s">
        <v>117</v>
      </c>
      <c r="D7115" t="s">
        <v>118</v>
      </c>
      <c r="E7115">
        <v>2011</v>
      </c>
      <c r="F7115">
        <v>2011</v>
      </c>
      <c r="G7115" t="s">
        <v>14</v>
      </c>
      <c r="H7115" t="s">
        <v>122</v>
      </c>
      <c r="I7115" t="s">
        <v>15</v>
      </c>
      <c r="J7115" s="10">
        <v>19.312848290000002</v>
      </c>
    </row>
    <row r="7116" spans="1:10" x14ac:dyDescent="0.35">
      <c r="A7116" t="s">
        <v>10</v>
      </c>
      <c r="B7116" t="s">
        <v>45</v>
      </c>
      <c r="C7116" t="s">
        <v>117</v>
      </c>
      <c r="D7116" t="s">
        <v>118</v>
      </c>
      <c r="E7116">
        <v>2011</v>
      </c>
      <c r="F7116">
        <v>2011</v>
      </c>
      <c r="G7116" t="s">
        <v>14</v>
      </c>
      <c r="H7116" t="s">
        <v>123</v>
      </c>
      <c r="I7116" t="s">
        <v>15</v>
      </c>
      <c r="J7116" s="10">
        <v>15.62752577</v>
      </c>
    </row>
    <row r="7117" spans="1:10" x14ac:dyDescent="0.35">
      <c r="A7117" t="s">
        <v>10</v>
      </c>
      <c r="B7117" t="s">
        <v>45</v>
      </c>
      <c r="C7117" t="s">
        <v>117</v>
      </c>
      <c r="D7117" t="s">
        <v>118</v>
      </c>
      <c r="E7117">
        <v>2011</v>
      </c>
      <c r="F7117">
        <v>2011</v>
      </c>
      <c r="G7117" t="s">
        <v>14</v>
      </c>
      <c r="H7117" t="s">
        <v>124</v>
      </c>
      <c r="I7117" t="s">
        <v>15</v>
      </c>
      <c r="J7117" s="10">
        <v>2.3892914369999998</v>
      </c>
    </row>
    <row r="7118" spans="1:10" x14ac:dyDescent="0.35">
      <c r="A7118" t="s">
        <v>10</v>
      </c>
      <c r="B7118" t="s">
        <v>45</v>
      </c>
      <c r="C7118" t="s">
        <v>117</v>
      </c>
      <c r="D7118" t="s">
        <v>118</v>
      </c>
      <c r="E7118">
        <v>2011</v>
      </c>
      <c r="F7118">
        <v>2011</v>
      </c>
      <c r="G7118" t="s">
        <v>125</v>
      </c>
      <c r="H7118" t="s">
        <v>119</v>
      </c>
      <c r="I7118" t="s">
        <v>15</v>
      </c>
      <c r="J7118" s="10">
        <v>18.464816240000001</v>
      </c>
    </row>
    <row r="7119" spans="1:10" x14ac:dyDescent="0.35">
      <c r="A7119" t="s">
        <v>10</v>
      </c>
      <c r="B7119" t="s">
        <v>45</v>
      </c>
      <c r="C7119" t="s">
        <v>117</v>
      </c>
      <c r="D7119" t="s">
        <v>118</v>
      </c>
      <c r="E7119">
        <v>2011</v>
      </c>
      <c r="F7119">
        <v>2011</v>
      </c>
      <c r="G7119" t="s">
        <v>125</v>
      </c>
      <c r="H7119" t="s">
        <v>120</v>
      </c>
      <c r="I7119" t="s">
        <v>15</v>
      </c>
      <c r="J7119" s="10">
        <v>13.07628573</v>
      </c>
    </row>
    <row r="7120" spans="1:10" x14ac:dyDescent="0.35">
      <c r="A7120" t="s">
        <v>10</v>
      </c>
      <c r="B7120" t="s">
        <v>45</v>
      </c>
      <c r="C7120" t="s">
        <v>117</v>
      </c>
      <c r="D7120" t="s">
        <v>118</v>
      </c>
      <c r="E7120">
        <v>2011</v>
      </c>
      <c r="F7120">
        <v>2011</v>
      </c>
      <c r="G7120" t="s">
        <v>125</v>
      </c>
      <c r="H7120" t="s">
        <v>121</v>
      </c>
      <c r="I7120" t="s">
        <v>15</v>
      </c>
      <c r="J7120" s="10">
        <v>33.16860981</v>
      </c>
    </row>
    <row r="7121" spans="1:10" x14ac:dyDescent="0.35">
      <c r="A7121" t="s">
        <v>10</v>
      </c>
      <c r="B7121" t="s">
        <v>45</v>
      </c>
      <c r="C7121" t="s">
        <v>117</v>
      </c>
      <c r="D7121" t="s">
        <v>118</v>
      </c>
      <c r="E7121">
        <v>2011</v>
      </c>
      <c r="F7121">
        <v>2011</v>
      </c>
      <c r="G7121" t="s">
        <v>125</v>
      </c>
      <c r="H7121" t="s">
        <v>122</v>
      </c>
      <c r="I7121" t="s">
        <v>15</v>
      </c>
      <c r="J7121" s="10">
        <v>19.53601231</v>
      </c>
    </row>
    <row r="7122" spans="1:10" x14ac:dyDescent="0.35">
      <c r="A7122" t="s">
        <v>10</v>
      </c>
      <c r="B7122" t="s">
        <v>45</v>
      </c>
      <c r="C7122" t="s">
        <v>117</v>
      </c>
      <c r="D7122" t="s">
        <v>118</v>
      </c>
      <c r="E7122">
        <v>2011</v>
      </c>
      <c r="F7122">
        <v>2011</v>
      </c>
      <c r="G7122" t="s">
        <v>125</v>
      </c>
      <c r="H7122" t="s">
        <v>123</v>
      </c>
      <c r="I7122" t="s">
        <v>15</v>
      </c>
      <c r="J7122" s="10">
        <v>14.18595017</v>
      </c>
    </row>
    <row r="7123" spans="1:10" x14ac:dyDescent="0.35">
      <c r="A7123" t="s">
        <v>10</v>
      </c>
      <c r="B7123" t="s">
        <v>45</v>
      </c>
      <c r="C7123" t="s">
        <v>117</v>
      </c>
      <c r="D7123" t="s">
        <v>118</v>
      </c>
      <c r="E7123">
        <v>2011</v>
      </c>
      <c r="F7123">
        <v>2011</v>
      </c>
      <c r="G7123" t="s">
        <v>125</v>
      </c>
      <c r="H7123" t="s">
        <v>124</v>
      </c>
      <c r="I7123" t="s">
        <v>15</v>
      </c>
      <c r="J7123" s="10">
        <v>1.568325738</v>
      </c>
    </row>
    <row r="7124" spans="1:10" x14ac:dyDescent="0.35">
      <c r="A7124" t="s">
        <v>10</v>
      </c>
      <c r="B7124" t="s">
        <v>45</v>
      </c>
      <c r="C7124" t="s">
        <v>117</v>
      </c>
      <c r="D7124" t="s">
        <v>118</v>
      </c>
      <c r="E7124">
        <v>2011</v>
      </c>
      <c r="F7124">
        <v>2011</v>
      </c>
      <c r="G7124" t="s">
        <v>126</v>
      </c>
      <c r="H7124" t="s">
        <v>119</v>
      </c>
      <c r="I7124" t="s">
        <v>15</v>
      </c>
      <c r="J7124" s="10">
        <v>16.052710390000001</v>
      </c>
    </row>
    <row r="7125" spans="1:10" x14ac:dyDescent="0.35">
      <c r="A7125" t="s">
        <v>10</v>
      </c>
      <c r="B7125" t="s">
        <v>45</v>
      </c>
      <c r="C7125" t="s">
        <v>117</v>
      </c>
      <c r="D7125" t="s">
        <v>118</v>
      </c>
      <c r="E7125">
        <v>2011</v>
      </c>
      <c r="F7125">
        <v>2011</v>
      </c>
      <c r="G7125" t="s">
        <v>126</v>
      </c>
      <c r="H7125" t="s">
        <v>120</v>
      </c>
      <c r="I7125" t="s">
        <v>15</v>
      </c>
      <c r="J7125" s="10">
        <v>11.72915135</v>
      </c>
    </row>
    <row r="7126" spans="1:10" x14ac:dyDescent="0.35">
      <c r="A7126" t="s">
        <v>10</v>
      </c>
      <c r="B7126" t="s">
        <v>45</v>
      </c>
      <c r="C7126" t="s">
        <v>117</v>
      </c>
      <c r="D7126" t="s">
        <v>118</v>
      </c>
      <c r="E7126">
        <v>2011</v>
      </c>
      <c r="F7126">
        <v>2011</v>
      </c>
      <c r="G7126" t="s">
        <v>126</v>
      </c>
      <c r="H7126" t="s">
        <v>121</v>
      </c>
      <c r="I7126" t="s">
        <v>15</v>
      </c>
      <c r="J7126" s="10">
        <v>33.01206131</v>
      </c>
    </row>
    <row r="7127" spans="1:10" x14ac:dyDescent="0.35">
      <c r="A7127" t="s">
        <v>10</v>
      </c>
      <c r="B7127" t="s">
        <v>45</v>
      </c>
      <c r="C7127" t="s">
        <v>117</v>
      </c>
      <c r="D7127" t="s">
        <v>118</v>
      </c>
      <c r="E7127">
        <v>2011</v>
      </c>
      <c r="F7127">
        <v>2011</v>
      </c>
      <c r="G7127" t="s">
        <v>126</v>
      </c>
      <c r="H7127" t="s">
        <v>122</v>
      </c>
      <c r="I7127" t="s">
        <v>15</v>
      </c>
      <c r="J7127" s="10">
        <v>19.107517219999998</v>
      </c>
    </row>
    <row r="7128" spans="1:10" x14ac:dyDescent="0.35">
      <c r="A7128" t="s">
        <v>10</v>
      </c>
      <c r="B7128" t="s">
        <v>45</v>
      </c>
      <c r="C7128" t="s">
        <v>117</v>
      </c>
      <c r="D7128" t="s">
        <v>118</v>
      </c>
      <c r="E7128">
        <v>2011</v>
      </c>
      <c r="F7128">
        <v>2011</v>
      </c>
      <c r="G7128" t="s">
        <v>126</v>
      </c>
      <c r="H7128" t="s">
        <v>123</v>
      </c>
      <c r="I7128" t="s">
        <v>15</v>
      </c>
      <c r="J7128" s="10">
        <v>16.953905630000001</v>
      </c>
    </row>
    <row r="7129" spans="1:10" x14ac:dyDescent="0.35">
      <c r="A7129" t="s">
        <v>10</v>
      </c>
      <c r="B7129" t="s">
        <v>45</v>
      </c>
      <c r="C7129" t="s">
        <v>117</v>
      </c>
      <c r="D7129" t="s">
        <v>118</v>
      </c>
      <c r="E7129">
        <v>2011</v>
      </c>
      <c r="F7129">
        <v>2011</v>
      </c>
      <c r="G7129" t="s">
        <v>126</v>
      </c>
      <c r="H7129" t="s">
        <v>124</v>
      </c>
      <c r="I7129" t="s">
        <v>15</v>
      </c>
      <c r="J7129" s="10">
        <v>3.1446540879999998</v>
      </c>
    </row>
    <row r="7130" spans="1:10" x14ac:dyDescent="0.35">
      <c r="A7130" t="s">
        <v>10</v>
      </c>
      <c r="B7130" t="s">
        <v>46</v>
      </c>
      <c r="C7130" t="s">
        <v>117</v>
      </c>
      <c r="D7130" t="s">
        <v>118</v>
      </c>
      <c r="E7130">
        <v>2020</v>
      </c>
      <c r="F7130">
        <v>2020</v>
      </c>
      <c r="G7130" t="s">
        <v>14</v>
      </c>
      <c r="H7130" t="s">
        <v>119</v>
      </c>
      <c r="I7130" t="s">
        <v>15</v>
      </c>
      <c r="J7130" s="10">
        <v>15.55749509</v>
      </c>
    </row>
    <row r="7131" spans="1:10" x14ac:dyDescent="0.35">
      <c r="A7131" t="s">
        <v>10</v>
      </c>
      <c r="B7131" t="s">
        <v>46</v>
      </c>
      <c r="C7131" t="s">
        <v>117</v>
      </c>
      <c r="D7131" t="s">
        <v>118</v>
      </c>
      <c r="E7131">
        <v>2020</v>
      </c>
      <c r="F7131">
        <v>2020</v>
      </c>
      <c r="G7131" t="s">
        <v>14</v>
      </c>
      <c r="H7131" t="s">
        <v>120</v>
      </c>
      <c r="I7131" t="s">
        <v>15</v>
      </c>
      <c r="J7131" s="10">
        <v>17.57518194</v>
      </c>
    </row>
    <row r="7132" spans="1:10" x14ac:dyDescent="0.35">
      <c r="A7132" t="s">
        <v>10</v>
      </c>
      <c r="B7132" t="s">
        <v>46</v>
      </c>
      <c r="C7132" t="s">
        <v>117</v>
      </c>
      <c r="D7132" t="s">
        <v>118</v>
      </c>
      <c r="E7132">
        <v>2020</v>
      </c>
      <c r="F7132">
        <v>2020</v>
      </c>
      <c r="G7132" t="s">
        <v>14</v>
      </c>
      <c r="H7132" t="s">
        <v>121</v>
      </c>
      <c r="I7132" t="s">
        <v>15</v>
      </c>
      <c r="J7132" s="10">
        <v>33.565221860000001</v>
      </c>
    </row>
    <row r="7133" spans="1:10" x14ac:dyDescent="0.35">
      <c r="A7133" t="s">
        <v>10</v>
      </c>
      <c r="B7133" t="s">
        <v>46</v>
      </c>
      <c r="C7133" t="s">
        <v>117</v>
      </c>
      <c r="D7133" t="s">
        <v>118</v>
      </c>
      <c r="E7133">
        <v>2020</v>
      </c>
      <c r="F7133">
        <v>2020</v>
      </c>
      <c r="G7133" t="s">
        <v>14</v>
      </c>
      <c r="H7133" t="s">
        <v>122</v>
      </c>
      <c r="I7133" t="s">
        <v>15</v>
      </c>
      <c r="J7133" s="10">
        <v>17.374953470000001</v>
      </c>
    </row>
    <row r="7134" spans="1:10" x14ac:dyDescent="0.35">
      <c r="A7134" t="s">
        <v>10</v>
      </c>
      <c r="B7134" t="s">
        <v>46</v>
      </c>
      <c r="C7134" t="s">
        <v>117</v>
      </c>
      <c r="D7134" t="s">
        <v>118</v>
      </c>
      <c r="E7134">
        <v>2020</v>
      </c>
      <c r="F7134">
        <v>2020</v>
      </c>
      <c r="G7134" t="s">
        <v>14</v>
      </c>
      <c r="H7134" t="s">
        <v>123</v>
      </c>
      <c r="I7134" t="s">
        <v>15</v>
      </c>
      <c r="J7134" s="10">
        <v>13.69768069</v>
      </c>
    </row>
    <row r="7135" spans="1:10" x14ac:dyDescent="0.35">
      <c r="A7135" t="s">
        <v>10</v>
      </c>
      <c r="B7135" t="s">
        <v>46</v>
      </c>
      <c r="C7135" t="s">
        <v>117</v>
      </c>
      <c r="D7135" t="s">
        <v>118</v>
      </c>
      <c r="E7135">
        <v>2020</v>
      </c>
      <c r="F7135">
        <v>2020</v>
      </c>
      <c r="G7135" t="s">
        <v>14</v>
      </c>
      <c r="H7135" t="s">
        <v>124</v>
      </c>
      <c r="I7135" t="s">
        <v>15</v>
      </c>
      <c r="J7135" s="10">
        <v>2.229466956</v>
      </c>
    </row>
    <row r="7136" spans="1:10" x14ac:dyDescent="0.35">
      <c r="A7136" t="s">
        <v>10</v>
      </c>
      <c r="B7136" t="s">
        <v>46</v>
      </c>
      <c r="C7136" t="s">
        <v>117</v>
      </c>
      <c r="D7136" t="s">
        <v>118</v>
      </c>
      <c r="E7136">
        <v>2020</v>
      </c>
      <c r="F7136">
        <v>2020</v>
      </c>
      <c r="G7136" t="s">
        <v>125</v>
      </c>
      <c r="H7136" t="s">
        <v>119</v>
      </c>
      <c r="I7136" t="s">
        <v>15</v>
      </c>
      <c r="J7136" s="10">
        <v>16.460130029999998</v>
      </c>
    </row>
    <row r="7137" spans="1:10" x14ac:dyDescent="0.35">
      <c r="A7137" t="s">
        <v>10</v>
      </c>
      <c r="B7137" t="s">
        <v>46</v>
      </c>
      <c r="C7137" t="s">
        <v>117</v>
      </c>
      <c r="D7137" t="s">
        <v>118</v>
      </c>
      <c r="E7137">
        <v>2020</v>
      </c>
      <c r="F7137">
        <v>2020</v>
      </c>
      <c r="G7137" t="s">
        <v>125</v>
      </c>
      <c r="H7137" t="s">
        <v>120</v>
      </c>
      <c r="I7137" t="s">
        <v>15</v>
      </c>
      <c r="J7137" s="10">
        <v>16.850205649999999</v>
      </c>
    </row>
    <row r="7138" spans="1:10" x14ac:dyDescent="0.35">
      <c r="A7138" t="s">
        <v>10</v>
      </c>
      <c r="B7138" t="s">
        <v>46</v>
      </c>
      <c r="C7138" t="s">
        <v>117</v>
      </c>
      <c r="D7138" t="s">
        <v>118</v>
      </c>
      <c r="E7138">
        <v>2020</v>
      </c>
      <c r="F7138">
        <v>2020</v>
      </c>
      <c r="G7138" t="s">
        <v>125</v>
      </c>
      <c r="H7138" t="s">
        <v>121</v>
      </c>
      <c r="I7138" t="s">
        <v>15</v>
      </c>
      <c r="J7138" s="10">
        <v>34.99800982</v>
      </c>
    </row>
    <row r="7139" spans="1:10" x14ac:dyDescent="0.35">
      <c r="A7139" t="s">
        <v>10</v>
      </c>
      <c r="B7139" t="s">
        <v>46</v>
      </c>
      <c r="C7139" t="s">
        <v>117</v>
      </c>
      <c r="D7139" t="s">
        <v>118</v>
      </c>
      <c r="E7139">
        <v>2020</v>
      </c>
      <c r="F7139">
        <v>2020</v>
      </c>
      <c r="G7139" t="s">
        <v>125</v>
      </c>
      <c r="H7139" t="s">
        <v>122</v>
      </c>
      <c r="I7139" t="s">
        <v>15</v>
      </c>
      <c r="J7139" s="10">
        <v>17.14475255</v>
      </c>
    </row>
    <row r="7140" spans="1:10" x14ac:dyDescent="0.35">
      <c r="A7140" t="s">
        <v>10</v>
      </c>
      <c r="B7140" t="s">
        <v>46</v>
      </c>
      <c r="C7140" t="s">
        <v>117</v>
      </c>
      <c r="D7140" t="s">
        <v>118</v>
      </c>
      <c r="E7140">
        <v>2020</v>
      </c>
      <c r="F7140">
        <v>2020</v>
      </c>
      <c r="G7140" t="s">
        <v>125</v>
      </c>
      <c r="H7140" t="s">
        <v>123</v>
      </c>
      <c r="I7140" t="s">
        <v>15</v>
      </c>
      <c r="J7140" s="10">
        <v>12.92291363</v>
      </c>
    </row>
    <row r="7141" spans="1:10" x14ac:dyDescent="0.35">
      <c r="A7141" t="s">
        <v>10</v>
      </c>
      <c r="B7141" t="s">
        <v>46</v>
      </c>
      <c r="C7141" t="s">
        <v>117</v>
      </c>
      <c r="D7141" t="s">
        <v>118</v>
      </c>
      <c r="E7141">
        <v>2020</v>
      </c>
      <c r="F7141">
        <v>2020</v>
      </c>
      <c r="G7141" t="s">
        <v>125</v>
      </c>
      <c r="H7141" t="s">
        <v>124</v>
      </c>
      <c r="I7141" t="s">
        <v>15</v>
      </c>
      <c r="J7141" s="10">
        <v>1.6239883239999999</v>
      </c>
    </row>
    <row r="7142" spans="1:10" x14ac:dyDescent="0.35">
      <c r="A7142" t="s">
        <v>10</v>
      </c>
      <c r="B7142" t="s">
        <v>46</v>
      </c>
      <c r="C7142" t="s">
        <v>117</v>
      </c>
      <c r="D7142" t="s">
        <v>118</v>
      </c>
      <c r="E7142">
        <v>2020</v>
      </c>
      <c r="F7142">
        <v>2020</v>
      </c>
      <c r="G7142" t="s">
        <v>126</v>
      </c>
      <c r="H7142" t="s">
        <v>119</v>
      </c>
      <c r="I7142" t="s">
        <v>15</v>
      </c>
      <c r="J7142" s="10">
        <v>14.71187789</v>
      </c>
    </row>
    <row r="7143" spans="1:10" x14ac:dyDescent="0.35">
      <c r="A7143" t="s">
        <v>10</v>
      </c>
      <c r="B7143" t="s">
        <v>46</v>
      </c>
      <c r="C7143" t="s">
        <v>117</v>
      </c>
      <c r="D7143" t="s">
        <v>118</v>
      </c>
      <c r="E7143">
        <v>2020</v>
      </c>
      <c r="F7143">
        <v>2020</v>
      </c>
      <c r="G7143" t="s">
        <v>126</v>
      </c>
      <c r="H7143" t="s">
        <v>120</v>
      </c>
      <c r="I7143" t="s">
        <v>15</v>
      </c>
      <c r="J7143" s="10">
        <v>18.25436285</v>
      </c>
    </row>
    <row r="7144" spans="1:10" x14ac:dyDescent="0.35">
      <c r="A7144" t="s">
        <v>10</v>
      </c>
      <c r="B7144" t="s">
        <v>46</v>
      </c>
      <c r="C7144" t="s">
        <v>117</v>
      </c>
      <c r="D7144" t="s">
        <v>118</v>
      </c>
      <c r="E7144">
        <v>2020</v>
      </c>
      <c r="F7144">
        <v>2020</v>
      </c>
      <c r="G7144" t="s">
        <v>126</v>
      </c>
      <c r="H7144" t="s">
        <v>121</v>
      </c>
      <c r="I7144" t="s">
        <v>15</v>
      </c>
      <c r="J7144" s="10">
        <v>32.222940389999998</v>
      </c>
    </row>
    <row r="7145" spans="1:10" x14ac:dyDescent="0.35">
      <c r="A7145" t="s">
        <v>10</v>
      </c>
      <c r="B7145" t="s">
        <v>46</v>
      </c>
      <c r="C7145" t="s">
        <v>117</v>
      </c>
      <c r="D7145" t="s">
        <v>118</v>
      </c>
      <c r="E7145">
        <v>2020</v>
      </c>
      <c r="F7145">
        <v>2020</v>
      </c>
      <c r="G7145" t="s">
        <v>126</v>
      </c>
      <c r="H7145" t="s">
        <v>122</v>
      </c>
      <c r="I7145" t="s">
        <v>15</v>
      </c>
      <c r="J7145" s="10">
        <v>17.590613040000001</v>
      </c>
    </row>
    <row r="7146" spans="1:10" x14ac:dyDescent="0.35">
      <c r="A7146" t="s">
        <v>10</v>
      </c>
      <c r="B7146" t="s">
        <v>46</v>
      </c>
      <c r="C7146" t="s">
        <v>117</v>
      </c>
      <c r="D7146" t="s">
        <v>118</v>
      </c>
      <c r="E7146">
        <v>2020</v>
      </c>
      <c r="F7146">
        <v>2020</v>
      </c>
      <c r="G7146" t="s">
        <v>126</v>
      </c>
      <c r="H7146" t="s">
        <v>123</v>
      </c>
      <c r="I7146" t="s">
        <v>15</v>
      </c>
      <c r="J7146" s="10">
        <v>14.42350718</v>
      </c>
    </row>
    <row r="7147" spans="1:10" x14ac:dyDescent="0.35">
      <c r="A7147" t="s">
        <v>10</v>
      </c>
      <c r="B7147" t="s">
        <v>46</v>
      </c>
      <c r="C7147" t="s">
        <v>117</v>
      </c>
      <c r="D7147" t="s">
        <v>118</v>
      </c>
      <c r="E7147">
        <v>2020</v>
      </c>
      <c r="F7147">
        <v>2020</v>
      </c>
      <c r="G7147" t="s">
        <v>126</v>
      </c>
      <c r="H7147" t="s">
        <v>124</v>
      </c>
      <c r="I7147" t="s">
        <v>15</v>
      </c>
      <c r="J7147" s="10">
        <v>2.796698653</v>
      </c>
    </row>
    <row r="7148" spans="1:10" x14ac:dyDescent="0.35">
      <c r="A7148" t="s">
        <v>10</v>
      </c>
      <c r="B7148" t="s">
        <v>46</v>
      </c>
      <c r="C7148" t="s">
        <v>117</v>
      </c>
      <c r="D7148" t="s">
        <v>118</v>
      </c>
      <c r="E7148">
        <v>2019</v>
      </c>
      <c r="F7148">
        <v>2019</v>
      </c>
      <c r="G7148" t="s">
        <v>14</v>
      </c>
      <c r="H7148" t="s">
        <v>119</v>
      </c>
      <c r="I7148" t="s">
        <v>15</v>
      </c>
      <c r="J7148" s="10">
        <v>15.532029290000001</v>
      </c>
    </row>
    <row r="7149" spans="1:10" x14ac:dyDescent="0.35">
      <c r="A7149" t="s">
        <v>10</v>
      </c>
      <c r="B7149" t="s">
        <v>46</v>
      </c>
      <c r="C7149" t="s">
        <v>117</v>
      </c>
      <c r="D7149" t="s">
        <v>118</v>
      </c>
      <c r="E7149">
        <v>2019</v>
      </c>
      <c r="F7149">
        <v>2019</v>
      </c>
      <c r="G7149" t="s">
        <v>14</v>
      </c>
      <c r="H7149" t="s">
        <v>120</v>
      </c>
      <c r="I7149" t="s">
        <v>15</v>
      </c>
      <c r="J7149" s="10">
        <v>17.831174149999999</v>
      </c>
    </row>
    <row r="7150" spans="1:10" x14ac:dyDescent="0.35">
      <c r="A7150" t="s">
        <v>10</v>
      </c>
      <c r="B7150" t="s">
        <v>46</v>
      </c>
      <c r="C7150" t="s">
        <v>117</v>
      </c>
      <c r="D7150" t="s">
        <v>118</v>
      </c>
      <c r="E7150">
        <v>2019</v>
      </c>
      <c r="F7150">
        <v>2019</v>
      </c>
      <c r="G7150" t="s">
        <v>14</v>
      </c>
      <c r="H7150" t="s">
        <v>121</v>
      </c>
      <c r="I7150" t="s">
        <v>15</v>
      </c>
      <c r="J7150" s="10">
        <v>33.413129189999999</v>
      </c>
    </row>
    <row r="7151" spans="1:10" x14ac:dyDescent="0.35">
      <c r="A7151" t="s">
        <v>10</v>
      </c>
      <c r="B7151" t="s">
        <v>46</v>
      </c>
      <c r="C7151" t="s">
        <v>117</v>
      </c>
      <c r="D7151" t="s">
        <v>118</v>
      </c>
      <c r="E7151">
        <v>2019</v>
      </c>
      <c r="F7151">
        <v>2019</v>
      </c>
      <c r="G7151" t="s">
        <v>14</v>
      </c>
      <c r="H7151" t="s">
        <v>122</v>
      </c>
      <c r="I7151" t="s">
        <v>15</v>
      </c>
      <c r="J7151" s="10">
        <v>17.378001950000002</v>
      </c>
    </row>
    <row r="7152" spans="1:10" x14ac:dyDescent="0.35">
      <c r="A7152" t="s">
        <v>10</v>
      </c>
      <c r="B7152" t="s">
        <v>46</v>
      </c>
      <c r="C7152" t="s">
        <v>117</v>
      </c>
      <c r="D7152" t="s">
        <v>118</v>
      </c>
      <c r="E7152">
        <v>2019</v>
      </c>
      <c r="F7152">
        <v>2019</v>
      </c>
      <c r="G7152" t="s">
        <v>14</v>
      </c>
      <c r="H7152" t="s">
        <v>123</v>
      </c>
      <c r="I7152" t="s">
        <v>15</v>
      </c>
      <c r="J7152" s="10">
        <v>13.62460956</v>
      </c>
    </row>
    <row r="7153" spans="1:10" x14ac:dyDescent="0.35">
      <c r="A7153" t="s">
        <v>10</v>
      </c>
      <c r="B7153" t="s">
        <v>46</v>
      </c>
      <c r="C7153" t="s">
        <v>117</v>
      </c>
      <c r="D7153" t="s">
        <v>118</v>
      </c>
      <c r="E7153">
        <v>2019</v>
      </c>
      <c r="F7153">
        <v>2019</v>
      </c>
      <c r="G7153" t="s">
        <v>14</v>
      </c>
      <c r="H7153" t="s">
        <v>124</v>
      </c>
      <c r="I7153" t="s">
        <v>15</v>
      </c>
      <c r="J7153" s="10">
        <v>2.2210558659999999</v>
      </c>
    </row>
    <row r="7154" spans="1:10" x14ac:dyDescent="0.35">
      <c r="A7154" t="s">
        <v>10</v>
      </c>
      <c r="B7154" t="s">
        <v>46</v>
      </c>
      <c r="C7154" t="s">
        <v>117</v>
      </c>
      <c r="D7154" t="s">
        <v>118</v>
      </c>
      <c r="E7154">
        <v>2019</v>
      </c>
      <c r="F7154">
        <v>2019</v>
      </c>
      <c r="G7154" t="s">
        <v>125</v>
      </c>
      <c r="H7154" t="s">
        <v>119</v>
      </c>
      <c r="I7154" t="s">
        <v>15</v>
      </c>
      <c r="J7154" s="10">
        <v>16.434628700000001</v>
      </c>
    </row>
    <row r="7155" spans="1:10" x14ac:dyDescent="0.35">
      <c r="A7155" t="s">
        <v>10</v>
      </c>
      <c r="B7155" t="s">
        <v>46</v>
      </c>
      <c r="C7155" t="s">
        <v>117</v>
      </c>
      <c r="D7155" t="s">
        <v>118</v>
      </c>
      <c r="E7155">
        <v>2019</v>
      </c>
      <c r="F7155">
        <v>2019</v>
      </c>
      <c r="G7155" t="s">
        <v>125</v>
      </c>
      <c r="H7155" t="s">
        <v>120</v>
      </c>
      <c r="I7155" t="s">
        <v>15</v>
      </c>
      <c r="J7155" s="10">
        <v>17.11621272</v>
      </c>
    </row>
    <row r="7156" spans="1:10" x14ac:dyDescent="0.35">
      <c r="A7156" t="s">
        <v>10</v>
      </c>
      <c r="B7156" t="s">
        <v>46</v>
      </c>
      <c r="C7156" t="s">
        <v>117</v>
      </c>
      <c r="D7156" t="s">
        <v>118</v>
      </c>
      <c r="E7156">
        <v>2019</v>
      </c>
      <c r="F7156">
        <v>2019</v>
      </c>
      <c r="G7156" t="s">
        <v>125</v>
      </c>
      <c r="H7156" t="s">
        <v>121</v>
      </c>
      <c r="I7156" t="s">
        <v>15</v>
      </c>
      <c r="J7156" s="10">
        <v>34.853248090000001</v>
      </c>
    </row>
    <row r="7157" spans="1:10" x14ac:dyDescent="0.35">
      <c r="A7157" t="s">
        <v>10</v>
      </c>
      <c r="B7157" t="s">
        <v>46</v>
      </c>
      <c r="C7157" t="s">
        <v>117</v>
      </c>
      <c r="D7157" t="s">
        <v>118</v>
      </c>
      <c r="E7157">
        <v>2019</v>
      </c>
      <c r="F7157">
        <v>2019</v>
      </c>
      <c r="G7157" t="s">
        <v>125</v>
      </c>
      <c r="H7157" t="s">
        <v>122</v>
      </c>
      <c r="I7157" t="s">
        <v>15</v>
      </c>
      <c r="J7157" s="10">
        <v>17.17169049</v>
      </c>
    </row>
    <row r="7158" spans="1:10" x14ac:dyDescent="0.35">
      <c r="A7158" t="s">
        <v>10</v>
      </c>
      <c r="B7158" t="s">
        <v>46</v>
      </c>
      <c r="C7158" t="s">
        <v>117</v>
      </c>
      <c r="D7158" t="s">
        <v>118</v>
      </c>
      <c r="E7158">
        <v>2019</v>
      </c>
      <c r="F7158">
        <v>2019</v>
      </c>
      <c r="G7158" t="s">
        <v>125</v>
      </c>
      <c r="H7158" t="s">
        <v>123</v>
      </c>
      <c r="I7158" t="s">
        <v>15</v>
      </c>
      <c r="J7158" s="10">
        <v>12.873484270000001</v>
      </c>
    </row>
    <row r="7159" spans="1:10" x14ac:dyDescent="0.35">
      <c r="A7159" t="s">
        <v>10</v>
      </c>
      <c r="B7159" t="s">
        <v>46</v>
      </c>
      <c r="C7159" t="s">
        <v>117</v>
      </c>
      <c r="D7159" t="s">
        <v>118</v>
      </c>
      <c r="E7159">
        <v>2019</v>
      </c>
      <c r="F7159">
        <v>2019</v>
      </c>
      <c r="G7159" t="s">
        <v>125</v>
      </c>
      <c r="H7159" t="s">
        <v>124</v>
      </c>
      <c r="I7159" t="s">
        <v>15</v>
      </c>
      <c r="J7159" s="10">
        <v>1.550735741</v>
      </c>
    </row>
    <row r="7160" spans="1:10" x14ac:dyDescent="0.35">
      <c r="A7160" t="s">
        <v>10</v>
      </c>
      <c r="B7160" t="s">
        <v>46</v>
      </c>
      <c r="C7160" t="s">
        <v>117</v>
      </c>
      <c r="D7160" t="s">
        <v>118</v>
      </c>
      <c r="E7160">
        <v>2019</v>
      </c>
      <c r="F7160">
        <v>2019</v>
      </c>
      <c r="G7160" t="s">
        <v>126</v>
      </c>
      <c r="H7160" t="s">
        <v>119</v>
      </c>
      <c r="I7160" t="s">
        <v>15</v>
      </c>
      <c r="J7160" s="10">
        <v>14.683456270000001</v>
      </c>
    </row>
    <row r="7161" spans="1:10" x14ac:dyDescent="0.35">
      <c r="A7161" t="s">
        <v>10</v>
      </c>
      <c r="B7161" t="s">
        <v>46</v>
      </c>
      <c r="C7161" t="s">
        <v>117</v>
      </c>
      <c r="D7161" t="s">
        <v>118</v>
      </c>
      <c r="E7161">
        <v>2019</v>
      </c>
      <c r="F7161">
        <v>2019</v>
      </c>
      <c r="G7161" t="s">
        <v>126</v>
      </c>
      <c r="H7161" t="s">
        <v>120</v>
      </c>
      <c r="I7161" t="s">
        <v>15</v>
      </c>
      <c r="J7161" s="10">
        <v>18.50334054</v>
      </c>
    </row>
    <row r="7162" spans="1:10" x14ac:dyDescent="0.35">
      <c r="A7162" t="s">
        <v>10</v>
      </c>
      <c r="B7162" t="s">
        <v>46</v>
      </c>
      <c r="C7162" t="s">
        <v>117</v>
      </c>
      <c r="D7162" t="s">
        <v>118</v>
      </c>
      <c r="E7162">
        <v>2019</v>
      </c>
      <c r="F7162">
        <v>2019</v>
      </c>
      <c r="G7162" t="s">
        <v>126</v>
      </c>
      <c r="H7162" t="s">
        <v>121</v>
      </c>
      <c r="I7162" t="s">
        <v>15</v>
      </c>
      <c r="J7162" s="10">
        <v>32.05921069</v>
      </c>
    </row>
    <row r="7163" spans="1:10" x14ac:dyDescent="0.35">
      <c r="A7163" t="s">
        <v>10</v>
      </c>
      <c r="B7163" t="s">
        <v>46</v>
      </c>
      <c r="C7163" t="s">
        <v>117</v>
      </c>
      <c r="D7163" t="s">
        <v>118</v>
      </c>
      <c r="E7163">
        <v>2019</v>
      </c>
      <c r="F7163">
        <v>2019</v>
      </c>
      <c r="G7163" t="s">
        <v>126</v>
      </c>
      <c r="H7163" t="s">
        <v>122</v>
      </c>
      <c r="I7163" t="s">
        <v>15</v>
      </c>
      <c r="J7163" s="10">
        <v>17.57196433</v>
      </c>
    </row>
    <row r="7164" spans="1:10" x14ac:dyDescent="0.35">
      <c r="A7164" t="s">
        <v>10</v>
      </c>
      <c r="B7164" t="s">
        <v>46</v>
      </c>
      <c r="C7164" t="s">
        <v>117</v>
      </c>
      <c r="D7164" t="s">
        <v>118</v>
      </c>
      <c r="E7164">
        <v>2019</v>
      </c>
      <c r="F7164">
        <v>2019</v>
      </c>
      <c r="G7164" t="s">
        <v>126</v>
      </c>
      <c r="H7164" t="s">
        <v>123</v>
      </c>
      <c r="I7164" t="s">
        <v>15</v>
      </c>
      <c r="J7164" s="10">
        <v>14.330775149999999</v>
      </c>
    </row>
    <row r="7165" spans="1:10" x14ac:dyDescent="0.35">
      <c r="A7165" t="s">
        <v>10</v>
      </c>
      <c r="B7165" t="s">
        <v>46</v>
      </c>
      <c r="C7165" t="s">
        <v>117</v>
      </c>
      <c r="D7165" t="s">
        <v>118</v>
      </c>
      <c r="E7165">
        <v>2019</v>
      </c>
      <c r="F7165">
        <v>2019</v>
      </c>
      <c r="G7165" t="s">
        <v>126</v>
      </c>
      <c r="H7165" t="s">
        <v>124</v>
      </c>
      <c r="I7165" t="s">
        <v>15</v>
      </c>
      <c r="J7165" s="10">
        <v>2.8512530109999998</v>
      </c>
    </row>
    <row r="7166" spans="1:10" x14ac:dyDescent="0.35">
      <c r="A7166" t="s">
        <v>10</v>
      </c>
      <c r="B7166" t="s">
        <v>46</v>
      </c>
      <c r="C7166" t="s">
        <v>117</v>
      </c>
      <c r="D7166" t="s">
        <v>118</v>
      </c>
      <c r="E7166">
        <v>2018</v>
      </c>
      <c r="F7166">
        <v>2018</v>
      </c>
      <c r="G7166" t="s">
        <v>14</v>
      </c>
      <c r="H7166" t="s">
        <v>119</v>
      </c>
      <c r="I7166" t="s">
        <v>15</v>
      </c>
      <c r="J7166" s="10">
        <v>15.666182389999999</v>
      </c>
    </row>
    <row r="7167" spans="1:10" x14ac:dyDescent="0.35">
      <c r="A7167" t="s">
        <v>10</v>
      </c>
      <c r="B7167" t="s">
        <v>46</v>
      </c>
      <c r="C7167" t="s">
        <v>117</v>
      </c>
      <c r="D7167" t="s">
        <v>118</v>
      </c>
      <c r="E7167">
        <v>2018</v>
      </c>
      <c r="F7167">
        <v>2018</v>
      </c>
      <c r="G7167" t="s">
        <v>14</v>
      </c>
      <c r="H7167" t="s">
        <v>120</v>
      </c>
      <c r="I7167" t="s">
        <v>15</v>
      </c>
      <c r="J7167" s="10">
        <v>17.578009489999999</v>
      </c>
    </row>
    <row r="7168" spans="1:10" x14ac:dyDescent="0.35">
      <c r="A7168" t="s">
        <v>10</v>
      </c>
      <c r="B7168" t="s">
        <v>46</v>
      </c>
      <c r="C7168" t="s">
        <v>117</v>
      </c>
      <c r="D7168" t="s">
        <v>118</v>
      </c>
      <c r="E7168">
        <v>2018</v>
      </c>
      <c r="F7168">
        <v>2018</v>
      </c>
      <c r="G7168" t="s">
        <v>14</v>
      </c>
      <c r="H7168" t="s">
        <v>121</v>
      </c>
      <c r="I7168" t="s">
        <v>15</v>
      </c>
      <c r="J7168" s="10">
        <v>33.431903210000002</v>
      </c>
    </row>
    <row r="7169" spans="1:10" x14ac:dyDescent="0.35">
      <c r="A7169" t="s">
        <v>10</v>
      </c>
      <c r="B7169" t="s">
        <v>46</v>
      </c>
      <c r="C7169" t="s">
        <v>117</v>
      </c>
      <c r="D7169" t="s">
        <v>118</v>
      </c>
      <c r="E7169">
        <v>2018</v>
      </c>
      <c r="F7169">
        <v>2018</v>
      </c>
      <c r="G7169" t="s">
        <v>14</v>
      </c>
      <c r="H7169" t="s">
        <v>122</v>
      </c>
      <c r="I7169" t="s">
        <v>15</v>
      </c>
      <c r="J7169" s="10">
        <v>17.43915453</v>
      </c>
    </row>
    <row r="7170" spans="1:10" x14ac:dyDescent="0.35">
      <c r="A7170" t="s">
        <v>10</v>
      </c>
      <c r="B7170" t="s">
        <v>46</v>
      </c>
      <c r="C7170" t="s">
        <v>117</v>
      </c>
      <c r="D7170" t="s">
        <v>118</v>
      </c>
      <c r="E7170">
        <v>2018</v>
      </c>
      <c r="F7170">
        <v>2018</v>
      </c>
      <c r="G7170" t="s">
        <v>14</v>
      </c>
      <c r="H7170" t="s">
        <v>123</v>
      </c>
      <c r="I7170" t="s">
        <v>15</v>
      </c>
      <c r="J7170" s="10">
        <v>13.68107073</v>
      </c>
    </row>
    <row r="7171" spans="1:10" x14ac:dyDescent="0.35">
      <c r="A7171" t="s">
        <v>10</v>
      </c>
      <c r="B7171" t="s">
        <v>46</v>
      </c>
      <c r="C7171" t="s">
        <v>117</v>
      </c>
      <c r="D7171" t="s">
        <v>118</v>
      </c>
      <c r="E7171">
        <v>2018</v>
      </c>
      <c r="F7171">
        <v>2018</v>
      </c>
      <c r="G7171" t="s">
        <v>14</v>
      </c>
      <c r="H7171" t="s">
        <v>124</v>
      </c>
      <c r="I7171" t="s">
        <v>15</v>
      </c>
      <c r="J7171" s="10">
        <v>2.2036796559999998</v>
      </c>
    </row>
    <row r="7172" spans="1:10" x14ac:dyDescent="0.35">
      <c r="A7172" t="s">
        <v>10</v>
      </c>
      <c r="B7172" t="s">
        <v>46</v>
      </c>
      <c r="C7172" t="s">
        <v>117</v>
      </c>
      <c r="D7172" t="s">
        <v>118</v>
      </c>
      <c r="E7172">
        <v>2018</v>
      </c>
      <c r="F7172">
        <v>2018</v>
      </c>
      <c r="G7172" t="s">
        <v>125</v>
      </c>
      <c r="H7172" t="s">
        <v>119</v>
      </c>
      <c r="I7172" t="s">
        <v>15</v>
      </c>
      <c r="J7172" s="10">
        <v>16.675950239999999</v>
      </c>
    </row>
    <row r="7173" spans="1:10" x14ac:dyDescent="0.35">
      <c r="A7173" t="s">
        <v>10</v>
      </c>
      <c r="B7173" t="s">
        <v>46</v>
      </c>
      <c r="C7173" t="s">
        <v>117</v>
      </c>
      <c r="D7173" t="s">
        <v>118</v>
      </c>
      <c r="E7173">
        <v>2018</v>
      </c>
      <c r="F7173">
        <v>2018</v>
      </c>
      <c r="G7173" t="s">
        <v>125</v>
      </c>
      <c r="H7173" t="s">
        <v>120</v>
      </c>
      <c r="I7173" t="s">
        <v>15</v>
      </c>
      <c r="J7173" s="10">
        <v>16.96506724</v>
      </c>
    </row>
    <row r="7174" spans="1:10" x14ac:dyDescent="0.35">
      <c r="A7174" t="s">
        <v>10</v>
      </c>
      <c r="B7174" t="s">
        <v>46</v>
      </c>
      <c r="C7174" t="s">
        <v>117</v>
      </c>
      <c r="D7174" t="s">
        <v>118</v>
      </c>
      <c r="E7174">
        <v>2018</v>
      </c>
      <c r="F7174">
        <v>2018</v>
      </c>
      <c r="G7174" t="s">
        <v>125</v>
      </c>
      <c r="H7174" t="s">
        <v>121</v>
      </c>
      <c r="I7174" t="s">
        <v>15</v>
      </c>
      <c r="J7174" s="10">
        <v>34.733826690000001</v>
      </c>
    </row>
    <row r="7175" spans="1:10" x14ac:dyDescent="0.35">
      <c r="A7175" t="s">
        <v>10</v>
      </c>
      <c r="B7175" t="s">
        <v>46</v>
      </c>
      <c r="C7175" t="s">
        <v>117</v>
      </c>
      <c r="D7175" t="s">
        <v>118</v>
      </c>
      <c r="E7175">
        <v>2018</v>
      </c>
      <c r="F7175">
        <v>2018</v>
      </c>
      <c r="G7175" t="s">
        <v>125</v>
      </c>
      <c r="H7175" t="s">
        <v>122</v>
      </c>
      <c r="I7175" t="s">
        <v>15</v>
      </c>
      <c r="J7175" s="10">
        <v>17.262141589999999</v>
      </c>
    </row>
    <row r="7176" spans="1:10" x14ac:dyDescent="0.35">
      <c r="A7176" t="s">
        <v>10</v>
      </c>
      <c r="B7176" t="s">
        <v>46</v>
      </c>
      <c r="C7176" t="s">
        <v>117</v>
      </c>
      <c r="D7176" t="s">
        <v>118</v>
      </c>
      <c r="E7176">
        <v>2018</v>
      </c>
      <c r="F7176">
        <v>2018</v>
      </c>
      <c r="G7176" t="s">
        <v>125</v>
      </c>
      <c r="H7176" t="s">
        <v>123</v>
      </c>
      <c r="I7176" t="s">
        <v>15</v>
      </c>
      <c r="J7176" s="10">
        <v>12.83255086</v>
      </c>
    </row>
    <row r="7177" spans="1:10" x14ac:dyDescent="0.35">
      <c r="A7177" t="s">
        <v>10</v>
      </c>
      <c r="B7177" t="s">
        <v>46</v>
      </c>
      <c r="C7177" t="s">
        <v>117</v>
      </c>
      <c r="D7177" t="s">
        <v>118</v>
      </c>
      <c r="E7177">
        <v>2018</v>
      </c>
      <c r="F7177">
        <v>2018</v>
      </c>
      <c r="G7177" t="s">
        <v>125</v>
      </c>
      <c r="H7177" t="s">
        <v>124</v>
      </c>
      <c r="I7177" t="s">
        <v>15</v>
      </c>
      <c r="J7177" s="10">
        <v>1.5304633830000001</v>
      </c>
    </row>
    <row r="7178" spans="1:10" x14ac:dyDescent="0.35">
      <c r="A7178" t="s">
        <v>10</v>
      </c>
      <c r="B7178" t="s">
        <v>46</v>
      </c>
      <c r="C7178" t="s">
        <v>117</v>
      </c>
      <c r="D7178" t="s">
        <v>118</v>
      </c>
      <c r="E7178">
        <v>2018</v>
      </c>
      <c r="F7178">
        <v>2018</v>
      </c>
      <c r="G7178" t="s">
        <v>126</v>
      </c>
      <c r="H7178" t="s">
        <v>119</v>
      </c>
      <c r="I7178" t="s">
        <v>15</v>
      </c>
      <c r="J7178" s="10">
        <v>14.71630321</v>
      </c>
    </row>
    <row r="7179" spans="1:10" x14ac:dyDescent="0.35">
      <c r="A7179" t="s">
        <v>10</v>
      </c>
      <c r="B7179" t="s">
        <v>46</v>
      </c>
      <c r="C7179" t="s">
        <v>117</v>
      </c>
      <c r="D7179" t="s">
        <v>118</v>
      </c>
      <c r="E7179">
        <v>2018</v>
      </c>
      <c r="F7179">
        <v>2018</v>
      </c>
      <c r="G7179" t="s">
        <v>126</v>
      </c>
      <c r="H7179" t="s">
        <v>120</v>
      </c>
      <c r="I7179" t="s">
        <v>15</v>
      </c>
      <c r="J7179" s="10">
        <v>18.154598530000001</v>
      </c>
    </row>
    <row r="7180" spans="1:10" x14ac:dyDescent="0.35">
      <c r="A7180" t="s">
        <v>10</v>
      </c>
      <c r="B7180" t="s">
        <v>46</v>
      </c>
      <c r="C7180" t="s">
        <v>117</v>
      </c>
      <c r="D7180" t="s">
        <v>118</v>
      </c>
      <c r="E7180">
        <v>2018</v>
      </c>
      <c r="F7180">
        <v>2018</v>
      </c>
      <c r="G7180" t="s">
        <v>126</v>
      </c>
      <c r="H7180" t="s">
        <v>121</v>
      </c>
      <c r="I7180" t="s">
        <v>15</v>
      </c>
      <c r="J7180" s="10">
        <v>32.207195970000001</v>
      </c>
    </row>
    <row r="7181" spans="1:10" x14ac:dyDescent="0.35">
      <c r="A7181" t="s">
        <v>10</v>
      </c>
      <c r="B7181" t="s">
        <v>46</v>
      </c>
      <c r="C7181" t="s">
        <v>117</v>
      </c>
      <c r="D7181" t="s">
        <v>118</v>
      </c>
      <c r="E7181">
        <v>2018</v>
      </c>
      <c r="F7181">
        <v>2018</v>
      </c>
      <c r="G7181" t="s">
        <v>126</v>
      </c>
      <c r="H7181" t="s">
        <v>122</v>
      </c>
      <c r="I7181" t="s">
        <v>15</v>
      </c>
      <c r="J7181" s="10">
        <v>17.605668949999998</v>
      </c>
    </row>
    <row r="7182" spans="1:10" x14ac:dyDescent="0.35">
      <c r="A7182" t="s">
        <v>10</v>
      </c>
      <c r="B7182" t="s">
        <v>46</v>
      </c>
      <c r="C7182" t="s">
        <v>117</v>
      </c>
      <c r="D7182" t="s">
        <v>118</v>
      </c>
      <c r="E7182">
        <v>2018</v>
      </c>
      <c r="F7182">
        <v>2018</v>
      </c>
      <c r="G7182" t="s">
        <v>126</v>
      </c>
      <c r="H7182" t="s">
        <v>123</v>
      </c>
      <c r="I7182" t="s">
        <v>15</v>
      </c>
      <c r="J7182" s="10">
        <v>14.47926543</v>
      </c>
    </row>
    <row r="7183" spans="1:10" x14ac:dyDescent="0.35">
      <c r="A7183" t="s">
        <v>10</v>
      </c>
      <c r="B7183" t="s">
        <v>46</v>
      </c>
      <c r="C7183" t="s">
        <v>117</v>
      </c>
      <c r="D7183" t="s">
        <v>118</v>
      </c>
      <c r="E7183">
        <v>2018</v>
      </c>
      <c r="F7183">
        <v>2018</v>
      </c>
      <c r="G7183" t="s">
        <v>126</v>
      </c>
      <c r="H7183" t="s">
        <v>124</v>
      </c>
      <c r="I7183" t="s">
        <v>15</v>
      </c>
      <c r="J7183" s="10">
        <v>2.8369679130000001</v>
      </c>
    </row>
    <row r="7184" spans="1:10" x14ac:dyDescent="0.35">
      <c r="A7184" t="s">
        <v>10</v>
      </c>
      <c r="B7184" t="s">
        <v>46</v>
      </c>
      <c r="C7184" t="s">
        <v>117</v>
      </c>
      <c r="D7184" t="s">
        <v>118</v>
      </c>
      <c r="E7184">
        <v>2017</v>
      </c>
      <c r="F7184">
        <v>2017</v>
      </c>
      <c r="G7184" t="s">
        <v>14</v>
      </c>
      <c r="H7184" t="s">
        <v>119</v>
      </c>
      <c r="I7184" t="s">
        <v>15</v>
      </c>
      <c r="J7184" s="10">
        <v>15.595951250000001</v>
      </c>
    </row>
    <row r="7185" spans="1:10" x14ac:dyDescent="0.35">
      <c r="A7185" t="s">
        <v>10</v>
      </c>
      <c r="B7185" t="s">
        <v>46</v>
      </c>
      <c r="C7185" t="s">
        <v>117</v>
      </c>
      <c r="D7185" t="s">
        <v>118</v>
      </c>
      <c r="E7185">
        <v>2017</v>
      </c>
      <c r="F7185">
        <v>2017</v>
      </c>
      <c r="G7185" t="s">
        <v>14</v>
      </c>
      <c r="H7185" t="s">
        <v>120</v>
      </c>
      <c r="I7185" t="s">
        <v>15</v>
      </c>
      <c r="J7185" s="10">
        <v>17.681005989999999</v>
      </c>
    </row>
    <row r="7186" spans="1:10" x14ac:dyDescent="0.35">
      <c r="A7186" t="s">
        <v>10</v>
      </c>
      <c r="B7186" t="s">
        <v>46</v>
      </c>
      <c r="C7186" t="s">
        <v>117</v>
      </c>
      <c r="D7186" t="s">
        <v>118</v>
      </c>
      <c r="E7186">
        <v>2017</v>
      </c>
      <c r="F7186">
        <v>2017</v>
      </c>
      <c r="G7186" t="s">
        <v>14</v>
      </c>
      <c r="H7186" t="s">
        <v>121</v>
      </c>
      <c r="I7186" t="s">
        <v>15</v>
      </c>
      <c r="J7186" s="10">
        <v>33.447376579999997</v>
      </c>
    </row>
    <row r="7187" spans="1:10" x14ac:dyDescent="0.35">
      <c r="A7187" t="s">
        <v>10</v>
      </c>
      <c r="B7187" t="s">
        <v>46</v>
      </c>
      <c r="C7187" t="s">
        <v>117</v>
      </c>
      <c r="D7187" t="s">
        <v>118</v>
      </c>
      <c r="E7187">
        <v>2017</v>
      </c>
      <c r="F7187">
        <v>2017</v>
      </c>
      <c r="G7187" t="s">
        <v>14</v>
      </c>
      <c r="H7187" t="s">
        <v>122</v>
      </c>
      <c r="I7187" t="s">
        <v>15</v>
      </c>
      <c r="J7187" s="10">
        <v>17.34533154</v>
      </c>
    </row>
    <row r="7188" spans="1:10" x14ac:dyDescent="0.35">
      <c r="A7188" t="s">
        <v>10</v>
      </c>
      <c r="B7188" t="s">
        <v>46</v>
      </c>
      <c r="C7188" t="s">
        <v>117</v>
      </c>
      <c r="D7188" t="s">
        <v>118</v>
      </c>
      <c r="E7188">
        <v>2017</v>
      </c>
      <c r="F7188">
        <v>2017</v>
      </c>
      <c r="G7188" t="s">
        <v>14</v>
      </c>
      <c r="H7188" t="s">
        <v>123</v>
      </c>
      <c r="I7188" t="s">
        <v>15</v>
      </c>
      <c r="J7188" s="10">
        <v>13.720047510000001</v>
      </c>
    </row>
    <row r="7189" spans="1:10" x14ac:dyDescent="0.35">
      <c r="A7189" t="s">
        <v>10</v>
      </c>
      <c r="B7189" t="s">
        <v>46</v>
      </c>
      <c r="C7189" t="s">
        <v>117</v>
      </c>
      <c r="D7189" t="s">
        <v>118</v>
      </c>
      <c r="E7189">
        <v>2017</v>
      </c>
      <c r="F7189">
        <v>2017</v>
      </c>
      <c r="G7189" t="s">
        <v>14</v>
      </c>
      <c r="H7189" t="s">
        <v>124</v>
      </c>
      <c r="I7189" t="s">
        <v>15</v>
      </c>
      <c r="J7189" s="10">
        <v>2.2102871309999998</v>
      </c>
    </row>
    <row r="7190" spans="1:10" x14ac:dyDescent="0.35">
      <c r="A7190" t="s">
        <v>10</v>
      </c>
      <c r="B7190" t="s">
        <v>46</v>
      </c>
      <c r="C7190" t="s">
        <v>117</v>
      </c>
      <c r="D7190" t="s">
        <v>118</v>
      </c>
      <c r="E7190">
        <v>2017</v>
      </c>
      <c r="F7190">
        <v>2017</v>
      </c>
      <c r="G7190" t="s">
        <v>125</v>
      </c>
      <c r="H7190" t="s">
        <v>119</v>
      </c>
      <c r="I7190" t="s">
        <v>15</v>
      </c>
      <c r="J7190" s="10">
        <v>16.741695750000002</v>
      </c>
    </row>
    <row r="7191" spans="1:10" x14ac:dyDescent="0.35">
      <c r="A7191" t="s">
        <v>10</v>
      </c>
      <c r="B7191" t="s">
        <v>46</v>
      </c>
      <c r="C7191" t="s">
        <v>117</v>
      </c>
      <c r="D7191" t="s">
        <v>118</v>
      </c>
      <c r="E7191">
        <v>2017</v>
      </c>
      <c r="F7191">
        <v>2017</v>
      </c>
      <c r="G7191" t="s">
        <v>125</v>
      </c>
      <c r="H7191" t="s">
        <v>120</v>
      </c>
      <c r="I7191" t="s">
        <v>15</v>
      </c>
      <c r="J7191" s="10">
        <v>16.992088649999999</v>
      </c>
    </row>
    <row r="7192" spans="1:10" x14ac:dyDescent="0.35">
      <c r="A7192" t="s">
        <v>10</v>
      </c>
      <c r="B7192" t="s">
        <v>46</v>
      </c>
      <c r="C7192" t="s">
        <v>117</v>
      </c>
      <c r="D7192" t="s">
        <v>118</v>
      </c>
      <c r="E7192">
        <v>2017</v>
      </c>
      <c r="F7192">
        <v>2017</v>
      </c>
      <c r="G7192" t="s">
        <v>125</v>
      </c>
      <c r="H7192" t="s">
        <v>121</v>
      </c>
      <c r="I7192" t="s">
        <v>15</v>
      </c>
      <c r="J7192" s="10">
        <v>34.772648570000001</v>
      </c>
    </row>
    <row r="7193" spans="1:10" x14ac:dyDescent="0.35">
      <c r="A7193" t="s">
        <v>10</v>
      </c>
      <c r="B7193" t="s">
        <v>46</v>
      </c>
      <c r="C7193" t="s">
        <v>117</v>
      </c>
      <c r="D7193" t="s">
        <v>118</v>
      </c>
      <c r="E7193">
        <v>2017</v>
      </c>
      <c r="F7193">
        <v>2017</v>
      </c>
      <c r="G7193" t="s">
        <v>125</v>
      </c>
      <c r="H7193" t="s">
        <v>122</v>
      </c>
      <c r="I7193" t="s">
        <v>15</v>
      </c>
      <c r="J7193" s="10">
        <v>17.106630079999999</v>
      </c>
    </row>
    <row r="7194" spans="1:10" x14ac:dyDescent="0.35">
      <c r="A7194" t="s">
        <v>10</v>
      </c>
      <c r="B7194" t="s">
        <v>46</v>
      </c>
      <c r="C7194" t="s">
        <v>117</v>
      </c>
      <c r="D7194" t="s">
        <v>118</v>
      </c>
      <c r="E7194">
        <v>2017</v>
      </c>
      <c r="F7194">
        <v>2017</v>
      </c>
      <c r="G7194" t="s">
        <v>125</v>
      </c>
      <c r="H7194" t="s">
        <v>123</v>
      </c>
      <c r="I7194" t="s">
        <v>15</v>
      </c>
      <c r="J7194" s="10">
        <v>12.881915770000001</v>
      </c>
    </row>
    <row r="7195" spans="1:10" x14ac:dyDescent="0.35">
      <c r="A7195" t="s">
        <v>10</v>
      </c>
      <c r="B7195" t="s">
        <v>46</v>
      </c>
      <c r="C7195" t="s">
        <v>117</v>
      </c>
      <c r="D7195" t="s">
        <v>118</v>
      </c>
      <c r="E7195">
        <v>2017</v>
      </c>
      <c r="F7195">
        <v>2017</v>
      </c>
      <c r="G7195" t="s">
        <v>125</v>
      </c>
      <c r="H7195" t="s">
        <v>124</v>
      </c>
      <c r="I7195" t="s">
        <v>15</v>
      </c>
      <c r="J7195" s="10">
        <v>1.5050211769999999</v>
      </c>
    </row>
    <row r="7196" spans="1:10" x14ac:dyDescent="0.35">
      <c r="A7196" t="s">
        <v>10</v>
      </c>
      <c r="B7196" t="s">
        <v>46</v>
      </c>
      <c r="C7196" t="s">
        <v>117</v>
      </c>
      <c r="D7196" t="s">
        <v>118</v>
      </c>
      <c r="E7196">
        <v>2017</v>
      </c>
      <c r="F7196">
        <v>2017</v>
      </c>
      <c r="G7196" t="s">
        <v>126</v>
      </c>
      <c r="H7196" t="s">
        <v>119</v>
      </c>
      <c r="I7196" t="s">
        <v>15</v>
      </c>
      <c r="J7196" s="10">
        <v>14.5183515</v>
      </c>
    </row>
    <row r="7197" spans="1:10" x14ac:dyDescent="0.35">
      <c r="A7197" t="s">
        <v>10</v>
      </c>
      <c r="B7197" t="s">
        <v>46</v>
      </c>
      <c r="C7197" t="s">
        <v>117</v>
      </c>
      <c r="D7197" t="s">
        <v>118</v>
      </c>
      <c r="E7197">
        <v>2017</v>
      </c>
      <c r="F7197">
        <v>2017</v>
      </c>
      <c r="G7197" t="s">
        <v>126</v>
      </c>
      <c r="H7197" t="s">
        <v>120</v>
      </c>
      <c r="I7197" t="s">
        <v>15</v>
      </c>
      <c r="J7197" s="10">
        <v>18.32894902</v>
      </c>
    </row>
    <row r="7198" spans="1:10" x14ac:dyDescent="0.35">
      <c r="A7198" t="s">
        <v>10</v>
      </c>
      <c r="B7198" t="s">
        <v>46</v>
      </c>
      <c r="C7198" t="s">
        <v>117</v>
      </c>
      <c r="D7198" t="s">
        <v>118</v>
      </c>
      <c r="E7198">
        <v>2017</v>
      </c>
      <c r="F7198">
        <v>2017</v>
      </c>
      <c r="G7198" t="s">
        <v>126</v>
      </c>
      <c r="H7198" t="s">
        <v>121</v>
      </c>
      <c r="I7198" t="s">
        <v>15</v>
      </c>
      <c r="J7198" s="10">
        <v>32.200926969999998</v>
      </c>
    </row>
    <row r="7199" spans="1:10" x14ac:dyDescent="0.35">
      <c r="A7199" t="s">
        <v>10</v>
      </c>
      <c r="B7199" t="s">
        <v>46</v>
      </c>
      <c r="C7199" t="s">
        <v>117</v>
      </c>
      <c r="D7199" t="s">
        <v>118</v>
      </c>
      <c r="E7199">
        <v>2017</v>
      </c>
      <c r="F7199">
        <v>2017</v>
      </c>
      <c r="G7199" t="s">
        <v>126</v>
      </c>
      <c r="H7199" t="s">
        <v>122</v>
      </c>
      <c r="I7199" t="s">
        <v>15</v>
      </c>
      <c r="J7199" s="10">
        <v>17.569835900000001</v>
      </c>
    </row>
    <row r="7200" spans="1:10" x14ac:dyDescent="0.35">
      <c r="A7200" t="s">
        <v>10</v>
      </c>
      <c r="B7200" t="s">
        <v>46</v>
      </c>
      <c r="C7200" t="s">
        <v>117</v>
      </c>
      <c r="D7200" t="s">
        <v>118</v>
      </c>
      <c r="E7200">
        <v>2017</v>
      </c>
      <c r="F7200">
        <v>2017</v>
      </c>
      <c r="G7200" t="s">
        <v>126</v>
      </c>
      <c r="H7200" t="s">
        <v>123</v>
      </c>
      <c r="I7200" t="s">
        <v>15</v>
      </c>
      <c r="J7200" s="10">
        <v>14.5083302</v>
      </c>
    </row>
    <row r="7201" spans="1:10" x14ac:dyDescent="0.35">
      <c r="A7201" t="s">
        <v>10</v>
      </c>
      <c r="B7201" t="s">
        <v>46</v>
      </c>
      <c r="C7201" t="s">
        <v>117</v>
      </c>
      <c r="D7201" t="s">
        <v>118</v>
      </c>
      <c r="E7201">
        <v>2017</v>
      </c>
      <c r="F7201">
        <v>2017</v>
      </c>
      <c r="G7201" t="s">
        <v>126</v>
      </c>
      <c r="H7201" t="s">
        <v>124</v>
      </c>
      <c r="I7201" t="s">
        <v>15</v>
      </c>
      <c r="J7201" s="10">
        <v>2.8736064140000002</v>
      </c>
    </row>
    <row r="7202" spans="1:10" x14ac:dyDescent="0.35">
      <c r="A7202" t="s">
        <v>10</v>
      </c>
      <c r="B7202" t="s">
        <v>46</v>
      </c>
      <c r="C7202" t="s">
        <v>117</v>
      </c>
      <c r="D7202" t="s">
        <v>118</v>
      </c>
      <c r="E7202">
        <v>2016</v>
      </c>
      <c r="F7202">
        <v>2016</v>
      </c>
      <c r="G7202" t="s">
        <v>14</v>
      </c>
      <c r="H7202" t="s">
        <v>119</v>
      </c>
      <c r="I7202" t="s">
        <v>15</v>
      </c>
      <c r="J7202" s="10">
        <v>15.45318498</v>
      </c>
    </row>
    <row r="7203" spans="1:10" x14ac:dyDescent="0.35">
      <c r="A7203" t="s">
        <v>10</v>
      </c>
      <c r="B7203" t="s">
        <v>46</v>
      </c>
      <c r="C7203" t="s">
        <v>117</v>
      </c>
      <c r="D7203" t="s">
        <v>118</v>
      </c>
      <c r="E7203">
        <v>2016</v>
      </c>
      <c r="F7203">
        <v>2016</v>
      </c>
      <c r="G7203" t="s">
        <v>14</v>
      </c>
      <c r="H7203" t="s">
        <v>120</v>
      </c>
      <c r="I7203" t="s">
        <v>15</v>
      </c>
      <c r="J7203" s="10">
        <v>18.127399310000001</v>
      </c>
    </row>
    <row r="7204" spans="1:10" x14ac:dyDescent="0.35">
      <c r="A7204" t="s">
        <v>10</v>
      </c>
      <c r="B7204" t="s">
        <v>46</v>
      </c>
      <c r="C7204" t="s">
        <v>117</v>
      </c>
      <c r="D7204" t="s">
        <v>118</v>
      </c>
      <c r="E7204">
        <v>2016</v>
      </c>
      <c r="F7204">
        <v>2016</v>
      </c>
      <c r="G7204" t="s">
        <v>14</v>
      </c>
      <c r="H7204" t="s">
        <v>121</v>
      </c>
      <c r="I7204" t="s">
        <v>15</v>
      </c>
      <c r="J7204" s="10">
        <v>32.993688589999998</v>
      </c>
    </row>
    <row r="7205" spans="1:10" x14ac:dyDescent="0.35">
      <c r="A7205" t="s">
        <v>10</v>
      </c>
      <c r="B7205" t="s">
        <v>46</v>
      </c>
      <c r="C7205" t="s">
        <v>117</v>
      </c>
      <c r="D7205" t="s">
        <v>118</v>
      </c>
      <c r="E7205">
        <v>2016</v>
      </c>
      <c r="F7205">
        <v>2016</v>
      </c>
      <c r="G7205" t="s">
        <v>14</v>
      </c>
      <c r="H7205" t="s">
        <v>122</v>
      </c>
      <c r="I7205" t="s">
        <v>15</v>
      </c>
      <c r="J7205" s="10">
        <v>17.30496454</v>
      </c>
    </row>
    <row r="7206" spans="1:10" x14ac:dyDescent="0.35">
      <c r="A7206" t="s">
        <v>10</v>
      </c>
      <c r="B7206" t="s">
        <v>46</v>
      </c>
      <c r="C7206" t="s">
        <v>117</v>
      </c>
      <c r="D7206" t="s">
        <v>118</v>
      </c>
      <c r="E7206">
        <v>2016</v>
      </c>
      <c r="F7206">
        <v>2016</v>
      </c>
      <c r="G7206" t="s">
        <v>14</v>
      </c>
      <c r="H7206" t="s">
        <v>123</v>
      </c>
      <c r="I7206" t="s">
        <v>15</v>
      </c>
      <c r="J7206" s="10">
        <v>13.84865639</v>
      </c>
    </row>
    <row r="7207" spans="1:10" x14ac:dyDescent="0.35">
      <c r="A7207" t="s">
        <v>10</v>
      </c>
      <c r="B7207" t="s">
        <v>46</v>
      </c>
      <c r="C7207" t="s">
        <v>117</v>
      </c>
      <c r="D7207" t="s">
        <v>118</v>
      </c>
      <c r="E7207">
        <v>2016</v>
      </c>
      <c r="F7207">
        <v>2016</v>
      </c>
      <c r="G7207" t="s">
        <v>14</v>
      </c>
      <c r="H7207" t="s">
        <v>124</v>
      </c>
      <c r="I7207" t="s">
        <v>15</v>
      </c>
      <c r="J7207" s="10">
        <v>2.272106188</v>
      </c>
    </row>
    <row r="7208" spans="1:10" x14ac:dyDescent="0.35">
      <c r="A7208" t="s">
        <v>10</v>
      </c>
      <c r="B7208" t="s">
        <v>46</v>
      </c>
      <c r="C7208" t="s">
        <v>117</v>
      </c>
      <c r="D7208" t="s">
        <v>118</v>
      </c>
      <c r="E7208">
        <v>2016</v>
      </c>
      <c r="F7208">
        <v>2016</v>
      </c>
      <c r="G7208" t="s">
        <v>125</v>
      </c>
      <c r="H7208" t="s">
        <v>119</v>
      </c>
      <c r="I7208" t="s">
        <v>15</v>
      </c>
      <c r="J7208" s="10">
        <v>16.510308859999999</v>
      </c>
    </row>
    <row r="7209" spans="1:10" x14ac:dyDescent="0.35">
      <c r="A7209" t="s">
        <v>10</v>
      </c>
      <c r="B7209" t="s">
        <v>46</v>
      </c>
      <c r="C7209" t="s">
        <v>117</v>
      </c>
      <c r="D7209" t="s">
        <v>118</v>
      </c>
      <c r="E7209">
        <v>2016</v>
      </c>
      <c r="F7209">
        <v>2016</v>
      </c>
      <c r="G7209" t="s">
        <v>125</v>
      </c>
      <c r="H7209" t="s">
        <v>120</v>
      </c>
      <c r="I7209" t="s">
        <v>15</v>
      </c>
      <c r="J7209" s="10">
        <v>17.58286068</v>
      </c>
    </row>
    <row r="7210" spans="1:10" x14ac:dyDescent="0.35">
      <c r="A7210" t="s">
        <v>10</v>
      </c>
      <c r="B7210" t="s">
        <v>46</v>
      </c>
      <c r="C7210" t="s">
        <v>117</v>
      </c>
      <c r="D7210" t="s">
        <v>118</v>
      </c>
      <c r="E7210">
        <v>2016</v>
      </c>
      <c r="F7210">
        <v>2016</v>
      </c>
      <c r="G7210" t="s">
        <v>125</v>
      </c>
      <c r="H7210" t="s">
        <v>121</v>
      </c>
      <c r="I7210" t="s">
        <v>15</v>
      </c>
      <c r="J7210" s="10">
        <v>34.332410420000002</v>
      </c>
    </row>
    <row r="7211" spans="1:10" x14ac:dyDescent="0.35">
      <c r="A7211" t="s">
        <v>10</v>
      </c>
      <c r="B7211" t="s">
        <v>46</v>
      </c>
      <c r="C7211" t="s">
        <v>117</v>
      </c>
      <c r="D7211" t="s">
        <v>118</v>
      </c>
      <c r="E7211">
        <v>2016</v>
      </c>
      <c r="F7211">
        <v>2016</v>
      </c>
      <c r="G7211" t="s">
        <v>125</v>
      </c>
      <c r="H7211" t="s">
        <v>122</v>
      </c>
      <c r="I7211" t="s">
        <v>15</v>
      </c>
      <c r="J7211" s="10">
        <v>17.064057420000001</v>
      </c>
    </row>
    <row r="7212" spans="1:10" x14ac:dyDescent="0.35">
      <c r="A7212" t="s">
        <v>10</v>
      </c>
      <c r="B7212" t="s">
        <v>46</v>
      </c>
      <c r="C7212" t="s">
        <v>117</v>
      </c>
      <c r="D7212" t="s">
        <v>118</v>
      </c>
      <c r="E7212">
        <v>2016</v>
      </c>
      <c r="F7212">
        <v>2016</v>
      </c>
      <c r="G7212" t="s">
        <v>125</v>
      </c>
      <c r="H7212" t="s">
        <v>123</v>
      </c>
      <c r="I7212" t="s">
        <v>15</v>
      </c>
      <c r="J7212" s="10">
        <v>12.91631945</v>
      </c>
    </row>
    <row r="7213" spans="1:10" x14ac:dyDescent="0.35">
      <c r="A7213" t="s">
        <v>10</v>
      </c>
      <c r="B7213" t="s">
        <v>46</v>
      </c>
      <c r="C7213" t="s">
        <v>117</v>
      </c>
      <c r="D7213" t="s">
        <v>118</v>
      </c>
      <c r="E7213">
        <v>2016</v>
      </c>
      <c r="F7213">
        <v>2016</v>
      </c>
      <c r="G7213" t="s">
        <v>125</v>
      </c>
      <c r="H7213" t="s">
        <v>124</v>
      </c>
      <c r="I7213" t="s">
        <v>15</v>
      </c>
      <c r="J7213" s="10">
        <v>1.594043171</v>
      </c>
    </row>
    <row r="7214" spans="1:10" x14ac:dyDescent="0.35">
      <c r="A7214" t="s">
        <v>10</v>
      </c>
      <c r="B7214" t="s">
        <v>46</v>
      </c>
      <c r="C7214" t="s">
        <v>117</v>
      </c>
      <c r="D7214" t="s">
        <v>118</v>
      </c>
      <c r="E7214">
        <v>2016</v>
      </c>
      <c r="F7214">
        <v>2016</v>
      </c>
      <c r="G7214" t="s">
        <v>126</v>
      </c>
      <c r="H7214" t="s">
        <v>119</v>
      </c>
      <c r="I7214" t="s">
        <v>15</v>
      </c>
      <c r="J7214" s="10">
        <v>14.46120472</v>
      </c>
    </row>
    <row r="7215" spans="1:10" x14ac:dyDescent="0.35">
      <c r="A7215" t="s">
        <v>10</v>
      </c>
      <c r="B7215" t="s">
        <v>46</v>
      </c>
      <c r="C7215" t="s">
        <v>117</v>
      </c>
      <c r="D7215" t="s">
        <v>118</v>
      </c>
      <c r="E7215">
        <v>2016</v>
      </c>
      <c r="F7215">
        <v>2016</v>
      </c>
      <c r="G7215" t="s">
        <v>126</v>
      </c>
      <c r="H7215" t="s">
        <v>120</v>
      </c>
      <c r="I7215" t="s">
        <v>15</v>
      </c>
      <c r="J7215" s="10">
        <v>18.638381599999999</v>
      </c>
    </row>
    <row r="7216" spans="1:10" x14ac:dyDescent="0.35">
      <c r="A7216" t="s">
        <v>10</v>
      </c>
      <c r="B7216" t="s">
        <v>46</v>
      </c>
      <c r="C7216" t="s">
        <v>117</v>
      </c>
      <c r="D7216" t="s">
        <v>118</v>
      </c>
      <c r="E7216">
        <v>2016</v>
      </c>
      <c r="F7216">
        <v>2016</v>
      </c>
      <c r="G7216" t="s">
        <v>126</v>
      </c>
      <c r="H7216" t="s">
        <v>121</v>
      </c>
      <c r="I7216" t="s">
        <v>15</v>
      </c>
      <c r="J7216" s="10">
        <v>31.737463420000001</v>
      </c>
    </row>
    <row r="7217" spans="1:10" x14ac:dyDescent="0.35">
      <c r="A7217" t="s">
        <v>10</v>
      </c>
      <c r="B7217" t="s">
        <v>46</v>
      </c>
      <c r="C7217" t="s">
        <v>117</v>
      </c>
      <c r="D7217" t="s">
        <v>118</v>
      </c>
      <c r="E7217">
        <v>2016</v>
      </c>
      <c r="F7217">
        <v>2016</v>
      </c>
      <c r="G7217" t="s">
        <v>126</v>
      </c>
      <c r="H7217" t="s">
        <v>122</v>
      </c>
      <c r="I7217" t="s">
        <v>15</v>
      </c>
      <c r="J7217" s="10">
        <v>17.531026130000001</v>
      </c>
    </row>
    <row r="7218" spans="1:10" x14ac:dyDescent="0.35">
      <c r="A7218" t="s">
        <v>10</v>
      </c>
      <c r="B7218" t="s">
        <v>46</v>
      </c>
      <c r="C7218" t="s">
        <v>117</v>
      </c>
      <c r="D7218" t="s">
        <v>118</v>
      </c>
      <c r="E7218">
        <v>2016</v>
      </c>
      <c r="F7218">
        <v>2016</v>
      </c>
      <c r="G7218" t="s">
        <v>126</v>
      </c>
      <c r="H7218" t="s">
        <v>123</v>
      </c>
      <c r="I7218" t="s">
        <v>15</v>
      </c>
      <c r="J7218" s="10">
        <v>14.723539499999999</v>
      </c>
    </row>
    <row r="7219" spans="1:10" x14ac:dyDescent="0.35">
      <c r="A7219" t="s">
        <v>10</v>
      </c>
      <c r="B7219" t="s">
        <v>46</v>
      </c>
      <c r="C7219" t="s">
        <v>117</v>
      </c>
      <c r="D7219" t="s">
        <v>118</v>
      </c>
      <c r="E7219">
        <v>2016</v>
      </c>
      <c r="F7219">
        <v>2016</v>
      </c>
      <c r="G7219" t="s">
        <v>126</v>
      </c>
      <c r="H7219" t="s">
        <v>124</v>
      </c>
      <c r="I7219" t="s">
        <v>15</v>
      </c>
      <c r="J7219" s="10">
        <v>2.9083846229999999</v>
      </c>
    </row>
    <row r="7220" spans="1:10" x14ac:dyDescent="0.35">
      <c r="A7220" t="s">
        <v>10</v>
      </c>
      <c r="B7220" t="s">
        <v>46</v>
      </c>
      <c r="C7220" t="s">
        <v>117</v>
      </c>
      <c r="D7220" t="s">
        <v>118</v>
      </c>
      <c r="E7220">
        <v>2015</v>
      </c>
      <c r="F7220">
        <v>2015</v>
      </c>
      <c r="G7220" t="s">
        <v>14</v>
      </c>
      <c r="H7220" t="s">
        <v>119</v>
      </c>
      <c r="I7220" t="s">
        <v>15</v>
      </c>
      <c r="J7220" s="10">
        <v>15.390227060000001</v>
      </c>
    </row>
    <row r="7221" spans="1:10" x14ac:dyDescent="0.35">
      <c r="A7221" t="s">
        <v>10</v>
      </c>
      <c r="B7221" t="s">
        <v>46</v>
      </c>
      <c r="C7221" t="s">
        <v>117</v>
      </c>
      <c r="D7221" t="s">
        <v>118</v>
      </c>
      <c r="E7221">
        <v>2015</v>
      </c>
      <c r="F7221">
        <v>2015</v>
      </c>
      <c r="G7221" t="s">
        <v>14</v>
      </c>
      <c r="H7221" t="s">
        <v>120</v>
      </c>
      <c r="I7221" t="s">
        <v>15</v>
      </c>
      <c r="J7221" s="10">
        <v>18.70041556</v>
      </c>
    </row>
    <row r="7222" spans="1:10" x14ac:dyDescent="0.35">
      <c r="A7222" t="s">
        <v>10</v>
      </c>
      <c r="B7222" t="s">
        <v>46</v>
      </c>
      <c r="C7222" t="s">
        <v>117</v>
      </c>
      <c r="D7222" t="s">
        <v>118</v>
      </c>
      <c r="E7222">
        <v>2015</v>
      </c>
      <c r="F7222">
        <v>2015</v>
      </c>
      <c r="G7222" t="s">
        <v>14</v>
      </c>
      <c r="H7222" t="s">
        <v>121</v>
      </c>
      <c r="I7222" t="s">
        <v>15</v>
      </c>
      <c r="J7222" s="10">
        <v>32.675898539999999</v>
      </c>
    </row>
    <row r="7223" spans="1:10" x14ac:dyDescent="0.35">
      <c r="A7223" t="s">
        <v>10</v>
      </c>
      <c r="B7223" t="s">
        <v>46</v>
      </c>
      <c r="C7223" t="s">
        <v>117</v>
      </c>
      <c r="D7223" t="s">
        <v>118</v>
      </c>
      <c r="E7223">
        <v>2015</v>
      </c>
      <c r="F7223">
        <v>2015</v>
      </c>
      <c r="G7223" t="s">
        <v>14</v>
      </c>
      <c r="H7223" t="s">
        <v>122</v>
      </c>
      <c r="I7223" t="s">
        <v>15</v>
      </c>
      <c r="J7223" s="10">
        <v>17.11762177</v>
      </c>
    </row>
    <row r="7224" spans="1:10" x14ac:dyDescent="0.35">
      <c r="A7224" t="s">
        <v>10</v>
      </c>
      <c r="B7224" t="s">
        <v>46</v>
      </c>
      <c r="C7224" t="s">
        <v>117</v>
      </c>
      <c r="D7224" t="s">
        <v>118</v>
      </c>
      <c r="E7224">
        <v>2015</v>
      </c>
      <c r="F7224">
        <v>2015</v>
      </c>
      <c r="G7224" t="s">
        <v>14</v>
      </c>
      <c r="H7224" t="s">
        <v>123</v>
      </c>
      <c r="I7224" t="s">
        <v>15</v>
      </c>
      <c r="J7224" s="10">
        <v>13.91034743</v>
      </c>
    </row>
    <row r="7225" spans="1:10" x14ac:dyDescent="0.35">
      <c r="A7225" t="s">
        <v>10</v>
      </c>
      <c r="B7225" t="s">
        <v>46</v>
      </c>
      <c r="C7225" t="s">
        <v>117</v>
      </c>
      <c r="D7225" t="s">
        <v>118</v>
      </c>
      <c r="E7225">
        <v>2015</v>
      </c>
      <c r="F7225">
        <v>2015</v>
      </c>
      <c r="G7225" t="s">
        <v>14</v>
      </c>
      <c r="H7225" t="s">
        <v>124</v>
      </c>
      <c r="I7225" t="s">
        <v>15</v>
      </c>
      <c r="J7225" s="10">
        <v>2.2054896240000001</v>
      </c>
    </row>
    <row r="7226" spans="1:10" x14ac:dyDescent="0.35">
      <c r="A7226" t="s">
        <v>10</v>
      </c>
      <c r="B7226" t="s">
        <v>46</v>
      </c>
      <c r="C7226" t="s">
        <v>117</v>
      </c>
      <c r="D7226" t="s">
        <v>118</v>
      </c>
      <c r="E7226">
        <v>2015</v>
      </c>
      <c r="F7226">
        <v>2015</v>
      </c>
      <c r="G7226" t="s">
        <v>125</v>
      </c>
      <c r="H7226" t="s">
        <v>119</v>
      </c>
      <c r="I7226" t="s">
        <v>15</v>
      </c>
      <c r="J7226" s="10">
        <v>16.40138967</v>
      </c>
    </row>
    <row r="7227" spans="1:10" x14ac:dyDescent="0.35">
      <c r="A7227" t="s">
        <v>10</v>
      </c>
      <c r="B7227" t="s">
        <v>46</v>
      </c>
      <c r="C7227" t="s">
        <v>117</v>
      </c>
      <c r="D7227" t="s">
        <v>118</v>
      </c>
      <c r="E7227">
        <v>2015</v>
      </c>
      <c r="F7227">
        <v>2015</v>
      </c>
      <c r="G7227" t="s">
        <v>125</v>
      </c>
      <c r="H7227" t="s">
        <v>120</v>
      </c>
      <c r="I7227" t="s">
        <v>15</v>
      </c>
      <c r="J7227" s="10">
        <v>18.23005036</v>
      </c>
    </row>
    <row r="7228" spans="1:10" x14ac:dyDescent="0.35">
      <c r="A7228" t="s">
        <v>10</v>
      </c>
      <c r="B7228" t="s">
        <v>46</v>
      </c>
      <c r="C7228" t="s">
        <v>117</v>
      </c>
      <c r="D7228" t="s">
        <v>118</v>
      </c>
      <c r="E7228">
        <v>2015</v>
      </c>
      <c r="F7228">
        <v>2015</v>
      </c>
      <c r="G7228" t="s">
        <v>125</v>
      </c>
      <c r="H7228" t="s">
        <v>121</v>
      </c>
      <c r="I7228" t="s">
        <v>15</v>
      </c>
      <c r="J7228" s="10">
        <v>34.047022699999999</v>
      </c>
    </row>
    <row r="7229" spans="1:10" x14ac:dyDescent="0.35">
      <c r="A7229" t="s">
        <v>10</v>
      </c>
      <c r="B7229" t="s">
        <v>46</v>
      </c>
      <c r="C7229" t="s">
        <v>117</v>
      </c>
      <c r="D7229" t="s">
        <v>118</v>
      </c>
      <c r="E7229">
        <v>2015</v>
      </c>
      <c r="F7229">
        <v>2015</v>
      </c>
      <c r="G7229" t="s">
        <v>125</v>
      </c>
      <c r="H7229" t="s">
        <v>122</v>
      </c>
      <c r="I7229" t="s">
        <v>15</v>
      </c>
      <c r="J7229" s="10">
        <v>16.86192131</v>
      </c>
    </row>
    <row r="7230" spans="1:10" x14ac:dyDescent="0.35">
      <c r="A7230" t="s">
        <v>10</v>
      </c>
      <c r="B7230" t="s">
        <v>46</v>
      </c>
      <c r="C7230" t="s">
        <v>117</v>
      </c>
      <c r="D7230" t="s">
        <v>118</v>
      </c>
      <c r="E7230">
        <v>2015</v>
      </c>
      <c r="F7230">
        <v>2015</v>
      </c>
      <c r="G7230" t="s">
        <v>125</v>
      </c>
      <c r="H7230" t="s">
        <v>123</v>
      </c>
      <c r="I7230" t="s">
        <v>15</v>
      </c>
      <c r="J7230" s="10">
        <v>12.96490803</v>
      </c>
    </row>
    <row r="7231" spans="1:10" x14ac:dyDescent="0.35">
      <c r="A7231" t="s">
        <v>10</v>
      </c>
      <c r="B7231" t="s">
        <v>46</v>
      </c>
      <c r="C7231" t="s">
        <v>117</v>
      </c>
      <c r="D7231" t="s">
        <v>118</v>
      </c>
      <c r="E7231">
        <v>2015</v>
      </c>
      <c r="F7231">
        <v>2015</v>
      </c>
      <c r="G7231" t="s">
        <v>125</v>
      </c>
      <c r="H7231" t="s">
        <v>124</v>
      </c>
      <c r="I7231" t="s">
        <v>15</v>
      </c>
      <c r="J7231" s="10">
        <v>1.494707926</v>
      </c>
    </row>
    <row r="7232" spans="1:10" x14ac:dyDescent="0.35">
      <c r="A7232" t="s">
        <v>10</v>
      </c>
      <c r="B7232" t="s">
        <v>46</v>
      </c>
      <c r="C7232" t="s">
        <v>117</v>
      </c>
      <c r="D7232" t="s">
        <v>118</v>
      </c>
      <c r="E7232">
        <v>2015</v>
      </c>
      <c r="F7232">
        <v>2015</v>
      </c>
      <c r="G7232" t="s">
        <v>126</v>
      </c>
      <c r="H7232" t="s">
        <v>119</v>
      </c>
      <c r="I7232" t="s">
        <v>15</v>
      </c>
      <c r="J7232" s="10">
        <v>14.442874440000001</v>
      </c>
    </row>
    <row r="7233" spans="1:10" x14ac:dyDescent="0.35">
      <c r="A7233" t="s">
        <v>10</v>
      </c>
      <c r="B7233" t="s">
        <v>46</v>
      </c>
      <c r="C7233" t="s">
        <v>117</v>
      </c>
      <c r="D7233" t="s">
        <v>118</v>
      </c>
      <c r="E7233">
        <v>2015</v>
      </c>
      <c r="F7233">
        <v>2015</v>
      </c>
      <c r="G7233" t="s">
        <v>126</v>
      </c>
      <c r="H7233" t="s">
        <v>120</v>
      </c>
      <c r="I7233" t="s">
        <v>15</v>
      </c>
      <c r="J7233" s="10">
        <v>19.141098100000001</v>
      </c>
    </row>
    <row r="7234" spans="1:10" x14ac:dyDescent="0.35">
      <c r="A7234" t="s">
        <v>10</v>
      </c>
      <c r="B7234" t="s">
        <v>46</v>
      </c>
      <c r="C7234" t="s">
        <v>117</v>
      </c>
      <c r="D7234" t="s">
        <v>118</v>
      </c>
      <c r="E7234">
        <v>2015</v>
      </c>
      <c r="F7234">
        <v>2015</v>
      </c>
      <c r="G7234" t="s">
        <v>126</v>
      </c>
      <c r="H7234" t="s">
        <v>121</v>
      </c>
      <c r="I7234" t="s">
        <v>15</v>
      </c>
      <c r="J7234" s="10">
        <v>31.391299960000001</v>
      </c>
    </row>
    <row r="7235" spans="1:10" x14ac:dyDescent="0.35">
      <c r="A7235" t="s">
        <v>10</v>
      </c>
      <c r="B7235" t="s">
        <v>46</v>
      </c>
      <c r="C7235" t="s">
        <v>117</v>
      </c>
      <c r="D7235" t="s">
        <v>118</v>
      </c>
      <c r="E7235">
        <v>2015</v>
      </c>
      <c r="F7235">
        <v>2015</v>
      </c>
      <c r="G7235" t="s">
        <v>126</v>
      </c>
      <c r="H7235" t="s">
        <v>122</v>
      </c>
      <c r="I7235" t="s">
        <v>15</v>
      </c>
      <c r="J7235" s="10">
        <v>17.357186110000001</v>
      </c>
    </row>
    <row r="7236" spans="1:10" x14ac:dyDescent="0.35">
      <c r="A7236" t="s">
        <v>10</v>
      </c>
      <c r="B7236" t="s">
        <v>46</v>
      </c>
      <c r="C7236" t="s">
        <v>117</v>
      </c>
      <c r="D7236" t="s">
        <v>118</v>
      </c>
      <c r="E7236">
        <v>2015</v>
      </c>
      <c r="F7236">
        <v>2015</v>
      </c>
      <c r="G7236" t="s">
        <v>126</v>
      </c>
      <c r="H7236" t="s">
        <v>123</v>
      </c>
      <c r="I7236" t="s">
        <v>15</v>
      </c>
      <c r="J7236" s="10">
        <v>14.79612434</v>
      </c>
    </row>
    <row r="7237" spans="1:10" x14ac:dyDescent="0.35">
      <c r="A7237" t="s">
        <v>10</v>
      </c>
      <c r="B7237" t="s">
        <v>46</v>
      </c>
      <c r="C7237" t="s">
        <v>117</v>
      </c>
      <c r="D7237" t="s">
        <v>118</v>
      </c>
      <c r="E7237">
        <v>2015</v>
      </c>
      <c r="F7237">
        <v>2015</v>
      </c>
      <c r="G7237" t="s">
        <v>126</v>
      </c>
      <c r="H7237" t="s">
        <v>124</v>
      </c>
      <c r="I7237" t="s">
        <v>15</v>
      </c>
      <c r="J7237" s="10">
        <v>2.8714170370000001</v>
      </c>
    </row>
    <row r="7238" spans="1:10" x14ac:dyDescent="0.35">
      <c r="A7238" t="s">
        <v>10</v>
      </c>
      <c r="B7238" t="s">
        <v>46</v>
      </c>
      <c r="C7238" t="s">
        <v>117</v>
      </c>
      <c r="D7238" t="s">
        <v>118</v>
      </c>
      <c r="E7238">
        <v>2014</v>
      </c>
      <c r="F7238">
        <v>2014</v>
      </c>
      <c r="G7238" t="s">
        <v>14</v>
      </c>
      <c r="H7238" t="s">
        <v>119</v>
      </c>
      <c r="I7238" t="s">
        <v>15</v>
      </c>
      <c r="J7238" s="10">
        <v>15.23793364</v>
      </c>
    </row>
    <row r="7239" spans="1:10" x14ac:dyDescent="0.35">
      <c r="A7239" t="s">
        <v>10</v>
      </c>
      <c r="B7239" t="s">
        <v>46</v>
      </c>
      <c r="C7239" t="s">
        <v>117</v>
      </c>
      <c r="D7239" t="s">
        <v>118</v>
      </c>
      <c r="E7239">
        <v>2014</v>
      </c>
      <c r="F7239">
        <v>2014</v>
      </c>
      <c r="G7239" t="s">
        <v>14</v>
      </c>
      <c r="H7239" t="s">
        <v>120</v>
      </c>
      <c r="I7239" t="s">
        <v>15</v>
      </c>
      <c r="J7239" s="10">
        <v>19.31922003</v>
      </c>
    </row>
    <row r="7240" spans="1:10" x14ac:dyDescent="0.35">
      <c r="A7240" t="s">
        <v>10</v>
      </c>
      <c r="B7240" t="s">
        <v>46</v>
      </c>
      <c r="C7240" t="s">
        <v>117</v>
      </c>
      <c r="D7240" t="s">
        <v>118</v>
      </c>
      <c r="E7240">
        <v>2014</v>
      </c>
      <c r="F7240">
        <v>2014</v>
      </c>
      <c r="G7240" t="s">
        <v>14</v>
      </c>
      <c r="H7240" t="s">
        <v>121</v>
      </c>
      <c r="I7240" t="s">
        <v>15</v>
      </c>
      <c r="J7240" s="10">
        <v>32.434936960000002</v>
      </c>
    </row>
    <row r="7241" spans="1:10" x14ac:dyDescent="0.35">
      <c r="A7241" t="s">
        <v>10</v>
      </c>
      <c r="B7241" t="s">
        <v>46</v>
      </c>
      <c r="C7241" t="s">
        <v>117</v>
      </c>
      <c r="D7241" t="s">
        <v>118</v>
      </c>
      <c r="E7241">
        <v>2014</v>
      </c>
      <c r="F7241">
        <v>2014</v>
      </c>
      <c r="G7241" t="s">
        <v>14</v>
      </c>
      <c r="H7241" t="s">
        <v>122</v>
      </c>
      <c r="I7241" t="s">
        <v>15</v>
      </c>
      <c r="J7241" s="10">
        <v>16.875929939999999</v>
      </c>
    </row>
    <row r="7242" spans="1:10" x14ac:dyDescent="0.35">
      <c r="A7242" t="s">
        <v>10</v>
      </c>
      <c r="B7242" t="s">
        <v>46</v>
      </c>
      <c r="C7242" t="s">
        <v>117</v>
      </c>
      <c r="D7242" t="s">
        <v>118</v>
      </c>
      <c r="E7242">
        <v>2014</v>
      </c>
      <c r="F7242">
        <v>2014</v>
      </c>
      <c r="G7242" t="s">
        <v>14</v>
      </c>
      <c r="H7242" t="s">
        <v>123</v>
      </c>
      <c r="I7242" t="s">
        <v>15</v>
      </c>
      <c r="J7242" s="10">
        <v>13.947114259999999</v>
      </c>
    </row>
    <row r="7243" spans="1:10" x14ac:dyDescent="0.35">
      <c r="A7243" t="s">
        <v>10</v>
      </c>
      <c r="B7243" t="s">
        <v>46</v>
      </c>
      <c r="C7243" t="s">
        <v>117</v>
      </c>
      <c r="D7243" t="s">
        <v>118</v>
      </c>
      <c r="E7243">
        <v>2014</v>
      </c>
      <c r="F7243">
        <v>2014</v>
      </c>
      <c r="G7243" t="s">
        <v>14</v>
      </c>
      <c r="H7243" t="s">
        <v>124</v>
      </c>
      <c r="I7243" t="s">
        <v>15</v>
      </c>
      <c r="J7243" s="10">
        <v>2.1848651750000001</v>
      </c>
    </row>
    <row r="7244" spans="1:10" x14ac:dyDescent="0.35">
      <c r="A7244" t="s">
        <v>10</v>
      </c>
      <c r="B7244" t="s">
        <v>46</v>
      </c>
      <c r="C7244" t="s">
        <v>117</v>
      </c>
      <c r="D7244" t="s">
        <v>118</v>
      </c>
      <c r="E7244">
        <v>2014</v>
      </c>
      <c r="F7244">
        <v>2014</v>
      </c>
      <c r="G7244" t="s">
        <v>125</v>
      </c>
      <c r="H7244" t="s">
        <v>119</v>
      </c>
      <c r="I7244" t="s">
        <v>15</v>
      </c>
      <c r="J7244" s="10">
        <v>16.218846299999999</v>
      </c>
    </row>
    <row r="7245" spans="1:10" x14ac:dyDescent="0.35">
      <c r="A7245" t="s">
        <v>10</v>
      </c>
      <c r="B7245" t="s">
        <v>46</v>
      </c>
      <c r="C7245" t="s">
        <v>117</v>
      </c>
      <c r="D7245" t="s">
        <v>118</v>
      </c>
      <c r="E7245">
        <v>2014</v>
      </c>
      <c r="F7245">
        <v>2014</v>
      </c>
      <c r="G7245" t="s">
        <v>125</v>
      </c>
      <c r="H7245" t="s">
        <v>120</v>
      </c>
      <c r="I7245" t="s">
        <v>15</v>
      </c>
      <c r="J7245" s="10">
        <v>18.843596260000002</v>
      </c>
    </row>
    <row r="7246" spans="1:10" x14ac:dyDescent="0.35">
      <c r="A7246" t="s">
        <v>10</v>
      </c>
      <c r="B7246" t="s">
        <v>46</v>
      </c>
      <c r="C7246" t="s">
        <v>117</v>
      </c>
      <c r="D7246" t="s">
        <v>118</v>
      </c>
      <c r="E7246">
        <v>2014</v>
      </c>
      <c r="F7246">
        <v>2014</v>
      </c>
      <c r="G7246" t="s">
        <v>125</v>
      </c>
      <c r="H7246" t="s">
        <v>121</v>
      </c>
      <c r="I7246" t="s">
        <v>15</v>
      </c>
      <c r="J7246" s="10">
        <v>33.773044280000001</v>
      </c>
    </row>
    <row r="7247" spans="1:10" x14ac:dyDescent="0.35">
      <c r="A7247" t="s">
        <v>10</v>
      </c>
      <c r="B7247" t="s">
        <v>46</v>
      </c>
      <c r="C7247" t="s">
        <v>117</v>
      </c>
      <c r="D7247" t="s">
        <v>118</v>
      </c>
      <c r="E7247">
        <v>2014</v>
      </c>
      <c r="F7247">
        <v>2014</v>
      </c>
      <c r="G7247" t="s">
        <v>125</v>
      </c>
      <c r="H7247" t="s">
        <v>122</v>
      </c>
      <c r="I7247" t="s">
        <v>15</v>
      </c>
      <c r="J7247" s="10">
        <v>16.68919284</v>
      </c>
    </row>
    <row r="7248" spans="1:10" x14ac:dyDescent="0.35">
      <c r="A7248" t="s">
        <v>10</v>
      </c>
      <c r="B7248" t="s">
        <v>46</v>
      </c>
      <c r="C7248" t="s">
        <v>117</v>
      </c>
      <c r="D7248" t="s">
        <v>118</v>
      </c>
      <c r="E7248">
        <v>2014</v>
      </c>
      <c r="F7248">
        <v>2014</v>
      </c>
      <c r="G7248" t="s">
        <v>125</v>
      </c>
      <c r="H7248" t="s">
        <v>123</v>
      </c>
      <c r="I7248" t="s">
        <v>15</v>
      </c>
      <c r="J7248" s="10">
        <v>12.980483319999999</v>
      </c>
    </row>
    <row r="7249" spans="1:10" x14ac:dyDescent="0.35">
      <c r="A7249" t="s">
        <v>10</v>
      </c>
      <c r="B7249" t="s">
        <v>46</v>
      </c>
      <c r="C7249" t="s">
        <v>117</v>
      </c>
      <c r="D7249" t="s">
        <v>118</v>
      </c>
      <c r="E7249">
        <v>2014</v>
      </c>
      <c r="F7249">
        <v>2014</v>
      </c>
      <c r="G7249" t="s">
        <v>125</v>
      </c>
      <c r="H7249" t="s">
        <v>124</v>
      </c>
      <c r="I7249" t="s">
        <v>15</v>
      </c>
      <c r="J7249" s="10">
        <v>1.4948370010000001</v>
      </c>
    </row>
    <row r="7250" spans="1:10" x14ac:dyDescent="0.35">
      <c r="A7250" t="s">
        <v>10</v>
      </c>
      <c r="B7250" t="s">
        <v>46</v>
      </c>
      <c r="C7250" t="s">
        <v>117</v>
      </c>
      <c r="D7250" t="s">
        <v>118</v>
      </c>
      <c r="E7250">
        <v>2014</v>
      </c>
      <c r="F7250">
        <v>2014</v>
      </c>
      <c r="G7250" t="s">
        <v>126</v>
      </c>
      <c r="H7250" t="s">
        <v>119</v>
      </c>
      <c r="I7250" t="s">
        <v>15</v>
      </c>
      <c r="J7250" s="10">
        <v>14.322127999999999</v>
      </c>
    </row>
    <row r="7251" spans="1:10" x14ac:dyDescent="0.35">
      <c r="A7251" t="s">
        <v>10</v>
      </c>
      <c r="B7251" t="s">
        <v>46</v>
      </c>
      <c r="C7251" t="s">
        <v>117</v>
      </c>
      <c r="D7251" t="s">
        <v>118</v>
      </c>
      <c r="E7251">
        <v>2014</v>
      </c>
      <c r="F7251">
        <v>2014</v>
      </c>
      <c r="G7251" t="s">
        <v>126</v>
      </c>
      <c r="H7251" t="s">
        <v>120</v>
      </c>
      <c r="I7251" t="s">
        <v>15</v>
      </c>
      <c r="J7251" s="10">
        <v>19.76327478</v>
      </c>
    </row>
    <row r="7252" spans="1:10" x14ac:dyDescent="0.35">
      <c r="A7252" t="s">
        <v>10</v>
      </c>
      <c r="B7252" t="s">
        <v>46</v>
      </c>
      <c r="C7252" t="s">
        <v>117</v>
      </c>
      <c r="D7252" t="s">
        <v>118</v>
      </c>
      <c r="E7252">
        <v>2014</v>
      </c>
      <c r="F7252">
        <v>2014</v>
      </c>
      <c r="G7252" t="s">
        <v>126</v>
      </c>
      <c r="H7252" t="s">
        <v>121</v>
      </c>
      <c r="I7252" t="s">
        <v>15</v>
      </c>
      <c r="J7252" s="10">
        <v>31.185645059999999</v>
      </c>
    </row>
    <row r="7253" spans="1:10" x14ac:dyDescent="0.35">
      <c r="A7253" t="s">
        <v>10</v>
      </c>
      <c r="B7253" t="s">
        <v>46</v>
      </c>
      <c r="C7253" t="s">
        <v>117</v>
      </c>
      <c r="D7253" t="s">
        <v>118</v>
      </c>
      <c r="E7253">
        <v>2014</v>
      </c>
      <c r="F7253">
        <v>2014</v>
      </c>
      <c r="G7253" t="s">
        <v>126</v>
      </c>
      <c r="H7253" t="s">
        <v>122</v>
      </c>
      <c r="I7253" t="s">
        <v>15</v>
      </c>
      <c r="J7253" s="10">
        <v>17.05027256</v>
      </c>
    </row>
    <row r="7254" spans="1:10" x14ac:dyDescent="0.35">
      <c r="A7254" t="s">
        <v>10</v>
      </c>
      <c r="B7254" t="s">
        <v>46</v>
      </c>
      <c r="C7254" t="s">
        <v>117</v>
      </c>
      <c r="D7254" t="s">
        <v>118</v>
      </c>
      <c r="E7254">
        <v>2014</v>
      </c>
      <c r="F7254">
        <v>2014</v>
      </c>
      <c r="G7254" t="s">
        <v>126</v>
      </c>
      <c r="H7254" t="s">
        <v>123</v>
      </c>
      <c r="I7254" t="s">
        <v>15</v>
      </c>
      <c r="J7254" s="10">
        <v>14.849586110000001</v>
      </c>
    </row>
    <row r="7255" spans="1:10" x14ac:dyDescent="0.35">
      <c r="A7255" t="s">
        <v>10</v>
      </c>
      <c r="B7255" t="s">
        <v>46</v>
      </c>
      <c r="C7255" t="s">
        <v>117</v>
      </c>
      <c r="D7255" t="s">
        <v>118</v>
      </c>
      <c r="E7255">
        <v>2014</v>
      </c>
      <c r="F7255">
        <v>2014</v>
      </c>
      <c r="G7255" t="s">
        <v>126</v>
      </c>
      <c r="H7255" t="s">
        <v>124</v>
      </c>
      <c r="I7255" t="s">
        <v>15</v>
      </c>
      <c r="J7255" s="10">
        <v>2.829093479</v>
      </c>
    </row>
    <row r="7256" spans="1:10" x14ac:dyDescent="0.35">
      <c r="A7256" t="s">
        <v>10</v>
      </c>
      <c r="B7256" t="s">
        <v>46</v>
      </c>
      <c r="C7256" t="s">
        <v>117</v>
      </c>
      <c r="D7256" t="s">
        <v>118</v>
      </c>
      <c r="E7256">
        <v>2013</v>
      </c>
      <c r="F7256">
        <v>2013</v>
      </c>
      <c r="G7256" t="s">
        <v>14</v>
      </c>
      <c r="H7256" t="s">
        <v>119</v>
      </c>
      <c r="I7256" t="s">
        <v>15</v>
      </c>
      <c r="J7256" s="10">
        <v>15.12090484</v>
      </c>
    </row>
    <row r="7257" spans="1:10" x14ac:dyDescent="0.35">
      <c r="A7257" t="s">
        <v>10</v>
      </c>
      <c r="B7257" t="s">
        <v>46</v>
      </c>
      <c r="C7257" t="s">
        <v>117</v>
      </c>
      <c r="D7257" t="s">
        <v>118</v>
      </c>
      <c r="E7257">
        <v>2013</v>
      </c>
      <c r="F7257">
        <v>2013</v>
      </c>
      <c r="G7257" t="s">
        <v>14</v>
      </c>
      <c r="H7257" t="s">
        <v>120</v>
      </c>
      <c r="I7257" t="s">
        <v>15</v>
      </c>
      <c r="J7257" s="10">
        <v>20.05070203</v>
      </c>
    </row>
    <row r="7258" spans="1:10" x14ac:dyDescent="0.35">
      <c r="A7258" t="s">
        <v>10</v>
      </c>
      <c r="B7258" t="s">
        <v>46</v>
      </c>
      <c r="C7258" t="s">
        <v>117</v>
      </c>
      <c r="D7258" t="s">
        <v>118</v>
      </c>
      <c r="E7258">
        <v>2013</v>
      </c>
      <c r="F7258">
        <v>2013</v>
      </c>
      <c r="G7258" t="s">
        <v>14</v>
      </c>
      <c r="H7258" t="s">
        <v>121</v>
      </c>
      <c r="I7258" t="s">
        <v>15</v>
      </c>
      <c r="J7258" s="10">
        <v>32.177587099999997</v>
      </c>
    </row>
    <row r="7259" spans="1:10" x14ac:dyDescent="0.35">
      <c r="A7259" t="s">
        <v>10</v>
      </c>
      <c r="B7259" t="s">
        <v>46</v>
      </c>
      <c r="C7259" t="s">
        <v>117</v>
      </c>
      <c r="D7259" t="s">
        <v>118</v>
      </c>
      <c r="E7259">
        <v>2013</v>
      </c>
      <c r="F7259">
        <v>2013</v>
      </c>
      <c r="G7259" t="s">
        <v>14</v>
      </c>
      <c r="H7259" t="s">
        <v>122</v>
      </c>
      <c r="I7259" t="s">
        <v>15</v>
      </c>
      <c r="J7259" s="10">
        <v>16.761570460000002</v>
      </c>
    </row>
    <row r="7260" spans="1:10" x14ac:dyDescent="0.35">
      <c r="A7260" t="s">
        <v>10</v>
      </c>
      <c r="B7260" t="s">
        <v>46</v>
      </c>
      <c r="C7260" t="s">
        <v>117</v>
      </c>
      <c r="D7260" t="s">
        <v>118</v>
      </c>
      <c r="E7260">
        <v>2013</v>
      </c>
      <c r="F7260">
        <v>2013</v>
      </c>
      <c r="G7260" t="s">
        <v>14</v>
      </c>
      <c r="H7260" t="s">
        <v>123</v>
      </c>
      <c r="I7260" t="s">
        <v>15</v>
      </c>
      <c r="J7260" s="10">
        <v>13.82215289</v>
      </c>
    </row>
    <row r="7261" spans="1:10" x14ac:dyDescent="0.35">
      <c r="A7261" t="s">
        <v>10</v>
      </c>
      <c r="B7261" t="s">
        <v>46</v>
      </c>
      <c r="C7261" t="s">
        <v>117</v>
      </c>
      <c r="D7261" t="s">
        <v>118</v>
      </c>
      <c r="E7261">
        <v>2013</v>
      </c>
      <c r="F7261">
        <v>2013</v>
      </c>
      <c r="G7261" t="s">
        <v>14</v>
      </c>
      <c r="H7261" t="s">
        <v>124</v>
      </c>
      <c r="I7261" t="s">
        <v>15</v>
      </c>
      <c r="J7261" s="10">
        <v>2.0670826830000002</v>
      </c>
    </row>
    <row r="7262" spans="1:10" x14ac:dyDescent="0.35">
      <c r="A7262" t="s">
        <v>10</v>
      </c>
      <c r="B7262" t="s">
        <v>46</v>
      </c>
      <c r="C7262" t="s">
        <v>117</v>
      </c>
      <c r="D7262" t="s">
        <v>118</v>
      </c>
      <c r="E7262">
        <v>2013</v>
      </c>
      <c r="F7262">
        <v>2013</v>
      </c>
      <c r="G7262" t="s">
        <v>125</v>
      </c>
      <c r="H7262" t="s">
        <v>119</v>
      </c>
      <c r="I7262" t="s">
        <v>15</v>
      </c>
      <c r="J7262" s="10">
        <v>16.028418420000001</v>
      </c>
    </row>
    <row r="7263" spans="1:10" x14ac:dyDescent="0.35">
      <c r="A7263" t="s">
        <v>10</v>
      </c>
      <c r="B7263" t="s">
        <v>46</v>
      </c>
      <c r="C7263" t="s">
        <v>117</v>
      </c>
      <c r="D7263" t="s">
        <v>118</v>
      </c>
      <c r="E7263">
        <v>2013</v>
      </c>
      <c r="F7263">
        <v>2013</v>
      </c>
      <c r="G7263" t="s">
        <v>125</v>
      </c>
      <c r="H7263" t="s">
        <v>120</v>
      </c>
      <c r="I7263" t="s">
        <v>15</v>
      </c>
      <c r="J7263" s="10">
        <v>19.717968729999999</v>
      </c>
    </row>
    <row r="7264" spans="1:10" x14ac:dyDescent="0.35">
      <c r="A7264" t="s">
        <v>10</v>
      </c>
      <c r="B7264" t="s">
        <v>46</v>
      </c>
      <c r="C7264" t="s">
        <v>117</v>
      </c>
      <c r="D7264" t="s">
        <v>118</v>
      </c>
      <c r="E7264">
        <v>2013</v>
      </c>
      <c r="F7264">
        <v>2013</v>
      </c>
      <c r="G7264" t="s">
        <v>125</v>
      </c>
      <c r="H7264" t="s">
        <v>121</v>
      </c>
      <c r="I7264" t="s">
        <v>15</v>
      </c>
      <c r="J7264" s="10">
        <v>33.359347669999998</v>
      </c>
    </row>
    <row r="7265" spans="1:10" x14ac:dyDescent="0.35">
      <c r="A7265" t="s">
        <v>10</v>
      </c>
      <c r="B7265" t="s">
        <v>46</v>
      </c>
      <c r="C7265" t="s">
        <v>117</v>
      </c>
      <c r="D7265" t="s">
        <v>118</v>
      </c>
      <c r="E7265">
        <v>2013</v>
      </c>
      <c r="F7265">
        <v>2013</v>
      </c>
      <c r="G7265" t="s">
        <v>125</v>
      </c>
      <c r="H7265" t="s">
        <v>122</v>
      </c>
      <c r="I7265" t="s">
        <v>15</v>
      </c>
      <c r="J7265" s="10">
        <v>16.703894080000001</v>
      </c>
    </row>
    <row r="7266" spans="1:10" x14ac:dyDescent="0.35">
      <c r="A7266" t="s">
        <v>10</v>
      </c>
      <c r="B7266" t="s">
        <v>46</v>
      </c>
      <c r="C7266" t="s">
        <v>117</v>
      </c>
      <c r="D7266" t="s">
        <v>118</v>
      </c>
      <c r="E7266">
        <v>2013</v>
      </c>
      <c r="F7266">
        <v>2013</v>
      </c>
      <c r="G7266" t="s">
        <v>125</v>
      </c>
      <c r="H7266" t="s">
        <v>123</v>
      </c>
      <c r="I7266" t="s">
        <v>15</v>
      </c>
      <c r="J7266" s="10">
        <v>12.777523609999999</v>
      </c>
    </row>
    <row r="7267" spans="1:10" x14ac:dyDescent="0.35">
      <c r="A7267" t="s">
        <v>10</v>
      </c>
      <c r="B7267" t="s">
        <v>46</v>
      </c>
      <c r="C7267" t="s">
        <v>117</v>
      </c>
      <c r="D7267" t="s">
        <v>118</v>
      </c>
      <c r="E7267">
        <v>2013</v>
      </c>
      <c r="F7267">
        <v>2013</v>
      </c>
      <c r="G7267" t="s">
        <v>125</v>
      </c>
      <c r="H7267" t="s">
        <v>124</v>
      </c>
      <c r="I7267" t="s">
        <v>15</v>
      </c>
      <c r="J7267" s="10">
        <v>1.4128474929999999</v>
      </c>
    </row>
    <row r="7268" spans="1:10" x14ac:dyDescent="0.35">
      <c r="A7268" t="s">
        <v>10</v>
      </c>
      <c r="B7268" t="s">
        <v>46</v>
      </c>
      <c r="C7268" t="s">
        <v>117</v>
      </c>
      <c r="D7268" t="s">
        <v>118</v>
      </c>
      <c r="E7268">
        <v>2013</v>
      </c>
      <c r="F7268">
        <v>2013</v>
      </c>
      <c r="G7268" t="s">
        <v>126</v>
      </c>
      <c r="H7268" t="s">
        <v>119</v>
      </c>
      <c r="I7268" t="s">
        <v>15</v>
      </c>
      <c r="J7268" s="10">
        <v>14.27277986</v>
      </c>
    </row>
    <row r="7269" spans="1:10" x14ac:dyDescent="0.35">
      <c r="A7269" t="s">
        <v>10</v>
      </c>
      <c r="B7269" t="s">
        <v>46</v>
      </c>
      <c r="C7269" t="s">
        <v>117</v>
      </c>
      <c r="D7269" t="s">
        <v>118</v>
      </c>
      <c r="E7269">
        <v>2013</v>
      </c>
      <c r="F7269">
        <v>2013</v>
      </c>
      <c r="G7269" t="s">
        <v>126</v>
      </c>
      <c r="H7269" t="s">
        <v>120</v>
      </c>
      <c r="I7269" t="s">
        <v>15</v>
      </c>
      <c r="J7269" s="10">
        <v>20.361660919999998</v>
      </c>
    </row>
    <row r="7270" spans="1:10" x14ac:dyDescent="0.35">
      <c r="A7270" t="s">
        <v>10</v>
      </c>
      <c r="B7270" t="s">
        <v>46</v>
      </c>
      <c r="C7270" t="s">
        <v>117</v>
      </c>
      <c r="D7270" t="s">
        <v>118</v>
      </c>
      <c r="E7270">
        <v>2013</v>
      </c>
      <c r="F7270">
        <v>2013</v>
      </c>
      <c r="G7270" t="s">
        <v>126</v>
      </c>
      <c r="H7270" t="s">
        <v>121</v>
      </c>
      <c r="I7270" t="s">
        <v>15</v>
      </c>
      <c r="J7270" s="10">
        <v>31.073162140000001</v>
      </c>
    </row>
    <row r="7271" spans="1:10" x14ac:dyDescent="0.35">
      <c r="A7271" t="s">
        <v>10</v>
      </c>
      <c r="B7271" t="s">
        <v>46</v>
      </c>
      <c r="C7271" t="s">
        <v>117</v>
      </c>
      <c r="D7271" t="s">
        <v>118</v>
      </c>
      <c r="E7271">
        <v>2013</v>
      </c>
      <c r="F7271">
        <v>2013</v>
      </c>
      <c r="G7271" t="s">
        <v>126</v>
      </c>
      <c r="H7271" t="s">
        <v>122</v>
      </c>
      <c r="I7271" t="s">
        <v>15</v>
      </c>
      <c r="J7271" s="10">
        <v>16.815472450000001</v>
      </c>
    </row>
    <row r="7272" spans="1:10" x14ac:dyDescent="0.35">
      <c r="A7272" t="s">
        <v>10</v>
      </c>
      <c r="B7272" t="s">
        <v>46</v>
      </c>
      <c r="C7272" t="s">
        <v>117</v>
      </c>
      <c r="D7272" t="s">
        <v>118</v>
      </c>
      <c r="E7272">
        <v>2013</v>
      </c>
      <c r="F7272">
        <v>2013</v>
      </c>
      <c r="G7272" t="s">
        <v>126</v>
      </c>
      <c r="H7272" t="s">
        <v>123</v>
      </c>
      <c r="I7272" t="s">
        <v>15</v>
      </c>
      <c r="J7272" s="10">
        <v>14.79842056</v>
      </c>
    </row>
    <row r="7273" spans="1:10" x14ac:dyDescent="0.35">
      <c r="A7273" t="s">
        <v>10</v>
      </c>
      <c r="B7273" t="s">
        <v>46</v>
      </c>
      <c r="C7273" t="s">
        <v>117</v>
      </c>
      <c r="D7273" t="s">
        <v>118</v>
      </c>
      <c r="E7273">
        <v>2013</v>
      </c>
      <c r="F7273">
        <v>2013</v>
      </c>
      <c r="G7273" t="s">
        <v>126</v>
      </c>
      <c r="H7273" t="s">
        <v>124</v>
      </c>
      <c r="I7273" t="s">
        <v>15</v>
      </c>
      <c r="J7273" s="10">
        <v>2.678504062</v>
      </c>
    </row>
    <row r="7274" spans="1:10" x14ac:dyDescent="0.35">
      <c r="A7274" t="s">
        <v>10</v>
      </c>
      <c r="B7274" t="s">
        <v>46</v>
      </c>
      <c r="C7274" t="s">
        <v>117</v>
      </c>
      <c r="D7274" t="s">
        <v>118</v>
      </c>
      <c r="E7274">
        <v>2012</v>
      </c>
      <c r="F7274">
        <v>2012</v>
      </c>
      <c r="G7274" t="s">
        <v>14</v>
      </c>
      <c r="H7274" t="s">
        <v>119</v>
      </c>
      <c r="I7274" t="s">
        <v>15</v>
      </c>
      <c r="J7274" s="10">
        <v>15.06453628</v>
      </c>
    </row>
    <row r="7275" spans="1:10" x14ac:dyDescent="0.35">
      <c r="A7275" t="s">
        <v>10</v>
      </c>
      <c r="B7275" t="s">
        <v>46</v>
      </c>
      <c r="C7275" t="s">
        <v>117</v>
      </c>
      <c r="D7275" t="s">
        <v>118</v>
      </c>
      <c r="E7275">
        <v>2012</v>
      </c>
      <c r="F7275">
        <v>2012</v>
      </c>
      <c r="G7275" t="s">
        <v>14</v>
      </c>
      <c r="H7275" t="s">
        <v>120</v>
      </c>
      <c r="I7275" t="s">
        <v>15</v>
      </c>
      <c r="J7275" s="10">
        <v>20.34714271</v>
      </c>
    </row>
    <row r="7276" spans="1:10" x14ac:dyDescent="0.35">
      <c r="A7276" t="s">
        <v>10</v>
      </c>
      <c r="B7276" t="s">
        <v>46</v>
      </c>
      <c r="C7276" t="s">
        <v>117</v>
      </c>
      <c r="D7276" t="s">
        <v>118</v>
      </c>
      <c r="E7276">
        <v>2012</v>
      </c>
      <c r="F7276">
        <v>2012</v>
      </c>
      <c r="G7276" t="s">
        <v>14</v>
      </c>
      <c r="H7276" t="s">
        <v>121</v>
      </c>
      <c r="I7276" t="s">
        <v>15</v>
      </c>
      <c r="J7276" s="10">
        <v>32.204382219999999</v>
      </c>
    </row>
    <row r="7277" spans="1:10" x14ac:dyDescent="0.35">
      <c r="A7277" t="s">
        <v>10</v>
      </c>
      <c r="B7277" t="s">
        <v>46</v>
      </c>
      <c r="C7277" t="s">
        <v>117</v>
      </c>
      <c r="D7277" t="s">
        <v>118</v>
      </c>
      <c r="E7277">
        <v>2012</v>
      </c>
      <c r="F7277">
        <v>2012</v>
      </c>
      <c r="G7277" t="s">
        <v>14</v>
      </c>
      <c r="H7277" t="s">
        <v>122</v>
      </c>
      <c r="I7277" t="s">
        <v>15</v>
      </c>
      <c r="J7277" s="10">
        <v>16.551733110000001</v>
      </c>
    </row>
    <row r="7278" spans="1:10" x14ac:dyDescent="0.35">
      <c r="A7278" t="s">
        <v>10</v>
      </c>
      <c r="B7278" t="s">
        <v>46</v>
      </c>
      <c r="C7278" t="s">
        <v>117</v>
      </c>
      <c r="D7278" t="s">
        <v>118</v>
      </c>
      <c r="E7278">
        <v>2012</v>
      </c>
      <c r="F7278">
        <v>2012</v>
      </c>
      <c r="G7278" t="s">
        <v>14</v>
      </c>
      <c r="H7278" t="s">
        <v>123</v>
      </c>
      <c r="I7278" t="s">
        <v>15</v>
      </c>
      <c r="J7278" s="10">
        <v>13.751691470000001</v>
      </c>
    </row>
    <row r="7279" spans="1:10" x14ac:dyDescent="0.35">
      <c r="A7279" t="s">
        <v>10</v>
      </c>
      <c r="B7279" t="s">
        <v>46</v>
      </c>
      <c r="C7279" t="s">
        <v>117</v>
      </c>
      <c r="D7279" t="s">
        <v>118</v>
      </c>
      <c r="E7279">
        <v>2012</v>
      </c>
      <c r="F7279">
        <v>2012</v>
      </c>
      <c r="G7279" t="s">
        <v>14</v>
      </c>
      <c r="H7279" t="s">
        <v>124</v>
      </c>
      <c r="I7279" t="s">
        <v>15</v>
      </c>
      <c r="J7279" s="10">
        <v>2.0805142079999999</v>
      </c>
    </row>
    <row r="7280" spans="1:10" x14ac:dyDescent="0.35">
      <c r="A7280" t="s">
        <v>10</v>
      </c>
      <c r="B7280" t="s">
        <v>46</v>
      </c>
      <c r="C7280" t="s">
        <v>117</v>
      </c>
      <c r="D7280" t="s">
        <v>118</v>
      </c>
      <c r="E7280">
        <v>2012</v>
      </c>
      <c r="F7280">
        <v>2012</v>
      </c>
      <c r="G7280" t="s">
        <v>125</v>
      </c>
      <c r="H7280" t="s">
        <v>119</v>
      </c>
      <c r="I7280" t="s">
        <v>15</v>
      </c>
      <c r="J7280" s="10">
        <v>15.96028813</v>
      </c>
    </row>
    <row r="7281" spans="1:10" x14ac:dyDescent="0.35">
      <c r="A7281" t="s">
        <v>10</v>
      </c>
      <c r="B7281" t="s">
        <v>46</v>
      </c>
      <c r="C7281" t="s">
        <v>117</v>
      </c>
      <c r="D7281" t="s">
        <v>118</v>
      </c>
      <c r="E7281">
        <v>2012</v>
      </c>
      <c r="F7281">
        <v>2012</v>
      </c>
      <c r="G7281" t="s">
        <v>125</v>
      </c>
      <c r="H7281" t="s">
        <v>120</v>
      </c>
      <c r="I7281" t="s">
        <v>15</v>
      </c>
      <c r="J7281" s="10">
        <v>20.04748159</v>
      </c>
    </row>
    <row r="7282" spans="1:10" x14ac:dyDescent="0.35">
      <c r="A7282" t="s">
        <v>10</v>
      </c>
      <c r="B7282" t="s">
        <v>46</v>
      </c>
      <c r="C7282" t="s">
        <v>117</v>
      </c>
      <c r="D7282" t="s">
        <v>118</v>
      </c>
      <c r="E7282">
        <v>2012</v>
      </c>
      <c r="F7282">
        <v>2012</v>
      </c>
      <c r="G7282" t="s">
        <v>125</v>
      </c>
      <c r="H7282" t="s">
        <v>121</v>
      </c>
      <c r="I7282" t="s">
        <v>15</v>
      </c>
      <c r="J7282" s="10">
        <v>33.447540940000003</v>
      </c>
    </row>
    <row r="7283" spans="1:10" x14ac:dyDescent="0.35">
      <c r="A7283" t="s">
        <v>10</v>
      </c>
      <c r="B7283" t="s">
        <v>46</v>
      </c>
      <c r="C7283" t="s">
        <v>117</v>
      </c>
      <c r="D7283" t="s">
        <v>118</v>
      </c>
      <c r="E7283">
        <v>2012</v>
      </c>
      <c r="F7283">
        <v>2012</v>
      </c>
      <c r="G7283" t="s">
        <v>125</v>
      </c>
      <c r="H7283" t="s">
        <v>122</v>
      </c>
      <c r="I7283" t="s">
        <v>15</v>
      </c>
      <c r="J7283" s="10">
        <v>16.543016699999999</v>
      </c>
    </row>
    <row r="7284" spans="1:10" x14ac:dyDescent="0.35">
      <c r="A7284" t="s">
        <v>10</v>
      </c>
      <c r="B7284" t="s">
        <v>46</v>
      </c>
      <c r="C7284" t="s">
        <v>117</v>
      </c>
      <c r="D7284" t="s">
        <v>118</v>
      </c>
      <c r="E7284">
        <v>2012</v>
      </c>
      <c r="F7284">
        <v>2012</v>
      </c>
      <c r="G7284" t="s">
        <v>125</v>
      </c>
      <c r="H7284" t="s">
        <v>123</v>
      </c>
      <c r="I7284" t="s">
        <v>15</v>
      </c>
      <c r="J7284" s="10">
        <v>12.62308792</v>
      </c>
    </row>
    <row r="7285" spans="1:10" x14ac:dyDescent="0.35">
      <c r="A7285" t="s">
        <v>10</v>
      </c>
      <c r="B7285" t="s">
        <v>46</v>
      </c>
      <c r="C7285" t="s">
        <v>117</v>
      </c>
      <c r="D7285" t="s">
        <v>118</v>
      </c>
      <c r="E7285">
        <v>2012</v>
      </c>
      <c r="F7285">
        <v>2012</v>
      </c>
      <c r="G7285" t="s">
        <v>125</v>
      </c>
      <c r="H7285" t="s">
        <v>124</v>
      </c>
      <c r="I7285" t="s">
        <v>15</v>
      </c>
      <c r="J7285" s="10">
        <v>1.3785847250000001</v>
      </c>
    </row>
    <row r="7286" spans="1:10" x14ac:dyDescent="0.35">
      <c r="A7286" t="s">
        <v>10</v>
      </c>
      <c r="B7286" t="s">
        <v>46</v>
      </c>
      <c r="C7286" t="s">
        <v>117</v>
      </c>
      <c r="D7286" t="s">
        <v>118</v>
      </c>
      <c r="E7286">
        <v>2012</v>
      </c>
      <c r="F7286">
        <v>2012</v>
      </c>
      <c r="G7286" t="s">
        <v>126</v>
      </c>
      <c r="H7286" t="s">
        <v>119</v>
      </c>
      <c r="I7286" t="s">
        <v>15</v>
      </c>
      <c r="J7286" s="10">
        <v>14.23006359</v>
      </c>
    </row>
    <row r="7287" spans="1:10" x14ac:dyDescent="0.35">
      <c r="A7287" t="s">
        <v>10</v>
      </c>
      <c r="B7287" t="s">
        <v>46</v>
      </c>
      <c r="C7287" t="s">
        <v>117</v>
      </c>
      <c r="D7287" t="s">
        <v>118</v>
      </c>
      <c r="E7287">
        <v>2012</v>
      </c>
      <c r="F7287">
        <v>2012</v>
      </c>
      <c r="G7287" t="s">
        <v>126</v>
      </c>
      <c r="H7287" t="s">
        <v>120</v>
      </c>
      <c r="I7287" t="s">
        <v>15</v>
      </c>
      <c r="J7287" s="10">
        <v>20.626303750000002</v>
      </c>
    </row>
    <row r="7288" spans="1:10" x14ac:dyDescent="0.35">
      <c r="A7288" t="s">
        <v>10</v>
      </c>
      <c r="B7288" t="s">
        <v>46</v>
      </c>
      <c r="C7288" t="s">
        <v>117</v>
      </c>
      <c r="D7288" t="s">
        <v>118</v>
      </c>
      <c r="E7288">
        <v>2012</v>
      </c>
      <c r="F7288">
        <v>2012</v>
      </c>
      <c r="G7288" t="s">
        <v>126</v>
      </c>
      <c r="H7288" t="s">
        <v>121</v>
      </c>
      <c r="I7288" t="s">
        <v>15</v>
      </c>
      <c r="J7288" s="10">
        <v>31.046269070000001</v>
      </c>
    </row>
    <row r="7289" spans="1:10" x14ac:dyDescent="0.35">
      <c r="A7289" t="s">
        <v>10</v>
      </c>
      <c r="B7289" t="s">
        <v>46</v>
      </c>
      <c r="C7289" t="s">
        <v>117</v>
      </c>
      <c r="D7289" t="s">
        <v>118</v>
      </c>
      <c r="E7289">
        <v>2012</v>
      </c>
      <c r="F7289">
        <v>2012</v>
      </c>
      <c r="G7289" t="s">
        <v>126</v>
      </c>
      <c r="H7289" t="s">
        <v>122</v>
      </c>
      <c r="I7289" t="s">
        <v>15</v>
      </c>
      <c r="J7289" s="10">
        <v>16.559853230000002</v>
      </c>
    </row>
    <row r="7290" spans="1:10" x14ac:dyDescent="0.35">
      <c r="A7290" t="s">
        <v>10</v>
      </c>
      <c r="B7290" t="s">
        <v>46</v>
      </c>
      <c r="C7290" t="s">
        <v>117</v>
      </c>
      <c r="D7290" t="s">
        <v>118</v>
      </c>
      <c r="E7290">
        <v>2012</v>
      </c>
      <c r="F7290">
        <v>2012</v>
      </c>
      <c r="G7290" t="s">
        <v>126</v>
      </c>
      <c r="H7290" t="s">
        <v>123</v>
      </c>
      <c r="I7290" t="s">
        <v>15</v>
      </c>
      <c r="J7290" s="10">
        <v>14.80308628</v>
      </c>
    </row>
    <row r="7291" spans="1:10" x14ac:dyDescent="0.35">
      <c r="A7291" t="s">
        <v>10</v>
      </c>
      <c r="B7291" t="s">
        <v>46</v>
      </c>
      <c r="C7291" t="s">
        <v>117</v>
      </c>
      <c r="D7291" t="s">
        <v>118</v>
      </c>
      <c r="E7291">
        <v>2012</v>
      </c>
      <c r="F7291">
        <v>2012</v>
      </c>
      <c r="G7291" t="s">
        <v>126</v>
      </c>
      <c r="H7291" t="s">
        <v>124</v>
      </c>
      <c r="I7291" t="s">
        <v>15</v>
      </c>
      <c r="J7291" s="10">
        <v>2.7344240869999998</v>
      </c>
    </row>
    <row r="7292" spans="1:10" x14ac:dyDescent="0.35">
      <c r="A7292" t="s">
        <v>10</v>
      </c>
      <c r="B7292" t="s">
        <v>46</v>
      </c>
      <c r="C7292" t="s">
        <v>117</v>
      </c>
      <c r="D7292" t="s">
        <v>118</v>
      </c>
      <c r="E7292">
        <v>2011</v>
      </c>
      <c r="F7292">
        <v>2011</v>
      </c>
      <c r="G7292" t="s">
        <v>14</v>
      </c>
      <c r="H7292" t="s">
        <v>119</v>
      </c>
      <c r="I7292" t="s">
        <v>15</v>
      </c>
      <c r="J7292" s="10">
        <v>15.095791439999999</v>
      </c>
    </row>
    <row r="7293" spans="1:10" x14ac:dyDescent="0.35">
      <c r="A7293" t="s">
        <v>10</v>
      </c>
      <c r="B7293" t="s">
        <v>46</v>
      </c>
      <c r="C7293" t="s">
        <v>117</v>
      </c>
      <c r="D7293" t="s">
        <v>118</v>
      </c>
      <c r="E7293">
        <v>2011</v>
      </c>
      <c r="F7293">
        <v>2011</v>
      </c>
      <c r="G7293" t="s">
        <v>14</v>
      </c>
      <c r="H7293" t="s">
        <v>120</v>
      </c>
      <c r="I7293" t="s">
        <v>15</v>
      </c>
      <c r="J7293" s="10">
        <v>20.57070569</v>
      </c>
    </row>
    <row r="7294" spans="1:10" x14ac:dyDescent="0.35">
      <c r="A7294" t="s">
        <v>10</v>
      </c>
      <c r="B7294" t="s">
        <v>46</v>
      </c>
      <c r="C7294" t="s">
        <v>117</v>
      </c>
      <c r="D7294" t="s">
        <v>118</v>
      </c>
      <c r="E7294">
        <v>2011</v>
      </c>
      <c r="F7294">
        <v>2011</v>
      </c>
      <c r="G7294" t="s">
        <v>14</v>
      </c>
      <c r="H7294" t="s">
        <v>121</v>
      </c>
      <c r="I7294" t="s">
        <v>15</v>
      </c>
      <c r="J7294" s="10">
        <v>32.090457370000003</v>
      </c>
    </row>
    <row r="7295" spans="1:10" x14ac:dyDescent="0.35">
      <c r="A7295" t="s">
        <v>10</v>
      </c>
      <c r="B7295" t="s">
        <v>46</v>
      </c>
      <c r="C7295" t="s">
        <v>117</v>
      </c>
      <c r="D7295" t="s">
        <v>118</v>
      </c>
      <c r="E7295">
        <v>2011</v>
      </c>
      <c r="F7295">
        <v>2011</v>
      </c>
      <c r="G7295" t="s">
        <v>14</v>
      </c>
      <c r="H7295" t="s">
        <v>122</v>
      </c>
      <c r="I7295" t="s">
        <v>15</v>
      </c>
      <c r="J7295" s="10">
        <v>16.6555812</v>
      </c>
    </row>
    <row r="7296" spans="1:10" x14ac:dyDescent="0.35">
      <c r="A7296" t="s">
        <v>10</v>
      </c>
      <c r="B7296" t="s">
        <v>46</v>
      </c>
      <c r="C7296" t="s">
        <v>117</v>
      </c>
      <c r="D7296" t="s">
        <v>118</v>
      </c>
      <c r="E7296">
        <v>2011</v>
      </c>
      <c r="F7296">
        <v>2011</v>
      </c>
      <c r="G7296" t="s">
        <v>14</v>
      </c>
      <c r="H7296" t="s">
        <v>123</v>
      </c>
      <c r="I7296" t="s">
        <v>15</v>
      </c>
      <c r="J7296" s="10">
        <v>13.56208511</v>
      </c>
    </row>
    <row r="7297" spans="1:10" x14ac:dyDescent="0.35">
      <c r="A7297" t="s">
        <v>10</v>
      </c>
      <c r="B7297" t="s">
        <v>46</v>
      </c>
      <c r="C7297" t="s">
        <v>117</v>
      </c>
      <c r="D7297" t="s">
        <v>118</v>
      </c>
      <c r="E7297">
        <v>2011</v>
      </c>
      <c r="F7297">
        <v>2011</v>
      </c>
      <c r="G7297" t="s">
        <v>14</v>
      </c>
      <c r="H7297" t="s">
        <v>124</v>
      </c>
      <c r="I7297" t="s">
        <v>15</v>
      </c>
      <c r="J7297" s="10">
        <v>2.0253791880000001</v>
      </c>
    </row>
    <row r="7298" spans="1:10" x14ac:dyDescent="0.35">
      <c r="A7298" t="s">
        <v>10</v>
      </c>
      <c r="B7298" t="s">
        <v>46</v>
      </c>
      <c r="C7298" t="s">
        <v>117</v>
      </c>
      <c r="D7298" t="s">
        <v>118</v>
      </c>
      <c r="E7298">
        <v>2011</v>
      </c>
      <c r="F7298">
        <v>2011</v>
      </c>
      <c r="G7298" t="s">
        <v>125</v>
      </c>
      <c r="H7298" t="s">
        <v>119</v>
      </c>
      <c r="I7298" t="s">
        <v>15</v>
      </c>
      <c r="J7298" s="10">
        <v>16.104726800000002</v>
      </c>
    </row>
    <row r="7299" spans="1:10" x14ac:dyDescent="0.35">
      <c r="A7299" t="s">
        <v>10</v>
      </c>
      <c r="B7299" t="s">
        <v>46</v>
      </c>
      <c r="C7299" t="s">
        <v>117</v>
      </c>
      <c r="D7299" t="s">
        <v>118</v>
      </c>
      <c r="E7299">
        <v>2011</v>
      </c>
      <c r="F7299">
        <v>2011</v>
      </c>
      <c r="G7299" t="s">
        <v>125</v>
      </c>
      <c r="H7299" t="s">
        <v>120</v>
      </c>
      <c r="I7299" t="s">
        <v>15</v>
      </c>
      <c r="J7299" s="10">
        <v>20.210862970000001</v>
      </c>
    </row>
    <row r="7300" spans="1:10" x14ac:dyDescent="0.35">
      <c r="A7300" t="s">
        <v>10</v>
      </c>
      <c r="B7300" t="s">
        <v>46</v>
      </c>
      <c r="C7300" t="s">
        <v>117</v>
      </c>
      <c r="D7300" t="s">
        <v>118</v>
      </c>
      <c r="E7300">
        <v>2011</v>
      </c>
      <c r="F7300">
        <v>2011</v>
      </c>
      <c r="G7300" t="s">
        <v>125</v>
      </c>
      <c r="H7300" t="s">
        <v>121</v>
      </c>
      <c r="I7300" t="s">
        <v>15</v>
      </c>
      <c r="J7300" s="10">
        <v>33.163486560000003</v>
      </c>
    </row>
    <row r="7301" spans="1:10" x14ac:dyDescent="0.35">
      <c r="A7301" t="s">
        <v>10</v>
      </c>
      <c r="B7301" t="s">
        <v>46</v>
      </c>
      <c r="C7301" t="s">
        <v>117</v>
      </c>
      <c r="D7301" t="s">
        <v>118</v>
      </c>
      <c r="E7301">
        <v>2011</v>
      </c>
      <c r="F7301">
        <v>2011</v>
      </c>
      <c r="G7301" t="s">
        <v>125</v>
      </c>
      <c r="H7301" t="s">
        <v>122</v>
      </c>
      <c r="I7301" t="s">
        <v>15</v>
      </c>
      <c r="J7301" s="10">
        <v>16.869037290000001</v>
      </c>
    </row>
    <row r="7302" spans="1:10" x14ac:dyDescent="0.35">
      <c r="A7302" t="s">
        <v>10</v>
      </c>
      <c r="B7302" t="s">
        <v>46</v>
      </c>
      <c r="C7302" t="s">
        <v>117</v>
      </c>
      <c r="D7302" t="s">
        <v>118</v>
      </c>
      <c r="E7302">
        <v>2011</v>
      </c>
      <c r="F7302">
        <v>2011</v>
      </c>
      <c r="G7302" t="s">
        <v>125</v>
      </c>
      <c r="H7302" t="s">
        <v>123</v>
      </c>
      <c r="I7302" t="s">
        <v>15</v>
      </c>
      <c r="J7302" s="10">
        <v>12.31298786</v>
      </c>
    </row>
    <row r="7303" spans="1:10" x14ac:dyDescent="0.35">
      <c r="A7303" t="s">
        <v>10</v>
      </c>
      <c r="B7303" t="s">
        <v>46</v>
      </c>
      <c r="C7303" t="s">
        <v>117</v>
      </c>
      <c r="D7303" t="s">
        <v>118</v>
      </c>
      <c r="E7303">
        <v>2011</v>
      </c>
      <c r="F7303">
        <v>2011</v>
      </c>
      <c r="G7303" t="s">
        <v>125</v>
      </c>
      <c r="H7303" t="s">
        <v>124</v>
      </c>
      <c r="I7303" t="s">
        <v>15</v>
      </c>
      <c r="J7303" s="10">
        <v>1.3388985259999999</v>
      </c>
    </row>
    <row r="7304" spans="1:10" x14ac:dyDescent="0.35">
      <c r="A7304" t="s">
        <v>10</v>
      </c>
      <c r="B7304" t="s">
        <v>46</v>
      </c>
      <c r="C7304" t="s">
        <v>117</v>
      </c>
      <c r="D7304" t="s">
        <v>118</v>
      </c>
      <c r="E7304">
        <v>2011</v>
      </c>
      <c r="F7304">
        <v>2011</v>
      </c>
      <c r="G7304" t="s">
        <v>126</v>
      </c>
      <c r="H7304" t="s">
        <v>119</v>
      </c>
      <c r="I7304" t="s">
        <v>15</v>
      </c>
      <c r="J7304" s="10">
        <v>14.160026139999999</v>
      </c>
    </row>
    <row r="7305" spans="1:10" x14ac:dyDescent="0.35">
      <c r="A7305" t="s">
        <v>10</v>
      </c>
      <c r="B7305" t="s">
        <v>46</v>
      </c>
      <c r="C7305" t="s">
        <v>117</v>
      </c>
      <c r="D7305" t="s">
        <v>118</v>
      </c>
      <c r="E7305">
        <v>2011</v>
      </c>
      <c r="F7305">
        <v>2011</v>
      </c>
      <c r="G7305" t="s">
        <v>126</v>
      </c>
      <c r="H7305" t="s">
        <v>120</v>
      </c>
      <c r="I7305" t="s">
        <v>15</v>
      </c>
      <c r="J7305" s="10">
        <v>20.904451869999999</v>
      </c>
    </row>
    <row r="7306" spans="1:10" x14ac:dyDescent="0.35">
      <c r="A7306" t="s">
        <v>10</v>
      </c>
      <c r="B7306" t="s">
        <v>46</v>
      </c>
      <c r="C7306" t="s">
        <v>117</v>
      </c>
      <c r="D7306" t="s">
        <v>118</v>
      </c>
      <c r="E7306">
        <v>2011</v>
      </c>
      <c r="F7306">
        <v>2011</v>
      </c>
      <c r="G7306" t="s">
        <v>126</v>
      </c>
      <c r="H7306" t="s">
        <v>121</v>
      </c>
      <c r="I7306" t="s">
        <v>15</v>
      </c>
      <c r="J7306" s="10">
        <v>31.095246469999999</v>
      </c>
    </row>
    <row r="7307" spans="1:10" x14ac:dyDescent="0.35">
      <c r="A7307" t="s">
        <v>10</v>
      </c>
      <c r="B7307" t="s">
        <v>46</v>
      </c>
      <c r="C7307" t="s">
        <v>117</v>
      </c>
      <c r="D7307" t="s">
        <v>118</v>
      </c>
      <c r="E7307">
        <v>2011</v>
      </c>
      <c r="F7307">
        <v>2011</v>
      </c>
      <c r="G7307" t="s">
        <v>126</v>
      </c>
      <c r="H7307" t="s">
        <v>122</v>
      </c>
      <c r="I7307" t="s">
        <v>15</v>
      </c>
      <c r="J7307" s="10">
        <v>16.457605390000001</v>
      </c>
    </row>
    <row r="7308" spans="1:10" x14ac:dyDescent="0.35">
      <c r="A7308" t="s">
        <v>10</v>
      </c>
      <c r="B7308" t="s">
        <v>46</v>
      </c>
      <c r="C7308" t="s">
        <v>117</v>
      </c>
      <c r="D7308" t="s">
        <v>118</v>
      </c>
      <c r="E7308">
        <v>2011</v>
      </c>
      <c r="F7308">
        <v>2011</v>
      </c>
      <c r="G7308" t="s">
        <v>126</v>
      </c>
      <c r="H7308" t="s">
        <v>123</v>
      </c>
      <c r="I7308" t="s">
        <v>15</v>
      </c>
      <c r="J7308" s="10">
        <v>14.72059526</v>
      </c>
    </row>
    <row r="7309" spans="1:10" x14ac:dyDescent="0.35">
      <c r="A7309" t="s">
        <v>10</v>
      </c>
      <c r="B7309" t="s">
        <v>46</v>
      </c>
      <c r="C7309" t="s">
        <v>117</v>
      </c>
      <c r="D7309" t="s">
        <v>118</v>
      </c>
      <c r="E7309">
        <v>2011</v>
      </c>
      <c r="F7309">
        <v>2011</v>
      </c>
      <c r="G7309" t="s">
        <v>126</v>
      </c>
      <c r="H7309" t="s">
        <v>124</v>
      </c>
      <c r="I7309" t="s">
        <v>15</v>
      </c>
      <c r="J7309" s="10">
        <v>2.6620748600000002</v>
      </c>
    </row>
    <row r="7310" spans="1:10" x14ac:dyDescent="0.35">
      <c r="A7310" t="s">
        <v>33</v>
      </c>
      <c r="B7310" t="s">
        <v>47</v>
      </c>
      <c r="C7310" t="s">
        <v>117</v>
      </c>
      <c r="D7310" t="s">
        <v>118</v>
      </c>
      <c r="E7310">
        <v>2020</v>
      </c>
      <c r="F7310">
        <v>2020</v>
      </c>
      <c r="G7310" t="s">
        <v>14</v>
      </c>
      <c r="H7310" t="s">
        <v>119</v>
      </c>
      <c r="I7310" t="s">
        <v>15</v>
      </c>
      <c r="J7310" s="10">
        <v>18.471524769999998</v>
      </c>
    </row>
    <row r="7311" spans="1:10" x14ac:dyDescent="0.35">
      <c r="A7311" t="s">
        <v>33</v>
      </c>
      <c r="B7311" t="s">
        <v>47</v>
      </c>
      <c r="C7311" t="s">
        <v>117</v>
      </c>
      <c r="D7311" t="s">
        <v>118</v>
      </c>
      <c r="E7311">
        <v>2020</v>
      </c>
      <c r="F7311">
        <v>2020</v>
      </c>
      <c r="G7311" t="s">
        <v>14</v>
      </c>
      <c r="H7311" t="s">
        <v>120</v>
      </c>
      <c r="I7311" t="s">
        <v>15</v>
      </c>
      <c r="J7311" s="10">
        <v>8.6556522410000003</v>
      </c>
    </row>
    <row r="7312" spans="1:10" x14ac:dyDescent="0.35">
      <c r="A7312" t="s">
        <v>33</v>
      </c>
      <c r="B7312" t="s">
        <v>47</v>
      </c>
      <c r="C7312" t="s">
        <v>117</v>
      </c>
      <c r="D7312" t="s">
        <v>118</v>
      </c>
      <c r="E7312">
        <v>2020</v>
      </c>
      <c r="F7312">
        <v>2020</v>
      </c>
      <c r="G7312" t="s">
        <v>14</v>
      </c>
      <c r="H7312" t="s">
        <v>121</v>
      </c>
      <c r="I7312" t="s">
        <v>15</v>
      </c>
      <c r="J7312" s="10">
        <v>32.906556270000003</v>
      </c>
    </row>
    <row r="7313" spans="1:10" x14ac:dyDescent="0.35">
      <c r="A7313" t="s">
        <v>33</v>
      </c>
      <c r="B7313" t="s">
        <v>47</v>
      </c>
      <c r="C7313" t="s">
        <v>117</v>
      </c>
      <c r="D7313" t="s">
        <v>118</v>
      </c>
      <c r="E7313">
        <v>2020</v>
      </c>
      <c r="F7313">
        <v>2020</v>
      </c>
      <c r="G7313" t="s">
        <v>14</v>
      </c>
      <c r="H7313" t="s">
        <v>122</v>
      </c>
      <c r="I7313" t="s">
        <v>15</v>
      </c>
      <c r="J7313" s="10">
        <v>21.129298120000001</v>
      </c>
    </row>
    <row r="7314" spans="1:10" x14ac:dyDescent="0.35">
      <c r="A7314" t="s">
        <v>33</v>
      </c>
      <c r="B7314" t="s">
        <v>47</v>
      </c>
      <c r="C7314" t="s">
        <v>117</v>
      </c>
      <c r="D7314" t="s">
        <v>118</v>
      </c>
      <c r="E7314">
        <v>2020</v>
      </c>
      <c r="F7314">
        <v>2020</v>
      </c>
      <c r="G7314" t="s">
        <v>14</v>
      </c>
      <c r="H7314" t="s">
        <v>123</v>
      </c>
      <c r="I7314" t="s">
        <v>15</v>
      </c>
      <c r="J7314" s="10">
        <v>16.839805269999999</v>
      </c>
    </row>
    <row r="7315" spans="1:10" x14ac:dyDescent="0.35">
      <c r="A7315" t="s">
        <v>33</v>
      </c>
      <c r="B7315" t="s">
        <v>47</v>
      </c>
      <c r="C7315" t="s">
        <v>117</v>
      </c>
      <c r="D7315" t="s">
        <v>118</v>
      </c>
      <c r="E7315">
        <v>2020</v>
      </c>
      <c r="F7315">
        <v>2020</v>
      </c>
      <c r="G7315" t="s">
        <v>14</v>
      </c>
      <c r="H7315" t="s">
        <v>124</v>
      </c>
      <c r="I7315" t="s">
        <v>15</v>
      </c>
      <c r="J7315" s="10">
        <v>1.997163338</v>
      </c>
    </row>
    <row r="7316" spans="1:10" x14ac:dyDescent="0.35">
      <c r="A7316" t="s">
        <v>33</v>
      </c>
      <c r="B7316" t="s">
        <v>47</v>
      </c>
      <c r="C7316" t="s">
        <v>117</v>
      </c>
      <c r="D7316" t="s">
        <v>118</v>
      </c>
      <c r="E7316">
        <v>2020</v>
      </c>
      <c r="F7316">
        <v>2020</v>
      </c>
      <c r="G7316" t="s">
        <v>125</v>
      </c>
      <c r="H7316" t="s">
        <v>119</v>
      </c>
      <c r="I7316" t="s">
        <v>15</v>
      </c>
      <c r="J7316" s="10">
        <v>19.22582676</v>
      </c>
    </row>
    <row r="7317" spans="1:10" x14ac:dyDescent="0.35">
      <c r="A7317" t="s">
        <v>33</v>
      </c>
      <c r="B7317" t="s">
        <v>47</v>
      </c>
      <c r="C7317" t="s">
        <v>117</v>
      </c>
      <c r="D7317" t="s">
        <v>118</v>
      </c>
      <c r="E7317">
        <v>2020</v>
      </c>
      <c r="F7317">
        <v>2020</v>
      </c>
      <c r="G7317" t="s">
        <v>125</v>
      </c>
      <c r="H7317" t="s">
        <v>120</v>
      </c>
      <c r="I7317" t="s">
        <v>15</v>
      </c>
      <c r="J7317" s="10">
        <v>9.3493482990000008</v>
      </c>
    </row>
    <row r="7318" spans="1:10" x14ac:dyDescent="0.35">
      <c r="A7318" t="s">
        <v>33</v>
      </c>
      <c r="B7318" t="s">
        <v>47</v>
      </c>
      <c r="C7318" t="s">
        <v>117</v>
      </c>
      <c r="D7318" t="s">
        <v>118</v>
      </c>
      <c r="E7318">
        <v>2020</v>
      </c>
      <c r="F7318">
        <v>2020</v>
      </c>
      <c r="G7318" t="s">
        <v>125</v>
      </c>
      <c r="H7318" t="s">
        <v>121</v>
      </c>
      <c r="I7318" t="s">
        <v>15</v>
      </c>
      <c r="J7318" s="10">
        <v>32.687314780000001</v>
      </c>
    </row>
    <row r="7319" spans="1:10" x14ac:dyDescent="0.35">
      <c r="A7319" t="s">
        <v>33</v>
      </c>
      <c r="B7319" t="s">
        <v>47</v>
      </c>
      <c r="C7319" t="s">
        <v>117</v>
      </c>
      <c r="D7319" t="s">
        <v>118</v>
      </c>
      <c r="E7319">
        <v>2020</v>
      </c>
      <c r="F7319">
        <v>2020</v>
      </c>
      <c r="G7319" t="s">
        <v>125</v>
      </c>
      <c r="H7319" t="s">
        <v>122</v>
      </c>
      <c r="I7319" t="s">
        <v>15</v>
      </c>
      <c r="J7319" s="10">
        <v>21.137657019999999</v>
      </c>
    </row>
    <row r="7320" spans="1:10" x14ac:dyDescent="0.35">
      <c r="A7320" t="s">
        <v>33</v>
      </c>
      <c r="B7320" t="s">
        <v>47</v>
      </c>
      <c r="C7320" t="s">
        <v>117</v>
      </c>
      <c r="D7320" t="s">
        <v>118</v>
      </c>
      <c r="E7320">
        <v>2020</v>
      </c>
      <c r="F7320">
        <v>2020</v>
      </c>
      <c r="G7320" t="s">
        <v>125</v>
      </c>
      <c r="H7320" t="s">
        <v>123</v>
      </c>
      <c r="I7320" t="s">
        <v>15</v>
      </c>
      <c r="J7320" s="10">
        <v>16.073535969999998</v>
      </c>
    </row>
    <row r="7321" spans="1:10" x14ac:dyDescent="0.35">
      <c r="A7321" t="s">
        <v>33</v>
      </c>
      <c r="B7321" t="s">
        <v>47</v>
      </c>
      <c r="C7321" t="s">
        <v>117</v>
      </c>
      <c r="D7321" t="s">
        <v>118</v>
      </c>
      <c r="E7321">
        <v>2020</v>
      </c>
      <c r="F7321">
        <v>2020</v>
      </c>
      <c r="G7321" t="s">
        <v>125</v>
      </c>
      <c r="H7321" t="s">
        <v>124</v>
      </c>
      <c r="I7321" t="s">
        <v>15</v>
      </c>
      <c r="J7321" s="10">
        <v>1.52631717</v>
      </c>
    </row>
    <row r="7322" spans="1:10" x14ac:dyDescent="0.35">
      <c r="A7322" t="s">
        <v>33</v>
      </c>
      <c r="B7322" t="s">
        <v>47</v>
      </c>
      <c r="C7322" t="s">
        <v>117</v>
      </c>
      <c r="D7322" t="s">
        <v>118</v>
      </c>
      <c r="E7322">
        <v>2020</v>
      </c>
      <c r="F7322">
        <v>2020</v>
      </c>
      <c r="G7322" t="s">
        <v>126</v>
      </c>
      <c r="H7322" t="s">
        <v>119</v>
      </c>
      <c r="I7322" t="s">
        <v>15</v>
      </c>
      <c r="J7322" s="10">
        <v>17.75479691</v>
      </c>
    </row>
    <row r="7323" spans="1:10" x14ac:dyDescent="0.35">
      <c r="A7323" t="s">
        <v>33</v>
      </c>
      <c r="B7323" t="s">
        <v>47</v>
      </c>
      <c r="C7323" t="s">
        <v>117</v>
      </c>
      <c r="D7323" t="s">
        <v>118</v>
      </c>
      <c r="E7323">
        <v>2020</v>
      </c>
      <c r="F7323">
        <v>2020</v>
      </c>
      <c r="G7323" t="s">
        <v>126</v>
      </c>
      <c r="H7323" t="s">
        <v>120</v>
      </c>
      <c r="I7323" t="s">
        <v>15</v>
      </c>
      <c r="J7323" s="10">
        <v>7.9965113380000004</v>
      </c>
    </row>
    <row r="7324" spans="1:10" x14ac:dyDescent="0.35">
      <c r="A7324" t="s">
        <v>33</v>
      </c>
      <c r="B7324" t="s">
        <v>47</v>
      </c>
      <c r="C7324" t="s">
        <v>117</v>
      </c>
      <c r="D7324" t="s">
        <v>118</v>
      </c>
      <c r="E7324">
        <v>2020</v>
      </c>
      <c r="F7324">
        <v>2020</v>
      </c>
      <c r="G7324" t="s">
        <v>126</v>
      </c>
      <c r="H7324" t="s">
        <v>121</v>
      </c>
      <c r="I7324" t="s">
        <v>15</v>
      </c>
      <c r="J7324" s="10">
        <v>33.114876649999999</v>
      </c>
    </row>
    <row r="7325" spans="1:10" x14ac:dyDescent="0.35">
      <c r="A7325" t="s">
        <v>33</v>
      </c>
      <c r="B7325" t="s">
        <v>47</v>
      </c>
      <c r="C7325" t="s">
        <v>117</v>
      </c>
      <c r="D7325" t="s">
        <v>118</v>
      </c>
      <c r="E7325">
        <v>2020</v>
      </c>
      <c r="F7325">
        <v>2020</v>
      </c>
      <c r="G7325" t="s">
        <v>126</v>
      </c>
      <c r="H7325" t="s">
        <v>122</v>
      </c>
      <c r="I7325" t="s">
        <v>15</v>
      </c>
      <c r="J7325" s="10">
        <v>21.12135559</v>
      </c>
    </row>
    <row r="7326" spans="1:10" x14ac:dyDescent="0.35">
      <c r="A7326" t="s">
        <v>33</v>
      </c>
      <c r="B7326" t="s">
        <v>47</v>
      </c>
      <c r="C7326" t="s">
        <v>117</v>
      </c>
      <c r="D7326" t="s">
        <v>118</v>
      </c>
      <c r="E7326">
        <v>2020</v>
      </c>
      <c r="F7326">
        <v>2020</v>
      </c>
      <c r="G7326" t="s">
        <v>126</v>
      </c>
      <c r="H7326" t="s">
        <v>123</v>
      </c>
      <c r="I7326" t="s">
        <v>15</v>
      </c>
      <c r="J7326" s="10">
        <v>17.567904309999999</v>
      </c>
    </row>
    <row r="7327" spans="1:10" x14ac:dyDescent="0.35">
      <c r="A7327" t="s">
        <v>33</v>
      </c>
      <c r="B7327" t="s">
        <v>47</v>
      </c>
      <c r="C7327" t="s">
        <v>117</v>
      </c>
      <c r="D7327" t="s">
        <v>118</v>
      </c>
      <c r="E7327">
        <v>2020</v>
      </c>
      <c r="F7327">
        <v>2020</v>
      </c>
      <c r="G7327" t="s">
        <v>126</v>
      </c>
      <c r="H7327" t="s">
        <v>124</v>
      </c>
      <c r="I7327" t="s">
        <v>15</v>
      </c>
      <c r="J7327" s="10">
        <v>2.444555196</v>
      </c>
    </row>
    <row r="7328" spans="1:10" x14ac:dyDescent="0.35">
      <c r="A7328" t="s">
        <v>33</v>
      </c>
      <c r="B7328" t="s">
        <v>47</v>
      </c>
      <c r="C7328" t="s">
        <v>117</v>
      </c>
      <c r="D7328" t="s">
        <v>118</v>
      </c>
      <c r="E7328">
        <v>2019</v>
      </c>
      <c r="F7328">
        <v>2019</v>
      </c>
      <c r="G7328" t="s">
        <v>14</v>
      </c>
      <c r="H7328" t="s">
        <v>119</v>
      </c>
      <c r="I7328" t="s">
        <v>15</v>
      </c>
      <c r="J7328" s="10">
        <v>18.735842259999998</v>
      </c>
    </row>
    <row r="7329" spans="1:10" x14ac:dyDescent="0.35">
      <c r="A7329" t="s">
        <v>33</v>
      </c>
      <c r="B7329" t="s">
        <v>47</v>
      </c>
      <c r="C7329" t="s">
        <v>117</v>
      </c>
      <c r="D7329" t="s">
        <v>118</v>
      </c>
      <c r="E7329">
        <v>2019</v>
      </c>
      <c r="F7329">
        <v>2019</v>
      </c>
      <c r="G7329" t="s">
        <v>14</v>
      </c>
      <c r="H7329" t="s">
        <v>120</v>
      </c>
      <c r="I7329" t="s">
        <v>15</v>
      </c>
      <c r="J7329" s="10">
        <v>8.6581033769999998</v>
      </c>
    </row>
    <row r="7330" spans="1:10" x14ac:dyDescent="0.35">
      <c r="A7330" t="s">
        <v>33</v>
      </c>
      <c r="B7330" t="s">
        <v>47</v>
      </c>
      <c r="C7330" t="s">
        <v>117</v>
      </c>
      <c r="D7330" t="s">
        <v>118</v>
      </c>
      <c r="E7330">
        <v>2019</v>
      </c>
      <c r="F7330">
        <v>2019</v>
      </c>
      <c r="G7330" t="s">
        <v>14</v>
      </c>
      <c r="H7330" t="s">
        <v>121</v>
      </c>
      <c r="I7330" t="s">
        <v>15</v>
      </c>
      <c r="J7330" s="10">
        <v>33.154859969999997</v>
      </c>
    </row>
    <row r="7331" spans="1:10" x14ac:dyDescent="0.35">
      <c r="A7331" t="s">
        <v>33</v>
      </c>
      <c r="B7331" t="s">
        <v>47</v>
      </c>
      <c r="C7331" t="s">
        <v>117</v>
      </c>
      <c r="D7331" t="s">
        <v>118</v>
      </c>
      <c r="E7331">
        <v>2019</v>
      </c>
      <c r="F7331">
        <v>2019</v>
      </c>
      <c r="G7331" t="s">
        <v>14</v>
      </c>
      <c r="H7331" t="s">
        <v>122</v>
      </c>
      <c r="I7331" t="s">
        <v>15</v>
      </c>
      <c r="J7331" s="10">
        <v>20.949598430000002</v>
      </c>
    </row>
    <row r="7332" spans="1:10" x14ac:dyDescent="0.35">
      <c r="A7332" t="s">
        <v>33</v>
      </c>
      <c r="B7332" t="s">
        <v>47</v>
      </c>
      <c r="C7332" t="s">
        <v>117</v>
      </c>
      <c r="D7332" t="s">
        <v>118</v>
      </c>
      <c r="E7332">
        <v>2019</v>
      </c>
      <c r="F7332">
        <v>2019</v>
      </c>
      <c r="G7332" t="s">
        <v>14</v>
      </c>
      <c r="H7332" t="s">
        <v>123</v>
      </c>
      <c r="I7332" t="s">
        <v>15</v>
      </c>
      <c r="J7332" s="10">
        <v>16.516937810000002</v>
      </c>
    </row>
    <row r="7333" spans="1:10" x14ac:dyDescent="0.35">
      <c r="A7333" t="s">
        <v>33</v>
      </c>
      <c r="B7333" t="s">
        <v>47</v>
      </c>
      <c r="C7333" t="s">
        <v>117</v>
      </c>
      <c r="D7333" t="s">
        <v>118</v>
      </c>
      <c r="E7333">
        <v>2019</v>
      </c>
      <c r="F7333">
        <v>2019</v>
      </c>
      <c r="G7333" t="s">
        <v>14</v>
      </c>
      <c r="H7333" t="s">
        <v>124</v>
      </c>
      <c r="I7333" t="s">
        <v>15</v>
      </c>
      <c r="J7333" s="10">
        <v>1.984658155</v>
      </c>
    </row>
    <row r="7334" spans="1:10" x14ac:dyDescent="0.35">
      <c r="A7334" t="s">
        <v>33</v>
      </c>
      <c r="B7334" t="s">
        <v>47</v>
      </c>
      <c r="C7334" t="s">
        <v>117</v>
      </c>
      <c r="D7334" t="s">
        <v>118</v>
      </c>
      <c r="E7334">
        <v>2019</v>
      </c>
      <c r="F7334">
        <v>2019</v>
      </c>
      <c r="G7334" t="s">
        <v>125</v>
      </c>
      <c r="H7334" t="s">
        <v>119</v>
      </c>
      <c r="I7334" t="s">
        <v>15</v>
      </c>
      <c r="J7334" s="10">
        <v>19.65635739</v>
      </c>
    </row>
    <row r="7335" spans="1:10" x14ac:dyDescent="0.35">
      <c r="A7335" t="s">
        <v>33</v>
      </c>
      <c r="B7335" t="s">
        <v>47</v>
      </c>
      <c r="C7335" t="s">
        <v>117</v>
      </c>
      <c r="D7335" t="s">
        <v>118</v>
      </c>
      <c r="E7335">
        <v>2019</v>
      </c>
      <c r="F7335">
        <v>2019</v>
      </c>
      <c r="G7335" t="s">
        <v>125</v>
      </c>
      <c r="H7335" t="s">
        <v>120</v>
      </c>
      <c r="I7335" t="s">
        <v>15</v>
      </c>
      <c r="J7335" s="10">
        <v>9.2466296589999999</v>
      </c>
    </row>
    <row r="7336" spans="1:10" x14ac:dyDescent="0.35">
      <c r="A7336" t="s">
        <v>33</v>
      </c>
      <c r="B7336" t="s">
        <v>47</v>
      </c>
      <c r="C7336" t="s">
        <v>117</v>
      </c>
      <c r="D7336" t="s">
        <v>118</v>
      </c>
      <c r="E7336">
        <v>2019</v>
      </c>
      <c r="F7336">
        <v>2019</v>
      </c>
      <c r="G7336" t="s">
        <v>125</v>
      </c>
      <c r="H7336" t="s">
        <v>121</v>
      </c>
      <c r="I7336" t="s">
        <v>15</v>
      </c>
      <c r="J7336" s="10">
        <v>32.839016649999998</v>
      </c>
    </row>
    <row r="7337" spans="1:10" x14ac:dyDescent="0.35">
      <c r="A7337" t="s">
        <v>33</v>
      </c>
      <c r="B7337" t="s">
        <v>47</v>
      </c>
      <c r="C7337" t="s">
        <v>117</v>
      </c>
      <c r="D7337" t="s">
        <v>118</v>
      </c>
      <c r="E7337">
        <v>2019</v>
      </c>
      <c r="F7337">
        <v>2019</v>
      </c>
      <c r="G7337" t="s">
        <v>125</v>
      </c>
      <c r="H7337" t="s">
        <v>122</v>
      </c>
      <c r="I7337" t="s">
        <v>15</v>
      </c>
      <c r="J7337" s="10">
        <v>20.991276760000002</v>
      </c>
    </row>
    <row r="7338" spans="1:10" x14ac:dyDescent="0.35">
      <c r="A7338" t="s">
        <v>33</v>
      </c>
      <c r="B7338" t="s">
        <v>47</v>
      </c>
      <c r="C7338" t="s">
        <v>117</v>
      </c>
      <c r="D7338" t="s">
        <v>118</v>
      </c>
      <c r="E7338">
        <v>2019</v>
      </c>
      <c r="F7338">
        <v>2019</v>
      </c>
      <c r="G7338" t="s">
        <v>125</v>
      </c>
      <c r="H7338" t="s">
        <v>123</v>
      </c>
      <c r="I7338" t="s">
        <v>15</v>
      </c>
      <c r="J7338" s="10">
        <v>15.80491673</v>
      </c>
    </row>
    <row r="7339" spans="1:10" x14ac:dyDescent="0.35">
      <c r="A7339" t="s">
        <v>33</v>
      </c>
      <c r="B7339" t="s">
        <v>47</v>
      </c>
      <c r="C7339" t="s">
        <v>117</v>
      </c>
      <c r="D7339" t="s">
        <v>118</v>
      </c>
      <c r="E7339">
        <v>2019</v>
      </c>
      <c r="F7339">
        <v>2019</v>
      </c>
      <c r="G7339" t="s">
        <v>125</v>
      </c>
      <c r="H7339" t="s">
        <v>124</v>
      </c>
      <c r="I7339" t="s">
        <v>15</v>
      </c>
      <c r="J7339" s="10">
        <v>1.461802802</v>
      </c>
    </row>
    <row r="7340" spans="1:10" x14ac:dyDescent="0.35">
      <c r="A7340" t="s">
        <v>33</v>
      </c>
      <c r="B7340" t="s">
        <v>47</v>
      </c>
      <c r="C7340" t="s">
        <v>117</v>
      </c>
      <c r="D7340" t="s">
        <v>118</v>
      </c>
      <c r="E7340">
        <v>2019</v>
      </c>
      <c r="F7340">
        <v>2019</v>
      </c>
      <c r="G7340" t="s">
        <v>126</v>
      </c>
      <c r="H7340" t="s">
        <v>119</v>
      </c>
      <c r="I7340" t="s">
        <v>15</v>
      </c>
      <c r="J7340" s="10">
        <v>17.86233884</v>
      </c>
    </row>
    <row r="7341" spans="1:10" x14ac:dyDescent="0.35">
      <c r="A7341" t="s">
        <v>33</v>
      </c>
      <c r="B7341" t="s">
        <v>47</v>
      </c>
      <c r="C7341" t="s">
        <v>117</v>
      </c>
      <c r="D7341" t="s">
        <v>118</v>
      </c>
      <c r="E7341">
        <v>2019</v>
      </c>
      <c r="F7341">
        <v>2019</v>
      </c>
      <c r="G7341" t="s">
        <v>126</v>
      </c>
      <c r="H7341" t="s">
        <v>120</v>
      </c>
      <c r="I7341" t="s">
        <v>15</v>
      </c>
      <c r="J7341" s="10">
        <v>8.0996337730000008</v>
      </c>
    </row>
    <row r="7342" spans="1:10" x14ac:dyDescent="0.35">
      <c r="A7342" t="s">
        <v>33</v>
      </c>
      <c r="B7342" t="s">
        <v>47</v>
      </c>
      <c r="C7342" t="s">
        <v>117</v>
      </c>
      <c r="D7342" t="s">
        <v>118</v>
      </c>
      <c r="E7342">
        <v>2019</v>
      </c>
      <c r="F7342">
        <v>2019</v>
      </c>
      <c r="G7342" t="s">
        <v>126</v>
      </c>
      <c r="H7342" t="s">
        <v>121</v>
      </c>
      <c r="I7342" t="s">
        <v>15</v>
      </c>
      <c r="J7342" s="10">
        <v>33.454572820000003</v>
      </c>
    </row>
    <row r="7343" spans="1:10" x14ac:dyDescent="0.35">
      <c r="A7343" t="s">
        <v>33</v>
      </c>
      <c r="B7343" t="s">
        <v>47</v>
      </c>
      <c r="C7343" t="s">
        <v>117</v>
      </c>
      <c r="D7343" t="s">
        <v>118</v>
      </c>
      <c r="E7343">
        <v>2019</v>
      </c>
      <c r="F7343">
        <v>2019</v>
      </c>
      <c r="G7343" t="s">
        <v>126</v>
      </c>
      <c r="H7343" t="s">
        <v>122</v>
      </c>
      <c r="I7343" t="s">
        <v>15</v>
      </c>
      <c r="J7343" s="10">
        <v>20.910048660000001</v>
      </c>
    </row>
    <row r="7344" spans="1:10" x14ac:dyDescent="0.35">
      <c r="A7344" t="s">
        <v>33</v>
      </c>
      <c r="B7344" t="s">
        <v>47</v>
      </c>
      <c r="C7344" t="s">
        <v>117</v>
      </c>
      <c r="D7344" t="s">
        <v>118</v>
      </c>
      <c r="E7344">
        <v>2019</v>
      </c>
      <c r="F7344">
        <v>2019</v>
      </c>
      <c r="G7344" t="s">
        <v>126</v>
      </c>
      <c r="H7344" t="s">
        <v>123</v>
      </c>
      <c r="I7344" t="s">
        <v>15</v>
      </c>
      <c r="J7344" s="10">
        <v>17.192595189999999</v>
      </c>
    </row>
    <row r="7345" spans="1:10" x14ac:dyDescent="0.35">
      <c r="A7345" t="s">
        <v>33</v>
      </c>
      <c r="B7345" t="s">
        <v>47</v>
      </c>
      <c r="C7345" t="s">
        <v>117</v>
      </c>
      <c r="D7345" t="s">
        <v>118</v>
      </c>
      <c r="E7345">
        <v>2019</v>
      </c>
      <c r="F7345">
        <v>2019</v>
      </c>
      <c r="G7345" t="s">
        <v>126</v>
      </c>
      <c r="H7345" t="s">
        <v>124</v>
      </c>
      <c r="I7345" t="s">
        <v>15</v>
      </c>
      <c r="J7345" s="10">
        <v>2.4808107160000001</v>
      </c>
    </row>
    <row r="7346" spans="1:10" x14ac:dyDescent="0.35">
      <c r="A7346" t="s">
        <v>33</v>
      </c>
      <c r="B7346" t="s">
        <v>47</v>
      </c>
      <c r="C7346" t="s">
        <v>117</v>
      </c>
      <c r="D7346" t="s">
        <v>118</v>
      </c>
      <c r="E7346">
        <v>2018</v>
      </c>
      <c r="F7346">
        <v>2018</v>
      </c>
      <c r="G7346" t="s">
        <v>14</v>
      </c>
      <c r="H7346" t="s">
        <v>119</v>
      </c>
      <c r="I7346" t="s">
        <v>15</v>
      </c>
      <c r="J7346" s="10">
        <v>18.846828129999999</v>
      </c>
    </row>
    <row r="7347" spans="1:10" x14ac:dyDescent="0.35">
      <c r="A7347" t="s">
        <v>33</v>
      </c>
      <c r="B7347" t="s">
        <v>47</v>
      </c>
      <c r="C7347" t="s">
        <v>117</v>
      </c>
      <c r="D7347" t="s">
        <v>118</v>
      </c>
      <c r="E7347">
        <v>2018</v>
      </c>
      <c r="F7347">
        <v>2018</v>
      </c>
      <c r="G7347" t="s">
        <v>14</v>
      </c>
      <c r="H7347" t="s">
        <v>120</v>
      </c>
      <c r="I7347" t="s">
        <v>15</v>
      </c>
      <c r="J7347" s="10">
        <v>8.7890396729999996</v>
      </c>
    </row>
    <row r="7348" spans="1:10" x14ac:dyDescent="0.35">
      <c r="A7348" t="s">
        <v>33</v>
      </c>
      <c r="B7348" t="s">
        <v>47</v>
      </c>
      <c r="C7348" t="s">
        <v>117</v>
      </c>
      <c r="D7348" t="s">
        <v>118</v>
      </c>
      <c r="E7348">
        <v>2018</v>
      </c>
      <c r="F7348">
        <v>2018</v>
      </c>
      <c r="G7348" t="s">
        <v>14</v>
      </c>
      <c r="H7348" t="s">
        <v>121</v>
      </c>
      <c r="I7348" t="s">
        <v>15</v>
      </c>
      <c r="J7348" s="10">
        <v>33.260177910000003</v>
      </c>
    </row>
    <row r="7349" spans="1:10" x14ac:dyDescent="0.35">
      <c r="A7349" t="s">
        <v>33</v>
      </c>
      <c r="B7349" t="s">
        <v>47</v>
      </c>
      <c r="C7349" t="s">
        <v>117</v>
      </c>
      <c r="D7349" t="s">
        <v>118</v>
      </c>
      <c r="E7349">
        <v>2018</v>
      </c>
      <c r="F7349">
        <v>2018</v>
      </c>
      <c r="G7349" t="s">
        <v>14</v>
      </c>
      <c r="H7349" t="s">
        <v>122</v>
      </c>
      <c r="I7349" t="s">
        <v>15</v>
      </c>
      <c r="J7349" s="10">
        <v>20.823323160000001</v>
      </c>
    </row>
    <row r="7350" spans="1:10" x14ac:dyDescent="0.35">
      <c r="A7350" t="s">
        <v>33</v>
      </c>
      <c r="B7350" t="s">
        <v>47</v>
      </c>
      <c r="C7350" t="s">
        <v>117</v>
      </c>
      <c r="D7350" t="s">
        <v>118</v>
      </c>
      <c r="E7350">
        <v>2018</v>
      </c>
      <c r="F7350">
        <v>2018</v>
      </c>
      <c r="G7350" t="s">
        <v>14</v>
      </c>
      <c r="H7350" t="s">
        <v>123</v>
      </c>
      <c r="I7350" t="s">
        <v>15</v>
      </c>
      <c r="J7350" s="10">
        <v>16.401532370000002</v>
      </c>
    </row>
    <row r="7351" spans="1:10" x14ac:dyDescent="0.35">
      <c r="A7351" t="s">
        <v>33</v>
      </c>
      <c r="B7351" t="s">
        <v>47</v>
      </c>
      <c r="C7351" t="s">
        <v>117</v>
      </c>
      <c r="D7351" t="s">
        <v>118</v>
      </c>
      <c r="E7351">
        <v>2018</v>
      </c>
      <c r="F7351">
        <v>2018</v>
      </c>
      <c r="G7351" t="s">
        <v>14</v>
      </c>
      <c r="H7351" t="s">
        <v>124</v>
      </c>
      <c r="I7351" t="s">
        <v>15</v>
      </c>
      <c r="J7351" s="10">
        <v>1.87909876</v>
      </c>
    </row>
    <row r="7352" spans="1:10" x14ac:dyDescent="0.35">
      <c r="A7352" t="s">
        <v>33</v>
      </c>
      <c r="B7352" t="s">
        <v>47</v>
      </c>
      <c r="C7352" t="s">
        <v>117</v>
      </c>
      <c r="D7352" t="s">
        <v>118</v>
      </c>
      <c r="E7352">
        <v>2018</v>
      </c>
      <c r="F7352">
        <v>2018</v>
      </c>
      <c r="G7352" t="s">
        <v>125</v>
      </c>
      <c r="H7352" t="s">
        <v>119</v>
      </c>
      <c r="I7352" t="s">
        <v>15</v>
      </c>
      <c r="J7352" s="10">
        <v>19.715002399999999</v>
      </c>
    </row>
    <row r="7353" spans="1:10" x14ac:dyDescent="0.35">
      <c r="A7353" t="s">
        <v>33</v>
      </c>
      <c r="B7353" t="s">
        <v>47</v>
      </c>
      <c r="C7353" t="s">
        <v>117</v>
      </c>
      <c r="D7353" t="s">
        <v>118</v>
      </c>
      <c r="E7353">
        <v>2018</v>
      </c>
      <c r="F7353">
        <v>2018</v>
      </c>
      <c r="G7353" t="s">
        <v>125</v>
      </c>
      <c r="H7353" t="s">
        <v>120</v>
      </c>
      <c r="I7353" t="s">
        <v>15</v>
      </c>
      <c r="J7353" s="10">
        <v>9.3825052039999992</v>
      </c>
    </row>
    <row r="7354" spans="1:10" x14ac:dyDescent="0.35">
      <c r="A7354" t="s">
        <v>33</v>
      </c>
      <c r="B7354" t="s">
        <v>47</v>
      </c>
      <c r="C7354" t="s">
        <v>117</v>
      </c>
      <c r="D7354" t="s">
        <v>118</v>
      </c>
      <c r="E7354">
        <v>2018</v>
      </c>
      <c r="F7354">
        <v>2018</v>
      </c>
      <c r="G7354" t="s">
        <v>125</v>
      </c>
      <c r="H7354" t="s">
        <v>121</v>
      </c>
      <c r="I7354" t="s">
        <v>15</v>
      </c>
      <c r="J7354" s="10">
        <v>32.974862569999999</v>
      </c>
    </row>
    <row r="7355" spans="1:10" x14ac:dyDescent="0.35">
      <c r="A7355" t="s">
        <v>33</v>
      </c>
      <c r="B7355" t="s">
        <v>47</v>
      </c>
      <c r="C7355" t="s">
        <v>117</v>
      </c>
      <c r="D7355" t="s">
        <v>118</v>
      </c>
      <c r="E7355">
        <v>2018</v>
      </c>
      <c r="F7355">
        <v>2018</v>
      </c>
      <c r="G7355" t="s">
        <v>125</v>
      </c>
      <c r="H7355" t="s">
        <v>122</v>
      </c>
      <c r="I7355" t="s">
        <v>15</v>
      </c>
      <c r="J7355" s="10">
        <v>20.875807229999999</v>
      </c>
    </row>
    <row r="7356" spans="1:10" x14ac:dyDescent="0.35">
      <c r="A7356" t="s">
        <v>33</v>
      </c>
      <c r="B7356" t="s">
        <v>47</v>
      </c>
      <c r="C7356" t="s">
        <v>117</v>
      </c>
      <c r="D7356" t="s">
        <v>118</v>
      </c>
      <c r="E7356">
        <v>2018</v>
      </c>
      <c r="F7356">
        <v>2018</v>
      </c>
      <c r="G7356" t="s">
        <v>125</v>
      </c>
      <c r="H7356" t="s">
        <v>123</v>
      </c>
      <c r="I7356" t="s">
        <v>15</v>
      </c>
      <c r="J7356" s="10">
        <v>15.70955863</v>
      </c>
    </row>
    <row r="7357" spans="1:10" x14ac:dyDescent="0.35">
      <c r="A7357" t="s">
        <v>33</v>
      </c>
      <c r="B7357" t="s">
        <v>47</v>
      </c>
      <c r="C7357" t="s">
        <v>117</v>
      </c>
      <c r="D7357" t="s">
        <v>118</v>
      </c>
      <c r="E7357">
        <v>2018</v>
      </c>
      <c r="F7357">
        <v>2018</v>
      </c>
      <c r="G7357" t="s">
        <v>125</v>
      </c>
      <c r="H7357" t="s">
        <v>124</v>
      </c>
      <c r="I7357" t="s">
        <v>15</v>
      </c>
      <c r="J7357" s="10">
        <v>1.3422639700000001</v>
      </c>
    </row>
    <row r="7358" spans="1:10" x14ac:dyDescent="0.35">
      <c r="A7358" t="s">
        <v>33</v>
      </c>
      <c r="B7358" t="s">
        <v>47</v>
      </c>
      <c r="C7358" t="s">
        <v>117</v>
      </c>
      <c r="D7358" t="s">
        <v>118</v>
      </c>
      <c r="E7358">
        <v>2018</v>
      </c>
      <c r="F7358">
        <v>2018</v>
      </c>
      <c r="G7358" t="s">
        <v>126</v>
      </c>
      <c r="H7358" t="s">
        <v>119</v>
      </c>
      <c r="I7358" t="s">
        <v>15</v>
      </c>
      <c r="J7358" s="10">
        <v>18.0238294</v>
      </c>
    </row>
    <row r="7359" spans="1:10" x14ac:dyDescent="0.35">
      <c r="A7359" t="s">
        <v>33</v>
      </c>
      <c r="B7359" t="s">
        <v>47</v>
      </c>
      <c r="C7359" t="s">
        <v>117</v>
      </c>
      <c r="D7359" t="s">
        <v>118</v>
      </c>
      <c r="E7359">
        <v>2018</v>
      </c>
      <c r="F7359">
        <v>2018</v>
      </c>
      <c r="G7359" t="s">
        <v>126</v>
      </c>
      <c r="H7359" t="s">
        <v>120</v>
      </c>
      <c r="I7359" t="s">
        <v>15</v>
      </c>
      <c r="J7359" s="10">
        <v>8.2264551869999991</v>
      </c>
    </row>
    <row r="7360" spans="1:10" x14ac:dyDescent="0.35">
      <c r="A7360" t="s">
        <v>33</v>
      </c>
      <c r="B7360" t="s">
        <v>47</v>
      </c>
      <c r="C7360" t="s">
        <v>117</v>
      </c>
      <c r="D7360" t="s">
        <v>118</v>
      </c>
      <c r="E7360">
        <v>2018</v>
      </c>
      <c r="F7360">
        <v>2018</v>
      </c>
      <c r="G7360" t="s">
        <v>126</v>
      </c>
      <c r="H7360" t="s">
        <v>121</v>
      </c>
      <c r="I7360" t="s">
        <v>15</v>
      </c>
      <c r="J7360" s="10">
        <v>33.530646830000002</v>
      </c>
    </row>
    <row r="7361" spans="1:10" x14ac:dyDescent="0.35">
      <c r="A7361" t="s">
        <v>33</v>
      </c>
      <c r="B7361" t="s">
        <v>47</v>
      </c>
      <c r="C7361" t="s">
        <v>117</v>
      </c>
      <c r="D7361" t="s">
        <v>118</v>
      </c>
      <c r="E7361">
        <v>2018</v>
      </c>
      <c r="F7361">
        <v>2018</v>
      </c>
      <c r="G7361" t="s">
        <v>126</v>
      </c>
      <c r="H7361" t="s">
        <v>122</v>
      </c>
      <c r="I7361" t="s">
        <v>15</v>
      </c>
      <c r="J7361" s="10">
        <v>20.773570110000001</v>
      </c>
    </row>
    <row r="7362" spans="1:10" x14ac:dyDescent="0.35">
      <c r="A7362" t="s">
        <v>33</v>
      </c>
      <c r="B7362" t="s">
        <v>47</v>
      </c>
      <c r="C7362" t="s">
        <v>117</v>
      </c>
      <c r="D7362" t="s">
        <v>118</v>
      </c>
      <c r="E7362">
        <v>2018</v>
      </c>
      <c r="F7362">
        <v>2018</v>
      </c>
      <c r="G7362" t="s">
        <v>126</v>
      </c>
      <c r="H7362" t="s">
        <v>123</v>
      </c>
      <c r="I7362" t="s">
        <v>15</v>
      </c>
      <c r="J7362" s="10">
        <v>17.057499180000001</v>
      </c>
    </row>
    <row r="7363" spans="1:10" x14ac:dyDescent="0.35">
      <c r="A7363" t="s">
        <v>33</v>
      </c>
      <c r="B7363" t="s">
        <v>47</v>
      </c>
      <c r="C7363" t="s">
        <v>117</v>
      </c>
      <c r="D7363" t="s">
        <v>118</v>
      </c>
      <c r="E7363">
        <v>2018</v>
      </c>
      <c r="F7363">
        <v>2018</v>
      </c>
      <c r="G7363" t="s">
        <v>126</v>
      </c>
      <c r="H7363" t="s">
        <v>124</v>
      </c>
      <c r="I7363" t="s">
        <v>15</v>
      </c>
      <c r="J7363" s="10">
        <v>2.3879992919999999</v>
      </c>
    </row>
    <row r="7364" spans="1:10" x14ac:dyDescent="0.35">
      <c r="A7364" t="s">
        <v>33</v>
      </c>
      <c r="B7364" t="s">
        <v>47</v>
      </c>
      <c r="C7364" t="s">
        <v>117</v>
      </c>
      <c r="D7364" t="s">
        <v>118</v>
      </c>
      <c r="E7364">
        <v>2017</v>
      </c>
      <c r="F7364">
        <v>2017</v>
      </c>
      <c r="G7364" t="s">
        <v>14</v>
      </c>
      <c r="H7364" t="s">
        <v>119</v>
      </c>
      <c r="I7364" t="s">
        <v>15</v>
      </c>
      <c r="J7364" s="10">
        <v>18.87621639</v>
      </c>
    </row>
    <row r="7365" spans="1:10" x14ac:dyDescent="0.35">
      <c r="A7365" t="s">
        <v>33</v>
      </c>
      <c r="B7365" t="s">
        <v>47</v>
      </c>
      <c r="C7365" t="s">
        <v>117</v>
      </c>
      <c r="D7365" t="s">
        <v>118</v>
      </c>
      <c r="E7365">
        <v>2017</v>
      </c>
      <c r="F7365">
        <v>2017</v>
      </c>
      <c r="G7365" t="s">
        <v>14</v>
      </c>
      <c r="H7365" t="s">
        <v>120</v>
      </c>
      <c r="I7365" t="s">
        <v>15</v>
      </c>
      <c r="J7365" s="10">
        <v>8.8678455580000008</v>
      </c>
    </row>
    <row r="7366" spans="1:10" x14ac:dyDescent="0.35">
      <c r="A7366" t="s">
        <v>33</v>
      </c>
      <c r="B7366" t="s">
        <v>47</v>
      </c>
      <c r="C7366" t="s">
        <v>117</v>
      </c>
      <c r="D7366" t="s">
        <v>118</v>
      </c>
      <c r="E7366">
        <v>2017</v>
      </c>
      <c r="F7366">
        <v>2017</v>
      </c>
      <c r="G7366" t="s">
        <v>14</v>
      </c>
      <c r="H7366" t="s">
        <v>121</v>
      </c>
      <c r="I7366" t="s">
        <v>15</v>
      </c>
      <c r="J7366" s="10">
        <v>33.606257190000001</v>
      </c>
    </row>
    <row r="7367" spans="1:10" x14ac:dyDescent="0.35">
      <c r="A7367" t="s">
        <v>33</v>
      </c>
      <c r="B7367" t="s">
        <v>47</v>
      </c>
      <c r="C7367" t="s">
        <v>117</v>
      </c>
      <c r="D7367" t="s">
        <v>118</v>
      </c>
      <c r="E7367">
        <v>2017</v>
      </c>
      <c r="F7367">
        <v>2017</v>
      </c>
      <c r="G7367" t="s">
        <v>14</v>
      </c>
      <c r="H7367" t="s">
        <v>122</v>
      </c>
      <c r="I7367" t="s">
        <v>15</v>
      </c>
      <c r="J7367" s="10">
        <v>20.555613690000001</v>
      </c>
    </row>
    <row r="7368" spans="1:10" x14ac:dyDescent="0.35">
      <c r="A7368" t="s">
        <v>33</v>
      </c>
      <c r="B7368" t="s">
        <v>47</v>
      </c>
      <c r="C7368" t="s">
        <v>117</v>
      </c>
      <c r="D7368" t="s">
        <v>118</v>
      </c>
      <c r="E7368">
        <v>2017</v>
      </c>
      <c r="F7368">
        <v>2017</v>
      </c>
      <c r="G7368" t="s">
        <v>14</v>
      </c>
      <c r="H7368" t="s">
        <v>123</v>
      </c>
      <c r="I7368" t="s">
        <v>15</v>
      </c>
      <c r="J7368" s="10">
        <v>16.245945379999998</v>
      </c>
    </row>
    <row r="7369" spans="1:10" x14ac:dyDescent="0.35">
      <c r="A7369" t="s">
        <v>33</v>
      </c>
      <c r="B7369" t="s">
        <v>47</v>
      </c>
      <c r="C7369" t="s">
        <v>117</v>
      </c>
      <c r="D7369" t="s">
        <v>118</v>
      </c>
      <c r="E7369">
        <v>2017</v>
      </c>
      <c r="F7369">
        <v>2017</v>
      </c>
      <c r="G7369" t="s">
        <v>14</v>
      </c>
      <c r="H7369" t="s">
        <v>124</v>
      </c>
      <c r="I7369" t="s">
        <v>15</v>
      </c>
      <c r="J7369" s="10">
        <v>1.848121796</v>
      </c>
    </row>
    <row r="7370" spans="1:10" x14ac:dyDescent="0.35">
      <c r="A7370" t="s">
        <v>33</v>
      </c>
      <c r="B7370" t="s">
        <v>47</v>
      </c>
      <c r="C7370" t="s">
        <v>117</v>
      </c>
      <c r="D7370" t="s">
        <v>118</v>
      </c>
      <c r="E7370">
        <v>2017</v>
      </c>
      <c r="F7370">
        <v>2017</v>
      </c>
      <c r="G7370" t="s">
        <v>125</v>
      </c>
      <c r="H7370" t="s">
        <v>119</v>
      </c>
      <c r="I7370" t="s">
        <v>15</v>
      </c>
      <c r="J7370" s="10">
        <v>19.86605947</v>
      </c>
    </row>
    <row r="7371" spans="1:10" x14ac:dyDescent="0.35">
      <c r="A7371" t="s">
        <v>33</v>
      </c>
      <c r="B7371" t="s">
        <v>47</v>
      </c>
      <c r="C7371" t="s">
        <v>117</v>
      </c>
      <c r="D7371" t="s">
        <v>118</v>
      </c>
      <c r="E7371">
        <v>2017</v>
      </c>
      <c r="F7371">
        <v>2017</v>
      </c>
      <c r="G7371" t="s">
        <v>125</v>
      </c>
      <c r="H7371" t="s">
        <v>120</v>
      </c>
      <c r="I7371" t="s">
        <v>15</v>
      </c>
      <c r="J7371" s="10">
        <v>9.3222609159999994</v>
      </c>
    </row>
    <row r="7372" spans="1:10" x14ac:dyDescent="0.35">
      <c r="A7372" t="s">
        <v>33</v>
      </c>
      <c r="B7372" t="s">
        <v>47</v>
      </c>
      <c r="C7372" t="s">
        <v>117</v>
      </c>
      <c r="D7372" t="s">
        <v>118</v>
      </c>
      <c r="E7372">
        <v>2017</v>
      </c>
      <c r="F7372">
        <v>2017</v>
      </c>
      <c r="G7372" t="s">
        <v>125</v>
      </c>
      <c r="H7372" t="s">
        <v>121</v>
      </c>
      <c r="I7372" t="s">
        <v>15</v>
      </c>
      <c r="J7372" s="10">
        <v>33.40208947</v>
      </c>
    </row>
    <row r="7373" spans="1:10" x14ac:dyDescent="0.35">
      <c r="A7373" t="s">
        <v>33</v>
      </c>
      <c r="B7373" t="s">
        <v>47</v>
      </c>
      <c r="C7373" t="s">
        <v>117</v>
      </c>
      <c r="D7373" t="s">
        <v>118</v>
      </c>
      <c r="E7373">
        <v>2017</v>
      </c>
      <c r="F7373">
        <v>2017</v>
      </c>
      <c r="G7373" t="s">
        <v>125</v>
      </c>
      <c r="H7373" t="s">
        <v>122</v>
      </c>
      <c r="I7373" t="s">
        <v>15</v>
      </c>
      <c r="J7373" s="10">
        <v>20.650950980000001</v>
      </c>
    </row>
    <row r="7374" spans="1:10" x14ac:dyDescent="0.35">
      <c r="A7374" t="s">
        <v>33</v>
      </c>
      <c r="B7374" t="s">
        <v>47</v>
      </c>
      <c r="C7374" t="s">
        <v>117</v>
      </c>
      <c r="D7374" t="s">
        <v>118</v>
      </c>
      <c r="E7374">
        <v>2017</v>
      </c>
      <c r="F7374">
        <v>2017</v>
      </c>
      <c r="G7374" t="s">
        <v>125</v>
      </c>
      <c r="H7374" t="s">
        <v>123</v>
      </c>
      <c r="I7374" t="s">
        <v>15</v>
      </c>
      <c r="J7374" s="10">
        <v>15.515671040000001</v>
      </c>
    </row>
    <row r="7375" spans="1:10" x14ac:dyDescent="0.35">
      <c r="A7375" t="s">
        <v>33</v>
      </c>
      <c r="B7375" t="s">
        <v>47</v>
      </c>
      <c r="C7375" t="s">
        <v>117</v>
      </c>
      <c r="D7375" t="s">
        <v>118</v>
      </c>
      <c r="E7375">
        <v>2017</v>
      </c>
      <c r="F7375">
        <v>2017</v>
      </c>
      <c r="G7375" t="s">
        <v>125</v>
      </c>
      <c r="H7375" t="s">
        <v>124</v>
      </c>
      <c r="I7375" t="s">
        <v>15</v>
      </c>
      <c r="J7375" s="10">
        <v>1.242968122</v>
      </c>
    </row>
    <row r="7376" spans="1:10" x14ac:dyDescent="0.35">
      <c r="A7376" t="s">
        <v>33</v>
      </c>
      <c r="B7376" t="s">
        <v>47</v>
      </c>
      <c r="C7376" t="s">
        <v>117</v>
      </c>
      <c r="D7376" t="s">
        <v>118</v>
      </c>
      <c r="E7376">
        <v>2017</v>
      </c>
      <c r="F7376">
        <v>2017</v>
      </c>
      <c r="G7376" t="s">
        <v>126</v>
      </c>
      <c r="H7376" t="s">
        <v>119</v>
      </c>
      <c r="I7376" t="s">
        <v>15</v>
      </c>
      <c r="J7376" s="10">
        <v>17.931810049999999</v>
      </c>
    </row>
    <row r="7377" spans="1:10" x14ac:dyDescent="0.35">
      <c r="A7377" t="s">
        <v>33</v>
      </c>
      <c r="B7377" t="s">
        <v>47</v>
      </c>
      <c r="C7377" t="s">
        <v>117</v>
      </c>
      <c r="D7377" t="s">
        <v>118</v>
      </c>
      <c r="E7377">
        <v>2017</v>
      </c>
      <c r="F7377">
        <v>2017</v>
      </c>
      <c r="G7377" t="s">
        <v>126</v>
      </c>
      <c r="H7377" t="s">
        <v>120</v>
      </c>
      <c r="I7377" t="s">
        <v>15</v>
      </c>
      <c r="J7377" s="10">
        <v>8.4342892190000001</v>
      </c>
    </row>
    <row r="7378" spans="1:10" x14ac:dyDescent="0.35">
      <c r="A7378" t="s">
        <v>33</v>
      </c>
      <c r="B7378" t="s">
        <v>47</v>
      </c>
      <c r="C7378" t="s">
        <v>117</v>
      </c>
      <c r="D7378" t="s">
        <v>118</v>
      </c>
      <c r="E7378">
        <v>2017</v>
      </c>
      <c r="F7378">
        <v>2017</v>
      </c>
      <c r="G7378" t="s">
        <v>126</v>
      </c>
      <c r="H7378" t="s">
        <v>121</v>
      </c>
      <c r="I7378" t="s">
        <v>15</v>
      </c>
      <c r="J7378" s="10">
        <v>33.801053009999997</v>
      </c>
    </row>
    <row r="7379" spans="1:10" x14ac:dyDescent="0.35">
      <c r="A7379" t="s">
        <v>33</v>
      </c>
      <c r="B7379" t="s">
        <v>47</v>
      </c>
      <c r="C7379" t="s">
        <v>117</v>
      </c>
      <c r="D7379" t="s">
        <v>118</v>
      </c>
      <c r="E7379">
        <v>2017</v>
      </c>
      <c r="F7379">
        <v>2017</v>
      </c>
      <c r="G7379" t="s">
        <v>126</v>
      </c>
      <c r="H7379" t="s">
        <v>122</v>
      </c>
      <c r="I7379" t="s">
        <v>15</v>
      </c>
      <c r="J7379" s="10">
        <v>20.464652659999999</v>
      </c>
    </row>
    <row r="7380" spans="1:10" x14ac:dyDescent="0.35">
      <c r="A7380" t="s">
        <v>33</v>
      </c>
      <c r="B7380" t="s">
        <v>47</v>
      </c>
      <c r="C7380" t="s">
        <v>117</v>
      </c>
      <c r="D7380" t="s">
        <v>118</v>
      </c>
      <c r="E7380">
        <v>2017</v>
      </c>
      <c r="F7380">
        <v>2017</v>
      </c>
      <c r="G7380" t="s">
        <v>126</v>
      </c>
      <c r="H7380" t="s">
        <v>123</v>
      </c>
      <c r="I7380" t="s">
        <v>15</v>
      </c>
      <c r="J7380" s="10">
        <v>16.942697949999999</v>
      </c>
    </row>
    <row r="7381" spans="1:10" x14ac:dyDescent="0.35">
      <c r="A7381" t="s">
        <v>33</v>
      </c>
      <c r="B7381" t="s">
        <v>47</v>
      </c>
      <c r="C7381" t="s">
        <v>117</v>
      </c>
      <c r="D7381" t="s">
        <v>118</v>
      </c>
      <c r="E7381">
        <v>2017</v>
      </c>
      <c r="F7381">
        <v>2017</v>
      </c>
      <c r="G7381" t="s">
        <v>126</v>
      </c>
      <c r="H7381" t="s">
        <v>124</v>
      </c>
      <c r="I7381" t="s">
        <v>15</v>
      </c>
      <c r="J7381" s="10">
        <v>2.425497112</v>
      </c>
    </row>
    <row r="7382" spans="1:10" x14ac:dyDescent="0.35">
      <c r="A7382" t="s">
        <v>33</v>
      </c>
      <c r="B7382" t="s">
        <v>47</v>
      </c>
      <c r="C7382" t="s">
        <v>117</v>
      </c>
      <c r="D7382" t="s">
        <v>118</v>
      </c>
      <c r="E7382">
        <v>2016</v>
      </c>
      <c r="F7382">
        <v>2016</v>
      </c>
      <c r="G7382" t="s">
        <v>14</v>
      </c>
      <c r="H7382" t="s">
        <v>119</v>
      </c>
      <c r="I7382" t="s">
        <v>15</v>
      </c>
      <c r="J7382" s="10">
        <v>18.828269479999999</v>
      </c>
    </row>
    <row r="7383" spans="1:10" x14ac:dyDescent="0.35">
      <c r="A7383" t="s">
        <v>33</v>
      </c>
      <c r="B7383" t="s">
        <v>47</v>
      </c>
      <c r="C7383" t="s">
        <v>117</v>
      </c>
      <c r="D7383" t="s">
        <v>118</v>
      </c>
      <c r="E7383">
        <v>2016</v>
      </c>
      <c r="F7383">
        <v>2016</v>
      </c>
      <c r="G7383" t="s">
        <v>14</v>
      </c>
      <c r="H7383" t="s">
        <v>120</v>
      </c>
      <c r="I7383" t="s">
        <v>15</v>
      </c>
      <c r="J7383" s="10">
        <v>9.050198151</v>
      </c>
    </row>
    <row r="7384" spans="1:10" x14ac:dyDescent="0.35">
      <c r="A7384" t="s">
        <v>33</v>
      </c>
      <c r="B7384" t="s">
        <v>47</v>
      </c>
      <c r="C7384" t="s">
        <v>117</v>
      </c>
      <c r="D7384" t="s">
        <v>118</v>
      </c>
      <c r="E7384">
        <v>2016</v>
      </c>
      <c r="F7384">
        <v>2016</v>
      </c>
      <c r="G7384" t="s">
        <v>14</v>
      </c>
      <c r="H7384" t="s">
        <v>121</v>
      </c>
      <c r="I7384" t="s">
        <v>15</v>
      </c>
      <c r="J7384" s="10">
        <v>33.900924699999997</v>
      </c>
    </row>
    <row r="7385" spans="1:10" x14ac:dyDescent="0.35">
      <c r="A7385" t="s">
        <v>33</v>
      </c>
      <c r="B7385" t="s">
        <v>47</v>
      </c>
      <c r="C7385" t="s">
        <v>117</v>
      </c>
      <c r="D7385" t="s">
        <v>118</v>
      </c>
      <c r="E7385">
        <v>2016</v>
      </c>
      <c r="F7385">
        <v>2016</v>
      </c>
      <c r="G7385" t="s">
        <v>14</v>
      </c>
      <c r="H7385" t="s">
        <v>122</v>
      </c>
      <c r="I7385" t="s">
        <v>15</v>
      </c>
      <c r="J7385" s="10">
        <v>20.327608980000001</v>
      </c>
    </row>
    <row r="7386" spans="1:10" x14ac:dyDescent="0.35">
      <c r="A7386" t="s">
        <v>33</v>
      </c>
      <c r="B7386" t="s">
        <v>47</v>
      </c>
      <c r="C7386" t="s">
        <v>117</v>
      </c>
      <c r="D7386" t="s">
        <v>118</v>
      </c>
      <c r="E7386">
        <v>2016</v>
      </c>
      <c r="F7386">
        <v>2016</v>
      </c>
      <c r="G7386" t="s">
        <v>14</v>
      </c>
      <c r="H7386" t="s">
        <v>123</v>
      </c>
      <c r="I7386" t="s">
        <v>15</v>
      </c>
      <c r="J7386" s="10">
        <v>16.064729190000001</v>
      </c>
    </row>
    <row r="7387" spans="1:10" x14ac:dyDescent="0.35">
      <c r="A7387" t="s">
        <v>33</v>
      </c>
      <c r="B7387" t="s">
        <v>47</v>
      </c>
      <c r="C7387" t="s">
        <v>117</v>
      </c>
      <c r="D7387" t="s">
        <v>118</v>
      </c>
      <c r="E7387">
        <v>2016</v>
      </c>
      <c r="F7387">
        <v>2016</v>
      </c>
      <c r="G7387" t="s">
        <v>14</v>
      </c>
      <c r="H7387" t="s">
        <v>124</v>
      </c>
      <c r="I7387" t="s">
        <v>15</v>
      </c>
      <c r="J7387" s="10">
        <v>1.8282694850000001</v>
      </c>
    </row>
    <row r="7388" spans="1:10" x14ac:dyDescent="0.35">
      <c r="A7388" t="s">
        <v>33</v>
      </c>
      <c r="B7388" t="s">
        <v>47</v>
      </c>
      <c r="C7388" t="s">
        <v>117</v>
      </c>
      <c r="D7388" t="s">
        <v>118</v>
      </c>
      <c r="E7388">
        <v>2016</v>
      </c>
      <c r="F7388">
        <v>2016</v>
      </c>
      <c r="G7388" t="s">
        <v>125</v>
      </c>
      <c r="H7388" t="s">
        <v>119</v>
      </c>
      <c r="I7388" t="s">
        <v>15</v>
      </c>
      <c r="J7388" s="10">
        <v>19.757802340000001</v>
      </c>
    </row>
    <row r="7389" spans="1:10" x14ac:dyDescent="0.35">
      <c r="A7389" t="s">
        <v>33</v>
      </c>
      <c r="B7389" t="s">
        <v>47</v>
      </c>
      <c r="C7389" t="s">
        <v>117</v>
      </c>
      <c r="D7389" t="s">
        <v>118</v>
      </c>
      <c r="E7389">
        <v>2016</v>
      </c>
      <c r="F7389">
        <v>2016</v>
      </c>
      <c r="G7389" t="s">
        <v>125</v>
      </c>
      <c r="H7389" t="s">
        <v>120</v>
      </c>
      <c r="I7389" t="s">
        <v>15</v>
      </c>
      <c r="J7389" s="10">
        <v>9.4169917640000005</v>
      </c>
    </row>
    <row r="7390" spans="1:10" x14ac:dyDescent="0.35">
      <c r="A7390" t="s">
        <v>33</v>
      </c>
      <c r="B7390" t="s">
        <v>47</v>
      </c>
      <c r="C7390" t="s">
        <v>117</v>
      </c>
      <c r="D7390" t="s">
        <v>118</v>
      </c>
      <c r="E7390">
        <v>2016</v>
      </c>
      <c r="F7390">
        <v>2016</v>
      </c>
      <c r="G7390" t="s">
        <v>125</v>
      </c>
      <c r="H7390" t="s">
        <v>121</v>
      </c>
      <c r="I7390" t="s">
        <v>15</v>
      </c>
      <c r="J7390" s="10">
        <v>33.839943650000002</v>
      </c>
    </row>
    <row r="7391" spans="1:10" x14ac:dyDescent="0.35">
      <c r="A7391" t="s">
        <v>33</v>
      </c>
      <c r="B7391" t="s">
        <v>47</v>
      </c>
      <c r="C7391" t="s">
        <v>117</v>
      </c>
      <c r="D7391" t="s">
        <v>118</v>
      </c>
      <c r="E7391">
        <v>2016</v>
      </c>
      <c r="F7391">
        <v>2016</v>
      </c>
      <c r="G7391" t="s">
        <v>125</v>
      </c>
      <c r="H7391" t="s">
        <v>122</v>
      </c>
      <c r="I7391" t="s">
        <v>15</v>
      </c>
      <c r="J7391" s="10">
        <v>20.372778499999999</v>
      </c>
    </row>
    <row r="7392" spans="1:10" x14ac:dyDescent="0.35">
      <c r="A7392" t="s">
        <v>33</v>
      </c>
      <c r="B7392" t="s">
        <v>47</v>
      </c>
      <c r="C7392" t="s">
        <v>117</v>
      </c>
      <c r="D7392" t="s">
        <v>118</v>
      </c>
      <c r="E7392">
        <v>2016</v>
      </c>
      <c r="F7392">
        <v>2016</v>
      </c>
      <c r="G7392" t="s">
        <v>125</v>
      </c>
      <c r="H7392" t="s">
        <v>123</v>
      </c>
      <c r="I7392" t="s">
        <v>15</v>
      </c>
      <c r="J7392" s="10">
        <v>15.39065886</v>
      </c>
    </row>
    <row r="7393" spans="1:10" x14ac:dyDescent="0.35">
      <c r="A7393" t="s">
        <v>33</v>
      </c>
      <c r="B7393" t="s">
        <v>47</v>
      </c>
      <c r="C7393" t="s">
        <v>117</v>
      </c>
      <c r="D7393" t="s">
        <v>118</v>
      </c>
      <c r="E7393">
        <v>2016</v>
      </c>
      <c r="F7393">
        <v>2016</v>
      </c>
      <c r="G7393" t="s">
        <v>125</v>
      </c>
      <c r="H7393" t="s">
        <v>124</v>
      </c>
      <c r="I7393" t="s">
        <v>15</v>
      </c>
      <c r="J7393" s="10">
        <v>1.2218248810000001</v>
      </c>
    </row>
    <row r="7394" spans="1:10" x14ac:dyDescent="0.35">
      <c r="A7394" t="s">
        <v>33</v>
      </c>
      <c r="B7394" t="s">
        <v>47</v>
      </c>
      <c r="C7394" t="s">
        <v>117</v>
      </c>
      <c r="D7394" t="s">
        <v>118</v>
      </c>
      <c r="E7394">
        <v>2016</v>
      </c>
      <c r="F7394">
        <v>2016</v>
      </c>
      <c r="G7394" t="s">
        <v>126</v>
      </c>
      <c r="H7394" t="s">
        <v>119</v>
      </c>
      <c r="I7394" t="s">
        <v>15</v>
      </c>
      <c r="J7394" s="10">
        <v>17.943693929999998</v>
      </c>
    </row>
    <row r="7395" spans="1:10" x14ac:dyDescent="0.35">
      <c r="A7395" t="s">
        <v>33</v>
      </c>
      <c r="B7395" t="s">
        <v>47</v>
      </c>
      <c r="C7395" t="s">
        <v>117</v>
      </c>
      <c r="D7395" t="s">
        <v>118</v>
      </c>
      <c r="E7395">
        <v>2016</v>
      </c>
      <c r="F7395">
        <v>2016</v>
      </c>
      <c r="G7395" t="s">
        <v>126</v>
      </c>
      <c r="H7395" t="s">
        <v>120</v>
      </c>
      <c r="I7395" t="s">
        <v>15</v>
      </c>
      <c r="J7395" s="10">
        <v>8.7011446840000009</v>
      </c>
    </row>
    <row r="7396" spans="1:10" x14ac:dyDescent="0.35">
      <c r="A7396" t="s">
        <v>33</v>
      </c>
      <c r="B7396" t="s">
        <v>47</v>
      </c>
      <c r="C7396" t="s">
        <v>117</v>
      </c>
      <c r="D7396" t="s">
        <v>118</v>
      </c>
      <c r="E7396">
        <v>2016</v>
      </c>
      <c r="F7396">
        <v>2016</v>
      </c>
      <c r="G7396" t="s">
        <v>126</v>
      </c>
      <c r="H7396" t="s">
        <v>121</v>
      </c>
      <c r="I7396" t="s">
        <v>15</v>
      </c>
      <c r="J7396" s="10">
        <v>33.958956379999996</v>
      </c>
    </row>
    <row r="7397" spans="1:10" x14ac:dyDescent="0.35">
      <c r="A7397" t="s">
        <v>33</v>
      </c>
      <c r="B7397" t="s">
        <v>47</v>
      </c>
      <c r="C7397" t="s">
        <v>117</v>
      </c>
      <c r="D7397" t="s">
        <v>118</v>
      </c>
      <c r="E7397">
        <v>2016</v>
      </c>
      <c r="F7397">
        <v>2016</v>
      </c>
      <c r="G7397" t="s">
        <v>126</v>
      </c>
      <c r="H7397" t="s">
        <v>122</v>
      </c>
      <c r="I7397" t="s">
        <v>15</v>
      </c>
      <c r="J7397" s="10">
        <v>20.284624109999999</v>
      </c>
    </row>
    <row r="7398" spans="1:10" x14ac:dyDescent="0.35">
      <c r="A7398" t="s">
        <v>33</v>
      </c>
      <c r="B7398" t="s">
        <v>47</v>
      </c>
      <c r="C7398" t="s">
        <v>117</v>
      </c>
      <c r="D7398" t="s">
        <v>118</v>
      </c>
      <c r="E7398">
        <v>2016</v>
      </c>
      <c r="F7398">
        <v>2016</v>
      </c>
      <c r="G7398" t="s">
        <v>126</v>
      </c>
      <c r="H7398" t="s">
        <v>123</v>
      </c>
      <c r="I7398" t="s">
        <v>15</v>
      </c>
      <c r="J7398" s="10">
        <v>16.706197790000001</v>
      </c>
    </row>
    <row r="7399" spans="1:10" x14ac:dyDescent="0.35">
      <c r="A7399" t="s">
        <v>33</v>
      </c>
      <c r="B7399" t="s">
        <v>47</v>
      </c>
      <c r="C7399" t="s">
        <v>117</v>
      </c>
      <c r="D7399" t="s">
        <v>118</v>
      </c>
      <c r="E7399">
        <v>2016</v>
      </c>
      <c r="F7399">
        <v>2016</v>
      </c>
      <c r="G7399" t="s">
        <v>126</v>
      </c>
      <c r="H7399" t="s">
        <v>124</v>
      </c>
      <c r="I7399" t="s">
        <v>15</v>
      </c>
      <c r="J7399" s="10">
        <v>2.4053831080000001</v>
      </c>
    </row>
    <row r="7400" spans="1:10" x14ac:dyDescent="0.35">
      <c r="A7400" t="s">
        <v>33</v>
      </c>
      <c r="B7400" t="s">
        <v>47</v>
      </c>
      <c r="C7400" t="s">
        <v>117</v>
      </c>
      <c r="D7400" t="s">
        <v>118</v>
      </c>
      <c r="E7400">
        <v>2015</v>
      </c>
      <c r="F7400">
        <v>2015</v>
      </c>
      <c r="G7400" t="s">
        <v>14</v>
      </c>
      <c r="H7400" t="s">
        <v>119</v>
      </c>
      <c r="I7400" t="s">
        <v>15</v>
      </c>
      <c r="J7400" s="10">
        <v>18.826096790000001</v>
      </c>
    </row>
    <row r="7401" spans="1:10" x14ac:dyDescent="0.35">
      <c r="A7401" t="s">
        <v>33</v>
      </c>
      <c r="B7401" t="s">
        <v>47</v>
      </c>
      <c r="C7401" t="s">
        <v>117</v>
      </c>
      <c r="D7401" t="s">
        <v>118</v>
      </c>
      <c r="E7401">
        <v>2015</v>
      </c>
      <c r="F7401">
        <v>2015</v>
      </c>
      <c r="G7401" t="s">
        <v>14</v>
      </c>
      <c r="H7401" t="s">
        <v>120</v>
      </c>
      <c r="I7401" t="s">
        <v>15</v>
      </c>
      <c r="J7401" s="10">
        <v>9.2360713759999999</v>
      </c>
    </row>
    <row r="7402" spans="1:10" x14ac:dyDescent="0.35">
      <c r="A7402" t="s">
        <v>33</v>
      </c>
      <c r="B7402" t="s">
        <v>47</v>
      </c>
      <c r="C7402" t="s">
        <v>117</v>
      </c>
      <c r="D7402" t="s">
        <v>118</v>
      </c>
      <c r="E7402">
        <v>2015</v>
      </c>
      <c r="F7402">
        <v>2015</v>
      </c>
      <c r="G7402" t="s">
        <v>14</v>
      </c>
      <c r="H7402" t="s">
        <v>121</v>
      </c>
      <c r="I7402" t="s">
        <v>15</v>
      </c>
      <c r="J7402" s="10">
        <v>34.139266280000001</v>
      </c>
    </row>
    <row r="7403" spans="1:10" x14ac:dyDescent="0.35">
      <c r="A7403" t="s">
        <v>33</v>
      </c>
      <c r="B7403" t="s">
        <v>47</v>
      </c>
      <c r="C7403" t="s">
        <v>117</v>
      </c>
      <c r="D7403" t="s">
        <v>118</v>
      </c>
      <c r="E7403">
        <v>2015</v>
      </c>
      <c r="F7403">
        <v>2015</v>
      </c>
      <c r="G7403" t="s">
        <v>14</v>
      </c>
      <c r="H7403" t="s">
        <v>122</v>
      </c>
      <c r="I7403" t="s">
        <v>15</v>
      </c>
      <c r="J7403" s="10">
        <v>20.208646590000001</v>
      </c>
    </row>
    <row r="7404" spans="1:10" x14ac:dyDescent="0.35">
      <c r="A7404" t="s">
        <v>33</v>
      </c>
      <c r="B7404" t="s">
        <v>47</v>
      </c>
      <c r="C7404" t="s">
        <v>117</v>
      </c>
      <c r="D7404" t="s">
        <v>118</v>
      </c>
      <c r="E7404">
        <v>2015</v>
      </c>
      <c r="F7404">
        <v>2015</v>
      </c>
      <c r="G7404" t="s">
        <v>14</v>
      </c>
      <c r="H7404" t="s">
        <v>123</v>
      </c>
      <c r="I7404" t="s">
        <v>15</v>
      </c>
      <c r="J7404" s="10">
        <v>15.789543719999999</v>
      </c>
    </row>
    <row r="7405" spans="1:10" x14ac:dyDescent="0.35">
      <c r="A7405" t="s">
        <v>33</v>
      </c>
      <c r="B7405" t="s">
        <v>47</v>
      </c>
      <c r="C7405" t="s">
        <v>117</v>
      </c>
      <c r="D7405" t="s">
        <v>118</v>
      </c>
      <c r="E7405">
        <v>2015</v>
      </c>
      <c r="F7405">
        <v>2015</v>
      </c>
      <c r="G7405" t="s">
        <v>14</v>
      </c>
      <c r="H7405" t="s">
        <v>124</v>
      </c>
      <c r="I7405" t="s">
        <v>15</v>
      </c>
      <c r="J7405" s="10">
        <v>1.8003752449999999</v>
      </c>
    </row>
    <row r="7406" spans="1:10" x14ac:dyDescent="0.35">
      <c r="A7406" t="s">
        <v>33</v>
      </c>
      <c r="B7406" t="s">
        <v>47</v>
      </c>
      <c r="C7406" t="s">
        <v>117</v>
      </c>
      <c r="D7406" t="s">
        <v>118</v>
      </c>
      <c r="E7406">
        <v>2015</v>
      </c>
      <c r="F7406">
        <v>2015</v>
      </c>
      <c r="G7406" t="s">
        <v>125</v>
      </c>
      <c r="H7406" t="s">
        <v>119</v>
      </c>
      <c r="I7406" t="s">
        <v>15</v>
      </c>
      <c r="J7406" s="10">
        <v>19.757777900000001</v>
      </c>
    </row>
    <row r="7407" spans="1:10" x14ac:dyDescent="0.35">
      <c r="A7407" t="s">
        <v>33</v>
      </c>
      <c r="B7407" t="s">
        <v>47</v>
      </c>
      <c r="C7407" t="s">
        <v>117</v>
      </c>
      <c r="D7407" t="s">
        <v>118</v>
      </c>
      <c r="E7407">
        <v>2015</v>
      </c>
      <c r="F7407">
        <v>2015</v>
      </c>
      <c r="G7407" t="s">
        <v>125</v>
      </c>
      <c r="H7407" t="s">
        <v>120</v>
      </c>
      <c r="I7407" t="s">
        <v>15</v>
      </c>
      <c r="J7407" s="10">
        <v>9.5221171200000008</v>
      </c>
    </row>
    <row r="7408" spans="1:10" x14ac:dyDescent="0.35">
      <c r="A7408" t="s">
        <v>33</v>
      </c>
      <c r="B7408" t="s">
        <v>47</v>
      </c>
      <c r="C7408" t="s">
        <v>117</v>
      </c>
      <c r="D7408" t="s">
        <v>118</v>
      </c>
      <c r="E7408">
        <v>2015</v>
      </c>
      <c r="F7408">
        <v>2015</v>
      </c>
      <c r="G7408" t="s">
        <v>125</v>
      </c>
      <c r="H7408" t="s">
        <v>121</v>
      </c>
      <c r="I7408" t="s">
        <v>15</v>
      </c>
      <c r="J7408" s="10">
        <v>34.116135380000003</v>
      </c>
    </row>
    <row r="7409" spans="1:10" x14ac:dyDescent="0.35">
      <c r="A7409" t="s">
        <v>33</v>
      </c>
      <c r="B7409" t="s">
        <v>47</v>
      </c>
      <c r="C7409" t="s">
        <v>117</v>
      </c>
      <c r="D7409" t="s">
        <v>118</v>
      </c>
      <c r="E7409">
        <v>2015</v>
      </c>
      <c r="F7409">
        <v>2015</v>
      </c>
      <c r="G7409" t="s">
        <v>125</v>
      </c>
      <c r="H7409" t="s">
        <v>122</v>
      </c>
      <c r="I7409" t="s">
        <v>15</v>
      </c>
      <c r="J7409" s="10">
        <v>20.25807863</v>
      </c>
    </row>
    <row r="7410" spans="1:10" x14ac:dyDescent="0.35">
      <c r="A7410" t="s">
        <v>33</v>
      </c>
      <c r="B7410" t="s">
        <v>47</v>
      </c>
      <c r="C7410" t="s">
        <v>117</v>
      </c>
      <c r="D7410" t="s">
        <v>118</v>
      </c>
      <c r="E7410">
        <v>2015</v>
      </c>
      <c r="F7410">
        <v>2015</v>
      </c>
      <c r="G7410" t="s">
        <v>125</v>
      </c>
      <c r="H7410" t="s">
        <v>123</v>
      </c>
      <c r="I7410" t="s">
        <v>15</v>
      </c>
      <c r="J7410" s="10">
        <v>15.123844930000001</v>
      </c>
    </row>
    <row r="7411" spans="1:10" x14ac:dyDescent="0.35">
      <c r="A7411" t="s">
        <v>33</v>
      </c>
      <c r="B7411" t="s">
        <v>47</v>
      </c>
      <c r="C7411" t="s">
        <v>117</v>
      </c>
      <c r="D7411" t="s">
        <v>118</v>
      </c>
      <c r="E7411">
        <v>2015</v>
      </c>
      <c r="F7411">
        <v>2015</v>
      </c>
      <c r="G7411" t="s">
        <v>125</v>
      </c>
      <c r="H7411" t="s">
        <v>124</v>
      </c>
      <c r="I7411" t="s">
        <v>15</v>
      </c>
      <c r="J7411" s="10">
        <v>1.2220460390000001</v>
      </c>
    </row>
    <row r="7412" spans="1:10" x14ac:dyDescent="0.35">
      <c r="A7412" t="s">
        <v>33</v>
      </c>
      <c r="B7412" t="s">
        <v>47</v>
      </c>
      <c r="C7412" t="s">
        <v>117</v>
      </c>
      <c r="D7412" t="s">
        <v>118</v>
      </c>
      <c r="E7412">
        <v>2015</v>
      </c>
      <c r="F7412">
        <v>2015</v>
      </c>
      <c r="G7412" t="s">
        <v>126</v>
      </c>
      <c r="H7412" t="s">
        <v>119</v>
      </c>
      <c r="I7412" t="s">
        <v>15</v>
      </c>
      <c r="J7412" s="10">
        <v>17.942602340000001</v>
      </c>
    </row>
    <row r="7413" spans="1:10" x14ac:dyDescent="0.35">
      <c r="A7413" t="s">
        <v>33</v>
      </c>
      <c r="B7413" t="s">
        <v>47</v>
      </c>
      <c r="C7413" t="s">
        <v>117</v>
      </c>
      <c r="D7413" t="s">
        <v>118</v>
      </c>
      <c r="E7413">
        <v>2015</v>
      </c>
      <c r="F7413">
        <v>2015</v>
      </c>
      <c r="G7413" t="s">
        <v>126</v>
      </c>
      <c r="H7413" t="s">
        <v>120</v>
      </c>
      <c r="I7413" t="s">
        <v>15</v>
      </c>
      <c r="J7413" s="10">
        <v>8.9648199519999991</v>
      </c>
    </row>
    <row r="7414" spans="1:10" x14ac:dyDescent="0.35">
      <c r="A7414" t="s">
        <v>33</v>
      </c>
      <c r="B7414" t="s">
        <v>47</v>
      </c>
      <c r="C7414" t="s">
        <v>117</v>
      </c>
      <c r="D7414" t="s">
        <v>118</v>
      </c>
      <c r="E7414">
        <v>2015</v>
      </c>
      <c r="F7414">
        <v>2015</v>
      </c>
      <c r="G7414" t="s">
        <v>126</v>
      </c>
      <c r="H7414" t="s">
        <v>121</v>
      </c>
      <c r="I7414" t="s">
        <v>15</v>
      </c>
      <c r="J7414" s="10">
        <v>34.161200839999999</v>
      </c>
    </row>
    <row r="7415" spans="1:10" x14ac:dyDescent="0.35">
      <c r="A7415" t="s">
        <v>33</v>
      </c>
      <c r="B7415" t="s">
        <v>47</v>
      </c>
      <c r="C7415" t="s">
        <v>117</v>
      </c>
      <c r="D7415" t="s">
        <v>118</v>
      </c>
      <c r="E7415">
        <v>2015</v>
      </c>
      <c r="F7415">
        <v>2015</v>
      </c>
      <c r="G7415" t="s">
        <v>126</v>
      </c>
      <c r="H7415" t="s">
        <v>122</v>
      </c>
      <c r="I7415" t="s">
        <v>15</v>
      </c>
      <c r="J7415" s="10">
        <v>20.16177119</v>
      </c>
    </row>
    <row r="7416" spans="1:10" x14ac:dyDescent="0.35">
      <c r="A7416" t="s">
        <v>33</v>
      </c>
      <c r="B7416" t="s">
        <v>47</v>
      </c>
      <c r="C7416" t="s">
        <v>117</v>
      </c>
      <c r="D7416" t="s">
        <v>118</v>
      </c>
      <c r="E7416">
        <v>2015</v>
      </c>
      <c r="F7416">
        <v>2015</v>
      </c>
      <c r="G7416" t="s">
        <v>126</v>
      </c>
      <c r="H7416" t="s">
        <v>123</v>
      </c>
      <c r="I7416" t="s">
        <v>15</v>
      </c>
      <c r="J7416" s="10">
        <v>16.420812489999999</v>
      </c>
    </row>
    <row r="7417" spans="1:10" x14ac:dyDescent="0.35">
      <c r="A7417" t="s">
        <v>33</v>
      </c>
      <c r="B7417" t="s">
        <v>47</v>
      </c>
      <c r="C7417" t="s">
        <v>117</v>
      </c>
      <c r="D7417" t="s">
        <v>118</v>
      </c>
      <c r="E7417">
        <v>2015</v>
      </c>
      <c r="F7417">
        <v>2015</v>
      </c>
      <c r="G7417" t="s">
        <v>126</v>
      </c>
      <c r="H7417" t="s">
        <v>124</v>
      </c>
      <c r="I7417" t="s">
        <v>15</v>
      </c>
      <c r="J7417" s="10">
        <v>2.348793197</v>
      </c>
    </row>
    <row r="7418" spans="1:10" x14ac:dyDescent="0.35">
      <c r="A7418" t="s">
        <v>33</v>
      </c>
      <c r="B7418" t="s">
        <v>47</v>
      </c>
      <c r="C7418" t="s">
        <v>117</v>
      </c>
      <c r="D7418" t="s">
        <v>118</v>
      </c>
      <c r="E7418">
        <v>2014</v>
      </c>
      <c r="F7418">
        <v>2014</v>
      </c>
      <c r="G7418" t="s">
        <v>14</v>
      </c>
      <c r="H7418" t="s">
        <v>119</v>
      </c>
      <c r="I7418" t="s">
        <v>15</v>
      </c>
      <c r="J7418" s="10">
        <v>18.693451100000001</v>
      </c>
    </row>
    <row r="7419" spans="1:10" x14ac:dyDescent="0.35">
      <c r="A7419" t="s">
        <v>33</v>
      </c>
      <c r="B7419" t="s">
        <v>47</v>
      </c>
      <c r="C7419" t="s">
        <v>117</v>
      </c>
      <c r="D7419" t="s">
        <v>118</v>
      </c>
      <c r="E7419">
        <v>2014</v>
      </c>
      <c r="F7419">
        <v>2014</v>
      </c>
      <c r="G7419" t="s">
        <v>14</v>
      </c>
      <c r="H7419" t="s">
        <v>120</v>
      </c>
      <c r="I7419" t="s">
        <v>15</v>
      </c>
      <c r="J7419" s="10">
        <v>9.4073136579999996</v>
      </c>
    </row>
    <row r="7420" spans="1:10" x14ac:dyDescent="0.35">
      <c r="A7420" t="s">
        <v>33</v>
      </c>
      <c r="B7420" t="s">
        <v>47</v>
      </c>
      <c r="C7420" t="s">
        <v>117</v>
      </c>
      <c r="D7420" t="s">
        <v>118</v>
      </c>
      <c r="E7420">
        <v>2014</v>
      </c>
      <c r="F7420">
        <v>2014</v>
      </c>
      <c r="G7420" t="s">
        <v>14</v>
      </c>
      <c r="H7420" t="s">
        <v>121</v>
      </c>
      <c r="I7420" t="s">
        <v>15</v>
      </c>
      <c r="J7420" s="10">
        <v>34.490790609999998</v>
      </c>
    </row>
    <row r="7421" spans="1:10" x14ac:dyDescent="0.35">
      <c r="A7421" t="s">
        <v>33</v>
      </c>
      <c r="B7421" t="s">
        <v>47</v>
      </c>
      <c r="C7421" t="s">
        <v>117</v>
      </c>
      <c r="D7421" t="s">
        <v>118</v>
      </c>
      <c r="E7421">
        <v>2014</v>
      </c>
      <c r="F7421">
        <v>2014</v>
      </c>
      <c r="G7421" t="s">
        <v>14</v>
      </c>
      <c r="H7421" t="s">
        <v>122</v>
      </c>
      <c r="I7421" t="s">
        <v>15</v>
      </c>
      <c r="J7421" s="10">
        <v>20.10313442</v>
      </c>
    </row>
    <row r="7422" spans="1:10" x14ac:dyDescent="0.35">
      <c r="A7422" t="s">
        <v>33</v>
      </c>
      <c r="B7422" t="s">
        <v>47</v>
      </c>
      <c r="C7422" t="s">
        <v>117</v>
      </c>
      <c r="D7422" t="s">
        <v>118</v>
      </c>
      <c r="E7422">
        <v>2014</v>
      </c>
      <c r="F7422">
        <v>2014</v>
      </c>
      <c r="G7422" t="s">
        <v>14</v>
      </c>
      <c r="H7422" t="s">
        <v>123</v>
      </c>
      <c r="I7422" t="s">
        <v>15</v>
      </c>
      <c r="J7422" s="10">
        <v>15.54690866</v>
      </c>
    </row>
    <row r="7423" spans="1:10" x14ac:dyDescent="0.35">
      <c r="A7423" t="s">
        <v>33</v>
      </c>
      <c r="B7423" t="s">
        <v>47</v>
      </c>
      <c r="C7423" t="s">
        <v>117</v>
      </c>
      <c r="D7423" t="s">
        <v>118</v>
      </c>
      <c r="E7423">
        <v>2014</v>
      </c>
      <c r="F7423">
        <v>2014</v>
      </c>
      <c r="G7423" t="s">
        <v>14</v>
      </c>
      <c r="H7423" t="s">
        <v>124</v>
      </c>
      <c r="I7423" t="s">
        <v>15</v>
      </c>
      <c r="J7423" s="10">
        <v>1.758401551</v>
      </c>
    </row>
    <row r="7424" spans="1:10" x14ac:dyDescent="0.35">
      <c r="A7424" t="s">
        <v>33</v>
      </c>
      <c r="B7424" t="s">
        <v>47</v>
      </c>
      <c r="C7424" t="s">
        <v>117</v>
      </c>
      <c r="D7424" t="s">
        <v>118</v>
      </c>
      <c r="E7424">
        <v>2014</v>
      </c>
      <c r="F7424">
        <v>2014</v>
      </c>
      <c r="G7424" t="s">
        <v>125</v>
      </c>
      <c r="H7424" t="s">
        <v>119</v>
      </c>
      <c r="I7424" t="s">
        <v>15</v>
      </c>
      <c r="J7424" s="10">
        <v>19.657341500000001</v>
      </c>
    </row>
    <row r="7425" spans="1:10" x14ac:dyDescent="0.35">
      <c r="A7425" t="s">
        <v>33</v>
      </c>
      <c r="B7425" t="s">
        <v>47</v>
      </c>
      <c r="C7425" t="s">
        <v>117</v>
      </c>
      <c r="D7425" t="s">
        <v>118</v>
      </c>
      <c r="E7425">
        <v>2014</v>
      </c>
      <c r="F7425">
        <v>2014</v>
      </c>
      <c r="G7425" t="s">
        <v>125</v>
      </c>
      <c r="H7425" t="s">
        <v>120</v>
      </c>
      <c r="I7425" t="s">
        <v>15</v>
      </c>
      <c r="J7425" s="10">
        <v>9.711416432</v>
      </c>
    </row>
    <row r="7426" spans="1:10" x14ac:dyDescent="0.35">
      <c r="A7426" t="s">
        <v>33</v>
      </c>
      <c r="B7426" t="s">
        <v>47</v>
      </c>
      <c r="C7426" t="s">
        <v>117</v>
      </c>
      <c r="D7426" t="s">
        <v>118</v>
      </c>
      <c r="E7426">
        <v>2014</v>
      </c>
      <c r="F7426">
        <v>2014</v>
      </c>
      <c r="G7426" t="s">
        <v>125</v>
      </c>
      <c r="H7426" t="s">
        <v>121</v>
      </c>
      <c r="I7426" t="s">
        <v>15</v>
      </c>
      <c r="J7426" s="10">
        <v>34.467251560000001</v>
      </c>
    </row>
    <row r="7427" spans="1:10" x14ac:dyDescent="0.35">
      <c r="A7427" t="s">
        <v>33</v>
      </c>
      <c r="B7427" t="s">
        <v>47</v>
      </c>
      <c r="C7427" t="s">
        <v>117</v>
      </c>
      <c r="D7427" t="s">
        <v>118</v>
      </c>
      <c r="E7427">
        <v>2014</v>
      </c>
      <c r="F7427">
        <v>2014</v>
      </c>
      <c r="G7427" t="s">
        <v>125</v>
      </c>
      <c r="H7427" t="s">
        <v>122</v>
      </c>
      <c r="I7427" t="s">
        <v>15</v>
      </c>
      <c r="J7427" s="10">
        <v>20.112564150000001</v>
      </c>
    </row>
    <row r="7428" spans="1:10" x14ac:dyDescent="0.35">
      <c r="A7428" t="s">
        <v>33</v>
      </c>
      <c r="B7428" t="s">
        <v>47</v>
      </c>
      <c r="C7428" t="s">
        <v>117</v>
      </c>
      <c r="D7428" t="s">
        <v>118</v>
      </c>
      <c r="E7428">
        <v>2014</v>
      </c>
      <c r="F7428">
        <v>2014</v>
      </c>
      <c r="G7428" t="s">
        <v>125</v>
      </c>
      <c r="H7428" t="s">
        <v>123</v>
      </c>
      <c r="I7428" t="s">
        <v>15</v>
      </c>
      <c r="J7428" s="10">
        <v>14.83198146</v>
      </c>
    </row>
    <row r="7429" spans="1:10" x14ac:dyDescent="0.35">
      <c r="A7429" t="s">
        <v>33</v>
      </c>
      <c r="B7429" t="s">
        <v>47</v>
      </c>
      <c r="C7429" t="s">
        <v>117</v>
      </c>
      <c r="D7429" t="s">
        <v>118</v>
      </c>
      <c r="E7429">
        <v>2014</v>
      </c>
      <c r="F7429">
        <v>2014</v>
      </c>
      <c r="G7429" t="s">
        <v>125</v>
      </c>
      <c r="H7429" t="s">
        <v>124</v>
      </c>
      <c r="I7429" t="s">
        <v>15</v>
      </c>
      <c r="J7429" s="10">
        <v>1.2194449039999999</v>
      </c>
    </row>
    <row r="7430" spans="1:10" x14ac:dyDescent="0.35">
      <c r="A7430" t="s">
        <v>33</v>
      </c>
      <c r="B7430" t="s">
        <v>47</v>
      </c>
      <c r="C7430" t="s">
        <v>117</v>
      </c>
      <c r="D7430" t="s">
        <v>118</v>
      </c>
      <c r="E7430">
        <v>2014</v>
      </c>
      <c r="F7430">
        <v>2014</v>
      </c>
      <c r="G7430" t="s">
        <v>126</v>
      </c>
      <c r="H7430" t="s">
        <v>119</v>
      </c>
      <c r="I7430" t="s">
        <v>15</v>
      </c>
      <c r="J7430" s="10">
        <v>17.774680480000001</v>
      </c>
    </row>
    <row r="7431" spans="1:10" x14ac:dyDescent="0.35">
      <c r="A7431" t="s">
        <v>33</v>
      </c>
      <c r="B7431" t="s">
        <v>47</v>
      </c>
      <c r="C7431" t="s">
        <v>117</v>
      </c>
      <c r="D7431" t="s">
        <v>118</v>
      </c>
      <c r="E7431">
        <v>2014</v>
      </c>
      <c r="F7431">
        <v>2014</v>
      </c>
      <c r="G7431" t="s">
        <v>126</v>
      </c>
      <c r="H7431" t="s">
        <v>120</v>
      </c>
      <c r="I7431" t="s">
        <v>15</v>
      </c>
      <c r="J7431" s="10">
        <v>9.1174459579999994</v>
      </c>
    </row>
    <row r="7432" spans="1:10" x14ac:dyDescent="0.35">
      <c r="A7432" t="s">
        <v>33</v>
      </c>
      <c r="B7432" t="s">
        <v>47</v>
      </c>
      <c r="C7432" t="s">
        <v>117</v>
      </c>
      <c r="D7432" t="s">
        <v>118</v>
      </c>
      <c r="E7432">
        <v>2014</v>
      </c>
      <c r="F7432">
        <v>2014</v>
      </c>
      <c r="G7432" t="s">
        <v>126</v>
      </c>
      <c r="H7432" t="s">
        <v>121</v>
      </c>
      <c r="I7432" t="s">
        <v>15</v>
      </c>
      <c r="J7432" s="10">
        <v>34.513227790000002</v>
      </c>
    </row>
    <row r="7433" spans="1:10" x14ac:dyDescent="0.35">
      <c r="A7433" t="s">
        <v>33</v>
      </c>
      <c r="B7433" t="s">
        <v>47</v>
      </c>
      <c r="C7433" t="s">
        <v>117</v>
      </c>
      <c r="D7433" t="s">
        <v>118</v>
      </c>
      <c r="E7433">
        <v>2014</v>
      </c>
      <c r="F7433">
        <v>2014</v>
      </c>
      <c r="G7433" t="s">
        <v>126</v>
      </c>
      <c r="H7433" t="s">
        <v>122</v>
      </c>
      <c r="I7433" t="s">
        <v>15</v>
      </c>
      <c r="J7433" s="10">
        <v>20.094146110000001</v>
      </c>
    </row>
    <row r="7434" spans="1:10" x14ac:dyDescent="0.35">
      <c r="A7434" t="s">
        <v>33</v>
      </c>
      <c r="B7434" t="s">
        <v>47</v>
      </c>
      <c r="C7434" t="s">
        <v>117</v>
      </c>
      <c r="D7434" t="s">
        <v>118</v>
      </c>
      <c r="E7434">
        <v>2014</v>
      </c>
      <c r="F7434">
        <v>2014</v>
      </c>
      <c r="G7434" t="s">
        <v>126</v>
      </c>
      <c r="H7434" t="s">
        <v>123</v>
      </c>
      <c r="I7434" t="s">
        <v>15</v>
      </c>
      <c r="J7434" s="10">
        <v>16.22837006</v>
      </c>
    </row>
    <row r="7435" spans="1:10" x14ac:dyDescent="0.35">
      <c r="A7435" t="s">
        <v>33</v>
      </c>
      <c r="B7435" t="s">
        <v>47</v>
      </c>
      <c r="C7435" t="s">
        <v>117</v>
      </c>
      <c r="D7435" t="s">
        <v>118</v>
      </c>
      <c r="E7435">
        <v>2014</v>
      </c>
      <c r="F7435">
        <v>2014</v>
      </c>
      <c r="G7435" t="s">
        <v>126</v>
      </c>
      <c r="H7435" t="s">
        <v>124</v>
      </c>
      <c r="I7435" t="s">
        <v>15</v>
      </c>
      <c r="J7435" s="10">
        <v>2.2721295960000001</v>
      </c>
    </row>
    <row r="7436" spans="1:10" x14ac:dyDescent="0.35">
      <c r="A7436" t="s">
        <v>33</v>
      </c>
      <c r="B7436" t="s">
        <v>47</v>
      </c>
      <c r="C7436" t="s">
        <v>117</v>
      </c>
      <c r="D7436" t="s">
        <v>118</v>
      </c>
      <c r="E7436">
        <v>2013</v>
      </c>
      <c r="F7436">
        <v>2013</v>
      </c>
      <c r="G7436" t="s">
        <v>14</v>
      </c>
      <c r="H7436" t="s">
        <v>119</v>
      </c>
      <c r="I7436" t="s">
        <v>15</v>
      </c>
      <c r="J7436" s="10">
        <v>18.826292989999999</v>
      </c>
    </row>
    <row r="7437" spans="1:10" x14ac:dyDescent="0.35">
      <c r="A7437" t="s">
        <v>33</v>
      </c>
      <c r="B7437" t="s">
        <v>47</v>
      </c>
      <c r="C7437" t="s">
        <v>117</v>
      </c>
      <c r="D7437" t="s">
        <v>118</v>
      </c>
      <c r="E7437">
        <v>2013</v>
      </c>
      <c r="F7437">
        <v>2013</v>
      </c>
      <c r="G7437" t="s">
        <v>14</v>
      </c>
      <c r="H7437" t="s">
        <v>120</v>
      </c>
      <c r="I7437" t="s">
        <v>15</v>
      </c>
      <c r="J7437" s="10">
        <v>9.4817168380000005</v>
      </c>
    </row>
    <row r="7438" spans="1:10" x14ac:dyDescent="0.35">
      <c r="A7438" t="s">
        <v>33</v>
      </c>
      <c r="B7438" t="s">
        <v>47</v>
      </c>
      <c r="C7438" t="s">
        <v>117</v>
      </c>
      <c r="D7438" t="s">
        <v>118</v>
      </c>
      <c r="E7438">
        <v>2013</v>
      </c>
      <c r="F7438">
        <v>2013</v>
      </c>
      <c r="G7438" t="s">
        <v>14</v>
      </c>
      <c r="H7438" t="s">
        <v>121</v>
      </c>
      <c r="I7438" t="s">
        <v>15</v>
      </c>
      <c r="J7438" s="10">
        <v>34.93013972</v>
      </c>
    </row>
    <row r="7439" spans="1:10" x14ac:dyDescent="0.35">
      <c r="A7439" t="s">
        <v>33</v>
      </c>
      <c r="B7439" t="s">
        <v>47</v>
      </c>
      <c r="C7439" t="s">
        <v>117</v>
      </c>
      <c r="D7439" t="s">
        <v>118</v>
      </c>
      <c r="E7439">
        <v>2013</v>
      </c>
      <c r="F7439">
        <v>2013</v>
      </c>
      <c r="G7439" t="s">
        <v>14</v>
      </c>
      <c r="H7439" t="s">
        <v>122</v>
      </c>
      <c r="I7439" t="s">
        <v>15</v>
      </c>
      <c r="J7439" s="10">
        <v>19.913913669999999</v>
      </c>
    </row>
    <row r="7440" spans="1:10" x14ac:dyDescent="0.35">
      <c r="A7440" t="s">
        <v>33</v>
      </c>
      <c r="B7440" t="s">
        <v>47</v>
      </c>
      <c r="C7440" t="s">
        <v>117</v>
      </c>
      <c r="D7440" t="s">
        <v>118</v>
      </c>
      <c r="E7440">
        <v>2013</v>
      </c>
      <c r="F7440">
        <v>2013</v>
      </c>
      <c r="G7440" t="s">
        <v>14</v>
      </c>
      <c r="H7440" t="s">
        <v>123</v>
      </c>
      <c r="I7440" t="s">
        <v>15</v>
      </c>
      <c r="J7440" s="10">
        <v>15.08683314</v>
      </c>
    </row>
    <row r="7441" spans="1:10" x14ac:dyDescent="0.35">
      <c r="A7441" t="s">
        <v>33</v>
      </c>
      <c r="B7441" t="s">
        <v>47</v>
      </c>
      <c r="C7441" t="s">
        <v>117</v>
      </c>
      <c r="D7441" t="s">
        <v>118</v>
      </c>
      <c r="E7441">
        <v>2013</v>
      </c>
      <c r="F7441">
        <v>2013</v>
      </c>
      <c r="G7441" t="s">
        <v>14</v>
      </c>
      <c r="H7441" t="s">
        <v>124</v>
      </c>
      <c r="I7441" t="s">
        <v>15</v>
      </c>
      <c r="J7441" s="10">
        <v>1.761103643</v>
      </c>
    </row>
    <row r="7442" spans="1:10" x14ac:dyDescent="0.35">
      <c r="A7442" t="s">
        <v>33</v>
      </c>
      <c r="B7442" t="s">
        <v>47</v>
      </c>
      <c r="C7442" t="s">
        <v>117</v>
      </c>
      <c r="D7442" t="s">
        <v>118</v>
      </c>
      <c r="E7442">
        <v>2013</v>
      </c>
      <c r="F7442">
        <v>2013</v>
      </c>
      <c r="G7442" t="s">
        <v>125</v>
      </c>
      <c r="H7442" t="s">
        <v>119</v>
      </c>
      <c r="I7442" t="s">
        <v>15</v>
      </c>
      <c r="J7442" s="10">
        <v>19.766117609999998</v>
      </c>
    </row>
    <row r="7443" spans="1:10" x14ac:dyDescent="0.35">
      <c r="A7443" t="s">
        <v>33</v>
      </c>
      <c r="B7443" t="s">
        <v>47</v>
      </c>
      <c r="C7443" t="s">
        <v>117</v>
      </c>
      <c r="D7443" t="s">
        <v>118</v>
      </c>
      <c r="E7443">
        <v>2013</v>
      </c>
      <c r="F7443">
        <v>2013</v>
      </c>
      <c r="G7443" t="s">
        <v>125</v>
      </c>
      <c r="H7443" t="s">
        <v>120</v>
      </c>
      <c r="I7443" t="s">
        <v>15</v>
      </c>
      <c r="J7443" s="10">
        <v>9.8386155940000002</v>
      </c>
    </row>
    <row r="7444" spans="1:10" x14ac:dyDescent="0.35">
      <c r="A7444" t="s">
        <v>33</v>
      </c>
      <c r="B7444" t="s">
        <v>47</v>
      </c>
      <c r="C7444" t="s">
        <v>117</v>
      </c>
      <c r="D7444" t="s">
        <v>118</v>
      </c>
      <c r="E7444">
        <v>2013</v>
      </c>
      <c r="F7444">
        <v>2013</v>
      </c>
      <c r="G7444" t="s">
        <v>125</v>
      </c>
      <c r="H7444" t="s">
        <v>121</v>
      </c>
      <c r="I7444" t="s">
        <v>15</v>
      </c>
      <c r="J7444" s="10">
        <v>34.929585289999999</v>
      </c>
    </row>
    <row r="7445" spans="1:10" x14ac:dyDescent="0.35">
      <c r="A7445" t="s">
        <v>33</v>
      </c>
      <c r="B7445" t="s">
        <v>47</v>
      </c>
      <c r="C7445" t="s">
        <v>117</v>
      </c>
      <c r="D7445" t="s">
        <v>118</v>
      </c>
      <c r="E7445">
        <v>2013</v>
      </c>
      <c r="F7445">
        <v>2013</v>
      </c>
      <c r="G7445" t="s">
        <v>125</v>
      </c>
      <c r="H7445" t="s">
        <v>122</v>
      </c>
      <c r="I7445" t="s">
        <v>15</v>
      </c>
      <c r="J7445" s="10">
        <v>19.907780339999999</v>
      </c>
    </row>
    <row r="7446" spans="1:10" x14ac:dyDescent="0.35">
      <c r="A7446" t="s">
        <v>33</v>
      </c>
      <c r="B7446" t="s">
        <v>47</v>
      </c>
      <c r="C7446" t="s">
        <v>117</v>
      </c>
      <c r="D7446" t="s">
        <v>118</v>
      </c>
      <c r="E7446">
        <v>2013</v>
      </c>
      <c r="F7446">
        <v>2013</v>
      </c>
      <c r="G7446" t="s">
        <v>125</v>
      </c>
      <c r="H7446" t="s">
        <v>123</v>
      </c>
      <c r="I7446" t="s">
        <v>15</v>
      </c>
      <c r="J7446" s="10">
        <v>14.357934500000001</v>
      </c>
    </row>
    <row r="7447" spans="1:10" x14ac:dyDescent="0.35">
      <c r="A7447" t="s">
        <v>33</v>
      </c>
      <c r="B7447" t="s">
        <v>47</v>
      </c>
      <c r="C7447" t="s">
        <v>117</v>
      </c>
      <c r="D7447" t="s">
        <v>118</v>
      </c>
      <c r="E7447">
        <v>2013</v>
      </c>
      <c r="F7447">
        <v>2013</v>
      </c>
      <c r="G7447" t="s">
        <v>125</v>
      </c>
      <c r="H7447" t="s">
        <v>124</v>
      </c>
      <c r="I7447" t="s">
        <v>15</v>
      </c>
      <c r="J7447" s="10">
        <v>1.1999666680000001</v>
      </c>
    </row>
    <row r="7448" spans="1:10" x14ac:dyDescent="0.35">
      <c r="A7448" t="s">
        <v>33</v>
      </c>
      <c r="B7448" t="s">
        <v>47</v>
      </c>
      <c r="C7448" t="s">
        <v>117</v>
      </c>
      <c r="D7448" t="s">
        <v>118</v>
      </c>
      <c r="E7448">
        <v>2013</v>
      </c>
      <c r="F7448">
        <v>2013</v>
      </c>
      <c r="G7448" t="s">
        <v>126</v>
      </c>
      <c r="H7448" t="s">
        <v>119</v>
      </c>
      <c r="I7448" t="s">
        <v>15</v>
      </c>
      <c r="J7448" s="10">
        <v>17.927535460000001</v>
      </c>
    </row>
    <row r="7449" spans="1:10" x14ac:dyDescent="0.35">
      <c r="A7449" t="s">
        <v>33</v>
      </c>
      <c r="B7449" t="s">
        <v>47</v>
      </c>
      <c r="C7449" t="s">
        <v>117</v>
      </c>
      <c r="D7449" t="s">
        <v>118</v>
      </c>
      <c r="E7449">
        <v>2013</v>
      </c>
      <c r="F7449">
        <v>2013</v>
      </c>
      <c r="G7449" t="s">
        <v>126</v>
      </c>
      <c r="H7449" t="s">
        <v>120</v>
      </c>
      <c r="I7449" t="s">
        <v>15</v>
      </c>
      <c r="J7449" s="10">
        <v>9.1404133240000007</v>
      </c>
    </row>
    <row r="7450" spans="1:10" x14ac:dyDescent="0.35">
      <c r="A7450" t="s">
        <v>33</v>
      </c>
      <c r="B7450" t="s">
        <v>47</v>
      </c>
      <c r="C7450" t="s">
        <v>117</v>
      </c>
      <c r="D7450" t="s">
        <v>118</v>
      </c>
      <c r="E7450">
        <v>2013</v>
      </c>
      <c r="F7450">
        <v>2013</v>
      </c>
      <c r="G7450" t="s">
        <v>126</v>
      </c>
      <c r="H7450" t="s">
        <v>121</v>
      </c>
      <c r="I7450" t="s">
        <v>15</v>
      </c>
      <c r="J7450" s="10">
        <v>34.930669930000001</v>
      </c>
    </row>
    <row r="7451" spans="1:10" x14ac:dyDescent="0.35">
      <c r="A7451" t="s">
        <v>33</v>
      </c>
      <c r="B7451" t="s">
        <v>47</v>
      </c>
      <c r="C7451" t="s">
        <v>117</v>
      </c>
      <c r="D7451" t="s">
        <v>118</v>
      </c>
      <c r="E7451">
        <v>2013</v>
      </c>
      <c r="F7451">
        <v>2013</v>
      </c>
      <c r="G7451" t="s">
        <v>126</v>
      </c>
      <c r="H7451" t="s">
        <v>122</v>
      </c>
      <c r="I7451" t="s">
        <v>15</v>
      </c>
      <c r="J7451" s="10">
        <v>19.919778990000001</v>
      </c>
    </row>
    <row r="7452" spans="1:10" x14ac:dyDescent="0.35">
      <c r="A7452" t="s">
        <v>33</v>
      </c>
      <c r="B7452" t="s">
        <v>47</v>
      </c>
      <c r="C7452" t="s">
        <v>117</v>
      </c>
      <c r="D7452" t="s">
        <v>118</v>
      </c>
      <c r="E7452">
        <v>2013</v>
      </c>
      <c r="F7452">
        <v>2013</v>
      </c>
      <c r="G7452" t="s">
        <v>126</v>
      </c>
      <c r="H7452" t="s">
        <v>123</v>
      </c>
      <c r="I7452" t="s">
        <v>15</v>
      </c>
      <c r="J7452" s="10">
        <v>15.78388142</v>
      </c>
    </row>
    <row r="7453" spans="1:10" x14ac:dyDescent="0.35">
      <c r="A7453" t="s">
        <v>33</v>
      </c>
      <c r="B7453" t="s">
        <v>47</v>
      </c>
      <c r="C7453" t="s">
        <v>117</v>
      </c>
      <c r="D7453" t="s">
        <v>118</v>
      </c>
      <c r="E7453">
        <v>2013</v>
      </c>
      <c r="F7453">
        <v>2013</v>
      </c>
      <c r="G7453" t="s">
        <v>126</v>
      </c>
      <c r="H7453" t="s">
        <v>124</v>
      </c>
      <c r="I7453" t="s">
        <v>15</v>
      </c>
      <c r="J7453" s="10">
        <v>2.2977208729999998</v>
      </c>
    </row>
    <row r="7454" spans="1:10" x14ac:dyDescent="0.35">
      <c r="A7454" t="s">
        <v>33</v>
      </c>
      <c r="B7454" t="s">
        <v>47</v>
      </c>
      <c r="C7454" t="s">
        <v>117</v>
      </c>
      <c r="D7454" t="s">
        <v>118</v>
      </c>
      <c r="E7454">
        <v>2012</v>
      </c>
      <c r="F7454">
        <v>2012</v>
      </c>
      <c r="G7454" t="s">
        <v>14</v>
      </c>
      <c r="H7454" t="s">
        <v>119</v>
      </c>
      <c r="I7454" t="s">
        <v>15</v>
      </c>
      <c r="J7454" s="10">
        <v>18.886870040000002</v>
      </c>
    </row>
    <row r="7455" spans="1:10" x14ac:dyDescent="0.35">
      <c r="A7455" t="s">
        <v>33</v>
      </c>
      <c r="B7455" t="s">
        <v>47</v>
      </c>
      <c r="C7455" t="s">
        <v>117</v>
      </c>
      <c r="D7455" t="s">
        <v>118</v>
      </c>
      <c r="E7455">
        <v>2012</v>
      </c>
      <c r="F7455">
        <v>2012</v>
      </c>
      <c r="G7455" t="s">
        <v>14</v>
      </c>
      <c r="H7455" t="s">
        <v>120</v>
      </c>
      <c r="I7455" t="s">
        <v>15</v>
      </c>
      <c r="J7455" s="10">
        <v>9.5329171160000001</v>
      </c>
    </row>
    <row r="7456" spans="1:10" x14ac:dyDescent="0.35">
      <c r="A7456" t="s">
        <v>33</v>
      </c>
      <c r="B7456" t="s">
        <v>47</v>
      </c>
      <c r="C7456" t="s">
        <v>117</v>
      </c>
      <c r="D7456" t="s">
        <v>118</v>
      </c>
      <c r="E7456">
        <v>2012</v>
      </c>
      <c r="F7456">
        <v>2012</v>
      </c>
      <c r="G7456" t="s">
        <v>14</v>
      </c>
      <c r="H7456" t="s">
        <v>121</v>
      </c>
      <c r="I7456" t="s">
        <v>15</v>
      </c>
      <c r="J7456" s="10">
        <v>35.322886920000002</v>
      </c>
    </row>
    <row r="7457" spans="1:10" x14ac:dyDescent="0.35">
      <c r="A7457" t="s">
        <v>33</v>
      </c>
      <c r="B7457" t="s">
        <v>47</v>
      </c>
      <c r="C7457" t="s">
        <v>117</v>
      </c>
      <c r="D7457" t="s">
        <v>118</v>
      </c>
      <c r="E7457">
        <v>2012</v>
      </c>
      <c r="F7457">
        <v>2012</v>
      </c>
      <c r="G7457" t="s">
        <v>14</v>
      </c>
      <c r="H7457" t="s">
        <v>122</v>
      </c>
      <c r="I7457" t="s">
        <v>15</v>
      </c>
      <c r="J7457" s="10">
        <v>19.9852457</v>
      </c>
    </row>
    <row r="7458" spans="1:10" x14ac:dyDescent="0.35">
      <c r="A7458" t="s">
        <v>33</v>
      </c>
      <c r="B7458" t="s">
        <v>47</v>
      </c>
      <c r="C7458" t="s">
        <v>117</v>
      </c>
      <c r="D7458" t="s">
        <v>118</v>
      </c>
      <c r="E7458">
        <v>2012</v>
      </c>
      <c r="F7458">
        <v>2012</v>
      </c>
      <c r="G7458" t="s">
        <v>14</v>
      </c>
      <c r="H7458" t="s">
        <v>123</v>
      </c>
      <c r="I7458" t="s">
        <v>15</v>
      </c>
      <c r="J7458" s="10">
        <v>14.573969590000001</v>
      </c>
    </row>
    <row r="7459" spans="1:10" x14ac:dyDescent="0.35">
      <c r="A7459" t="s">
        <v>33</v>
      </c>
      <c r="B7459" t="s">
        <v>47</v>
      </c>
      <c r="C7459" t="s">
        <v>117</v>
      </c>
      <c r="D7459" t="s">
        <v>118</v>
      </c>
      <c r="E7459">
        <v>2012</v>
      </c>
      <c r="F7459">
        <v>2012</v>
      </c>
      <c r="G7459" t="s">
        <v>14</v>
      </c>
      <c r="H7459" t="s">
        <v>124</v>
      </c>
      <c r="I7459" t="s">
        <v>15</v>
      </c>
      <c r="J7459" s="10">
        <v>1.69811063</v>
      </c>
    </row>
    <row r="7460" spans="1:10" x14ac:dyDescent="0.35">
      <c r="A7460" t="s">
        <v>33</v>
      </c>
      <c r="B7460" t="s">
        <v>47</v>
      </c>
      <c r="C7460" t="s">
        <v>117</v>
      </c>
      <c r="D7460" t="s">
        <v>118</v>
      </c>
      <c r="E7460">
        <v>2012</v>
      </c>
      <c r="F7460">
        <v>2012</v>
      </c>
      <c r="G7460" t="s">
        <v>125</v>
      </c>
      <c r="H7460" t="s">
        <v>119</v>
      </c>
      <c r="I7460" t="s">
        <v>15</v>
      </c>
      <c r="J7460" s="10">
        <v>19.868215320000001</v>
      </c>
    </row>
    <row r="7461" spans="1:10" x14ac:dyDescent="0.35">
      <c r="A7461" t="s">
        <v>33</v>
      </c>
      <c r="B7461" t="s">
        <v>47</v>
      </c>
      <c r="C7461" t="s">
        <v>117</v>
      </c>
      <c r="D7461" t="s">
        <v>118</v>
      </c>
      <c r="E7461">
        <v>2012</v>
      </c>
      <c r="F7461">
        <v>2012</v>
      </c>
      <c r="G7461" t="s">
        <v>125</v>
      </c>
      <c r="H7461" t="s">
        <v>120</v>
      </c>
      <c r="I7461" t="s">
        <v>15</v>
      </c>
      <c r="J7461" s="10">
        <v>9.8838507930000006</v>
      </c>
    </row>
    <row r="7462" spans="1:10" x14ac:dyDescent="0.35">
      <c r="A7462" t="s">
        <v>33</v>
      </c>
      <c r="B7462" t="s">
        <v>47</v>
      </c>
      <c r="C7462" t="s">
        <v>117</v>
      </c>
      <c r="D7462" t="s">
        <v>118</v>
      </c>
      <c r="E7462">
        <v>2012</v>
      </c>
      <c r="F7462">
        <v>2012</v>
      </c>
      <c r="G7462" t="s">
        <v>125</v>
      </c>
      <c r="H7462" t="s">
        <v>121</v>
      </c>
      <c r="I7462" t="s">
        <v>15</v>
      </c>
      <c r="J7462" s="10">
        <v>35.322202369999999</v>
      </c>
    </row>
    <row r="7463" spans="1:10" x14ac:dyDescent="0.35">
      <c r="A7463" t="s">
        <v>33</v>
      </c>
      <c r="B7463" t="s">
        <v>47</v>
      </c>
      <c r="C7463" t="s">
        <v>117</v>
      </c>
      <c r="D7463" t="s">
        <v>118</v>
      </c>
      <c r="E7463">
        <v>2012</v>
      </c>
      <c r="F7463">
        <v>2012</v>
      </c>
      <c r="G7463" t="s">
        <v>125</v>
      </c>
      <c r="H7463" t="s">
        <v>122</v>
      </c>
      <c r="I7463" t="s">
        <v>15</v>
      </c>
      <c r="J7463" s="10">
        <v>19.935224479999999</v>
      </c>
    </row>
    <row r="7464" spans="1:10" x14ac:dyDescent="0.35">
      <c r="A7464" t="s">
        <v>33</v>
      </c>
      <c r="B7464" t="s">
        <v>47</v>
      </c>
      <c r="C7464" t="s">
        <v>117</v>
      </c>
      <c r="D7464" t="s">
        <v>118</v>
      </c>
      <c r="E7464">
        <v>2012</v>
      </c>
      <c r="F7464">
        <v>2012</v>
      </c>
      <c r="G7464" t="s">
        <v>125</v>
      </c>
      <c r="H7464" t="s">
        <v>123</v>
      </c>
      <c r="I7464" t="s">
        <v>15</v>
      </c>
      <c r="J7464" s="10">
        <v>13.862519539999999</v>
      </c>
    </row>
    <row r="7465" spans="1:10" x14ac:dyDescent="0.35">
      <c r="A7465" t="s">
        <v>33</v>
      </c>
      <c r="B7465" t="s">
        <v>47</v>
      </c>
      <c r="C7465" t="s">
        <v>117</v>
      </c>
      <c r="D7465" t="s">
        <v>118</v>
      </c>
      <c r="E7465">
        <v>2012</v>
      </c>
      <c r="F7465">
        <v>2012</v>
      </c>
      <c r="G7465" t="s">
        <v>125</v>
      </c>
      <c r="H7465" t="s">
        <v>124</v>
      </c>
      <c r="I7465" t="s">
        <v>15</v>
      </c>
      <c r="J7465" s="10">
        <v>1.1279874919999999</v>
      </c>
    </row>
    <row r="7466" spans="1:10" x14ac:dyDescent="0.35">
      <c r="A7466" t="s">
        <v>33</v>
      </c>
      <c r="B7466" t="s">
        <v>47</v>
      </c>
      <c r="C7466" t="s">
        <v>117</v>
      </c>
      <c r="D7466" t="s">
        <v>118</v>
      </c>
      <c r="E7466">
        <v>2012</v>
      </c>
      <c r="F7466">
        <v>2012</v>
      </c>
      <c r="G7466" t="s">
        <v>126</v>
      </c>
      <c r="H7466" t="s">
        <v>119</v>
      </c>
      <c r="I7466" t="s">
        <v>15</v>
      </c>
      <c r="J7466" s="10">
        <v>17.946660250000001</v>
      </c>
    </row>
    <row r="7467" spans="1:10" x14ac:dyDescent="0.35">
      <c r="A7467" t="s">
        <v>33</v>
      </c>
      <c r="B7467" t="s">
        <v>47</v>
      </c>
      <c r="C7467" t="s">
        <v>117</v>
      </c>
      <c r="D7467" t="s">
        <v>118</v>
      </c>
      <c r="E7467">
        <v>2012</v>
      </c>
      <c r="F7467">
        <v>2012</v>
      </c>
      <c r="G7467" t="s">
        <v>126</v>
      </c>
      <c r="H7467" t="s">
        <v>120</v>
      </c>
      <c r="I7467" t="s">
        <v>15</v>
      </c>
      <c r="J7467" s="10">
        <v>9.1966936839999995</v>
      </c>
    </row>
    <row r="7468" spans="1:10" x14ac:dyDescent="0.35">
      <c r="A7468" t="s">
        <v>33</v>
      </c>
      <c r="B7468" t="s">
        <v>47</v>
      </c>
      <c r="C7468" t="s">
        <v>117</v>
      </c>
      <c r="D7468" t="s">
        <v>118</v>
      </c>
      <c r="E7468">
        <v>2012</v>
      </c>
      <c r="F7468">
        <v>2012</v>
      </c>
      <c r="G7468" t="s">
        <v>126</v>
      </c>
      <c r="H7468" t="s">
        <v>121</v>
      </c>
      <c r="I7468" t="s">
        <v>15</v>
      </c>
      <c r="J7468" s="10">
        <v>35.323542789999998</v>
      </c>
    </row>
    <row r="7469" spans="1:10" x14ac:dyDescent="0.35">
      <c r="A7469" t="s">
        <v>33</v>
      </c>
      <c r="B7469" t="s">
        <v>47</v>
      </c>
      <c r="C7469" t="s">
        <v>117</v>
      </c>
      <c r="D7469" t="s">
        <v>118</v>
      </c>
      <c r="E7469">
        <v>2012</v>
      </c>
      <c r="F7469">
        <v>2012</v>
      </c>
      <c r="G7469" t="s">
        <v>126</v>
      </c>
      <c r="H7469" t="s">
        <v>122</v>
      </c>
      <c r="I7469" t="s">
        <v>15</v>
      </c>
      <c r="J7469" s="10">
        <v>20.033170160000001</v>
      </c>
    </row>
    <row r="7470" spans="1:10" x14ac:dyDescent="0.35">
      <c r="A7470" t="s">
        <v>33</v>
      </c>
      <c r="B7470" t="s">
        <v>47</v>
      </c>
      <c r="C7470" t="s">
        <v>117</v>
      </c>
      <c r="D7470" t="s">
        <v>118</v>
      </c>
      <c r="E7470">
        <v>2012</v>
      </c>
      <c r="F7470">
        <v>2012</v>
      </c>
      <c r="G7470" t="s">
        <v>126</v>
      </c>
      <c r="H7470" t="s">
        <v>123</v>
      </c>
      <c r="I7470" t="s">
        <v>15</v>
      </c>
      <c r="J7470" s="10">
        <v>15.255597460000001</v>
      </c>
    </row>
    <row r="7471" spans="1:10" x14ac:dyDescent="0.35">
      <c r="A7471" t="s">
        <v>33</v>
      </c>
      <c r="B7471" t="s">
        <v>47</v>
      </c>
      <c r="C7471" t="s">
        <v>117</v>
      </c>
      <c r="D7471" t="s">
        <v>118</v>
      </c>
      <c r="E7471">
        <v>2012</v>
      </c>
      <c r="F7471">
        <v>2012</v>
      </c>
      <c r="G7471" t="s">
        <v>126</v>
      </c>
      <c r="H7471" t="s">
        <v>124</v>
      </c>
      <c r="I7471" t="s">
        <v>15</v>
      </c>
      <c r="J7471" s="10">
        <v>2.244335661</v>
      </c>
    </row>
    <row r="7472" spans="1:10" x14ac:dyDescent="0.35">
      <c r="A7472" t="s">
        <v>33</v>
      </c>
      <c r="B7472" t="s">
        <v>47</v>
      </c>
      <c r="C7472" t="s">
        <v>117</v>
      </c>
      <c r="D7472" t="s">
        <v>118</v>
      </c>
      <c r="E7472">
        <v>2011</v>
      </c>
      <c r="F7472">
        <v>2011</v>
      </c>
      <c r="G7472" t="s">
        <v>14</v>
      </c>
      <c r="H7472" t="s">
        <v>119</v>
      </c>
      <c r="I7472" t="s">
        <v>15</v>
      </c>
      <c r="J7472" s="10">
        <v>18.85508462</v>
      </c>
    </row>
    <row r="7473" spans="1:10" x14ac:dyDescent="0.35">
      <c r="A7473" t="s">
        <v>33</v>
      </c>
      <c r="B7473" t="s">
        <v>47</v>
      </c>
      <c r="C7473" t="s">
        <v>117</v>
      </c>
      <c r="D7473" t="s">
        <v>118</v>
      </c>
      <c r="E7473">
        <v>2011</v>
      </c>
      <c r="F7473">
        <v>2011</v>
      </c>
      <c r="G7473" t="s">
        <v>14</v>
      </c>
      <c r="H7473" t="s">
        <v>120</v>
      </c>
      <c r="I7473" t="s">
        <v>15</v>
      </c>
      <c r="J7473" s="10">
        <v>9.6193238839999999</v>
      </c>
    </row>
    <row r="7474" spans="1:10" x14ac:dyDescent="0.35">
      <c r="A7474" t="s">
        <v>33</v>
      </c>
      <c r="B7474" t="s">
        <v>47</v>
      </c>
      <c r="C7474" t="s">
        <v>117</v>
      </c>
      <c r="D7474" t="s">
        <v>118</v>
      </c>
      <c r="E7474">
        <v>2011</v>
      </c>
      <c r="F7474">
        <v>2011</v>
      </c>
      <c r="G7474" t="s">
        <v>14</v>
      </c>
      <c r="H7474" t="s">
        <v>121</v>
      </c>
      <c r="I7474" t="s">
        <v>15</v>
      </c>
      <c r="J7474" s="10">
        <v>35.810225600000003</v>
      </c>
    </row>
    <row r="7475" spans="1:10" x14ac:dyDescent="0.35">
      <c r="A7475" t="s">
        <v>33</v>
      </c>
      <c r="B7475" t="s">
        <v>47</v>
      </c>
      <c r="C7475" t="s">
        <v>117</v>
      </c>
      <c r="D7475" t="s">
        <v>118</v>
      </c>
      <c r="E7475">
        <v>2011</v>
      </c>
      <c r="F7475">
        <v>2011</v>
      </c>
      <c r="G7475" t="s">
        <v>14</v>
      </c>
      <c r="H7475" t="s">
        <v>122</v>
      </c>
      <c r="I7475" t="s">
        <v>15</v>
      </c>
      <c r="J7475" s="10">
        <v>20.221614259999999</v>
      </c>
    </row>
    <row r="7476" spans="1:10" x14ac:dyDescent="0.35">
      <c r="A7476" t="s">
        <v>33</v>
      </c>
      <c r="B7476" t="s">
        <v>47</v>
      </c>
      <c r="C7476" t="s">
        <v>117</v>
      </c>
      <c r="D7476" t="s">
        <v>118</v>
      </c>
      <c r="E7476">
        <v>2011</v>
      </c>
      <c r="F7476">
        <v>2011</v>
      </c>
      <c r="G7476" t="s">
        <v>14</v>
      </c>
      <c r="H7476" t="s">
        <v>123</v>
      </c>
      <c r="I7476" t="s">
        <v>15</v>
      </c>
      <c r="J7476" s="10">
        <v>13.794525630000001</v>
      </c>
    </row>
    <row r="7477" spans="1:10" x14ac:dyDescent="0.35">
      <c r="A7477" t="s">
        <v>33</v>
      </c>
      <c r="B7477" t="s">
        <v>47</v>
      </c>
      <c r="C7477" t="s">
        <v>117</v>
      </c>
      <c r="D7477" t="s">
        <v>118</v>
      </c>
      <c r="E7477">
        <v>2011</v>
      </c>
      <c r="F7477">
        <v>2011</v>
      </c>
      <c r="G7477" t="s">
        <v>14</v>
      </c>
      <c r="H7477" t="s">
        <v>124</v>
      </c>
      <c r="I7477" t="s">
        <v>15</v>
      </c>
      <c r="J7477" s="10">
        <v>1.6992259999999999</v>
      </c>
    </row>
    <row r="7478" spans="1:10" x14ac:dyDescent="0.35">
      <c r="A7478" t="s">
        <v>33</v>
      </c>
      <c r="B7478" t="s">
        <v>47</v>
      </c>
      <c r="C7478" t="s">
        <v>117</v>
      </c>
      <c r="D7478" t="s">
        <v>118</v>
      </c>
      <c r="E7478">
        <v>2011</v>
      </c>
      <c r="F7478">
        <v>2011</v>
      </c>
      <c r="G7478" t="s">
        <v>125</v>
      </c>
      <c r="H7478" t="s">
        <v>119</v>
      </c>
      <c r="I7478" t="s">
        <v>15</v>
      </c>
      <c r="J7478" s="10">
        <v>19.86409076</v>
      </c>
    </row>
    <row r="7479" spans="1:10" x14ac:dyDescent="0.35">
      <c r="A7479" t="s">
        <v>33</v>
      </c>
      <c r="B7479" t="s">
        <v>47</v>
      </c>
      <c r="C7479" t="s">
        <v>117</v>
      </c>
      <c r="D7479" t="s">
        <v>118</v>
      </c>
      <c r="E7479">
        <v>2011</v>
      </c>
      <c r="F7479">
        <v>2011</v>
      </c>
      <c r="G7479" t="s">
        <v>125</v>
      </c>
      <c r="H7479" t="s">
        <v>120</v>
      </c>
      <c r="I7479" t="s">
        <v>15</v>
      </c>
      <c r="J7479" s="10">
        <v>9.8927327869999999</v>
      </c>
    </row>
    <row r="7480" spans="1:10" x14ac:dyDescent="0.35">
      <c r="A7480" t="s">
        <v>33</v>
      </c>
      <c r="B7480" t="s">
        <v>47</v>
      </c>
      <c r="C7480" t="s">
        <v>117</v>
      </c>
      <c r="D7480" t="s">
        <v>118</v>
      </c>
      <c r="E7480">
        <v>2011</v>
      </c>
      <c r="F7480">
        <v>2011</v>
      </c>
      <c r="G7480" t="s">
        <v>125</v>
      </c>
      <c r="H7480" t="s">
        <v>121</v>
      </c>
      <c r="I7480" t="s">
        <v>15</v>
      </c>
      <c r="J7480" s="10">
        <v>35.813770640000001</v>
      </c>
    </row>
    <row r="7481" spans="1:10" x14ac:dyDescent="0.35">
      <c r="A7481" t="s">
        <v>33</v>
      </c>
      <c r="B7481" t="s">
        <v>47</v>
      </c>
      <c r="C7481" t="s">
        <v>117</v>
      </c>
      <c r="D7481" t="s">
        <v>118</v>
      </c>
      <c r="E7481">
        <v>2011</v>
      </c>
      <c r="F7481">
        <v>2011</v>
      </c>
      <c r="G7481" t="s">
        <v>125</v>
      </c>
      <c r="H7481" t="s">
        <v>122</v>
      </c>
      <c r="I7481" t="s">
        <v>15</v>
      </c>
      <c r="J7481" s="10">
        <v>20.299337300000001</v>
      </c>
    </row>
    <row r="7482" spans="1:10" x14ac:dyDescent="0.35">
      <c r="A7482" t="s">
        <v>33</v>
      </c>
      <c r="B7482" t="s">
        <v>47</v>
      </c>
      <c r="C7482" t="s">
        <v>117</v>
      </c>
      <c r="D7482" t="s">
        <v>118</v>
      </c>
      <c r="E7482">
        <v>2011</v>
      </c>
      <c r="F7482">
        <v>2011</v>
      </c>
      <c r="G7482" t="s">
        <v>125</v>
      </c>
      <c r="H7482" t="s">
        <v>123</v>
      </c>
      <c r="I7482" t="s">
        <v>15</v>
      </c>
      <c r="J7482" s="10">
        <v>12.9984275</v>
      </c>
    </row>
    <row r="7483" spans="1:10" x14ac:dyDescent="0.35">
      <c r="A7483" t="s">
        <v>33</v>
      </c>
      <c r="B7483" t="s">
        <v>47</v>
      </c>
      <c r="C7483" t="s">
        <v>117</v>
      </c>
      <c r="D7483" t="s">
        <v>118</v>
      </c>
      <c r="E7483">
        <v>2011</v>
      </c>
      <c r="F7483">
        <v>2011</v>
      </c>
      <c r="G7483" t="s">
        <v>125</v>
      </c>
      <c r="H7483" t="s">
        <v>124</v>
      </c>
      <c r="I7483" t="s">
        <v>15</v>
      </c>
      <c r="J7483" s="10">
        <v>1.13164102</v>
      </c>
    </row>
    <row r="7484" spans="1:10" x14ac:dyDescent="0.35">
      <c r="A7484" t="s">
        <v>33</v>
      </c>
      <c r="B7484" t="s">
        <v>47</v>
      </c>
      <c r="C7484" t="s">
        <v>117</v>
      </c>
      <c r="D7484" t="s">
        <v>118</v>
      </c>
      <c r="E7484">
        <v>2011</v>
      </c>
      <c r="F7484">
        <v>2011</v>
      </c>
      <c r="G7484" t="s">
        <v>126</v>
      </c>
      <c r="H7484" t="s">
        <v>119</v>
      </c>
      <c r="I7484" t="s">
        <v>15</v>
      </c>
      <c r="J7484" s="10">
        <v>17.88725187</v>
      </c>
    </row>
    <row r="7485" spans="1:10" x14ac:dyDescent="0.35">
      <c r="A7485" t="s">
        <v>33</v>
      </c>
      <c r="B7485" t="s">
        <v>47</v>
      </c>
      <c r="C7485" t="s">
        <v>117</v>
      </c>
      <c r="D7485" t="s">
        <v>118</v>
      </c>
      <c r="E7485">
        <v>2011</v>
      </c>
      <c r="F7485">
        <v>2011</v>
      </c>
      <c r="G7485" t="s">
        <v>126</v>
      </c>
      <c r="H7485" t="s">
        <v>120</v>
      </c>
      <c r="I7485" t="s">
        <v>15</v>
      </c>
      <c r="J7485" s="10">
        <v>9.3570716730000001</v>
      </c>
    </row>
    <row r="7486" spans="1:10" x14ac:dyDescent="0.35">
      <c r="A7486" t="s">
        <v>33</v>
      </c>
      <c r="B7486" t="s">
        <v>47</v>
      </c>
      <c r="C7486" t="s">
        <v>117</v>
      </c>
      <c r="D7486" t="s">
        <v>118</v>
      </c>
      <c r="E7486">
        <v>2011</v>
      </c>
      <c r="F7486">
        <v>2011</v>
      </c>
      <c r="G7486" t="s">
        <v>126</v>
      </c>
      <c r="H7486" t="s">
        <v>121</v>
      </c>
      <c r="I7486" t="s">
        <v>15</v>
      </c>
      <c r="J7486" s="10">
        <v>35.80682522</v>
      </c>
    </row>
    <row r="7487" spans="1:10" x14ac:dyDescent="0.35">
      <c r="A7487" t="s">
        <v>33</v>
      </c>
      <c r="B7487" t="s">
        <v>47</v>
      </c>
      <c r="C7487" t="s">
        <v>117</v>
      </c>
      <c r="D7487" t="s">
        <v>118</v>
      </c>
      <c r="E7487">
        <v>2011</v>
      </c>
      <c r="F7487">
        <v>2011</v>
      </c>
      <c r="G7487" t="s">
        <v>126</v>
      </c>
      <c r="H7487" t="s">
        <v>122</v>
      </c>
      <c r="I7487" t="s">
        <v>15</v>
      </c>
      <c r="J7487" s="10">
        <v>20.147062779999999</v>
      </c>
    </row>
    <row r="7488" spans="1:10" x14ac:dyDescent="0.35">
      <c r="A7488" t="s">
        <v>33</v>
      </c>
      <c r="B7488" t="s">
        <v>47</v>
      </c>
      <c r="C7488" t="s">
        <v>117</v>
      </c>
      <c r="D7488" t="s">
        <v>118</v>
      </c>
      <c r="E7488">
        <v>2011</v>
      </c>
      <c r="F7488">
        <v>2011</v>
      </c>
      <c r="G7488" t="s">
        <v>126</v>
      </c>
      <c r="H7488" t="s">
        <v>123</v>
      </c>
      <c r="I7488" t="s">
        <v>15</v>
      </c>
      <c r="J7488" s="10">
        <v>14.55813828</v>
      </c>
    </row>
    <row r="7489" spans="1:10" x14ac:dyDescent="0.35">
      <c r="A7489" t="s">
        <v>33</v>
      </c>
      <c r="B7489" t="s">
        <v>47</v>
      </c>
      <c r="C7489" t="s">
        <v>117</v>
      </c>
      <c r="D7489" t="s">
        <v>118</v>
      </c>
      <c r="E7489">
        <v>2011</v>
      </c>
      <c r="F7489">
        <v>2011</v>
      </c>
      <c r="G7489" t="s">
        <v>126</v>
      </c>
      <c r="H7489" t="s">
        <v>124</v>
      </c>
      <c r="I7489" t="s">
        <v>15</v>
      </c>
      <c r="J7489" s="10">
        <v>2.2436501739999999</v>
      </c>
    </row>
    <row r="7490" spans="1:10" x14ac:dyDescent="0.35">
      <c r="A7490" t="s">
        <v>20</v>
      </c>
      <c r="B7490" t="s">
        <v>48</v>
      </c>
      <c r="C7490" t="s">
        <v>117</v>
      </c>
      <c r="D7490" t="s">
        <v>118</v>
      </c>
      <c r="E7490">
        <v>2020</v>
      </c>
      <c r="F7490">
        <v>2020</v>
      </c>
      <c r="G7490" t="s">
        <v>14</v>
      </c>
      <c r="H7490" t="s">
        <v>119</v>
      </c>
      <c r="I7490" t="s">
        <v>15</v>
      </c>
      <c r="J7490" s="10">
        <v>17.154272460000001</v>
      </c>
    </row>
    <row r="7491" spans="1:10" x14ac:dyDescent="0.35">
      <c r="A7491" t="s">
        <v>20</v>
      </c>
      <c r="B7491" t="s">
        <v>48</v>
      </c>
      <c r="C7491" t="s">
        <v>117</v>
      </c>
      <c r="D7491" t="s">
        <v>118</v>
      </c>
      <c r="E7491">
        <v>2020</v>
      </c>
      <c r="F7491">
        <v>2020</v>
      </c>
      <c r="G7491" t="s">
        <v>14</v>
      </c>
      <c r="H7491" t="s">
        <v>120</v>
      </c>
      <c r="I7491" t="s">
        <v>15</v>
      </c>
      <c r="J7491" s="10">
        <v>9.8156978989999999</v>
      </c>
    </row>
    <row r="7492" spans="1:10" x14ac:dyDescent="0.35">
      <c r="A7492" t="s">
        <v>20</v>
      </c>
      <c r="B7492" t="s">
        <v>48</v>
      </c>
      <c r="C7492" t="s">
        <v>117</v>
      </c>
      <c r="D7492" t="s">
        <v>118</v>
      </c>
      <c r="E7492">
        <v>2020</v>
      </c>
      <c r="F7492">
        <v>2020</v>
      </c>
      <c r="G7492" t="s">
        <v>14</v>
      </c>
      <c r="H7492" t="s">
        <v>121</v>
      </c>
      <c r="I7492" t="s">
        <v>15</v>
      </c>
      <c r="J7492" s="10">
        <v>30.565794560000001</v>
      </c>
    </row>
    <row r="7493" spans="1:10" x14ac:dyDescent="0.35">
      <c r="A7493" t="s">
        <v>20</v>
      </c>
      <c r="B7493" t="s">
        <v>48</v>
      </c>
      <c r="C7493" t="s">
        <v>117</v>
      </c>
      <c r="D7493" t="s">
        <v>118</v>
      </c>
      <c r="E7493">
        <v>2020</v>
      </c>
      <c r="F7493">
        <v>2020</v>
      </c>
      <c r="G7493" t="s">
        <v>14</v>
      </c>
      <c r="H7493" t="s">
        <v>122</v>
      </c>
      <c r="I7493" t="s">
        <v>15</v>
      </c>
      <c r="J7493" s="10">
        <v>23.357391419999999</v>
      </c>
    </row>
    <row r="7494" spans="1:10" x14ac:dyDescent="0.35">
      <c r="A7494" t="s">
        <v>20</v>
      </c>
      <c r="B7494" t="s">
        <v>48</v>
      </c>
      <c r="C7494" t="s">
        <v>117</v>
      </c>
      <c r="D7494" t="s">
        <v>118</v>
      </c>
      <c r="E7494">
        <v>2020</v>
      </c>
      <c r="F7494">
        <v>2020</v>
      </c>
      <c r="G7494" t="s">
        <v>14</v>
      </c>
      <c r="H7494" t="s">
        <v>123</v>
      </c>
      <c r="I7494" t="s">
        <v>15</v>
      </c>
      <c r="J7494" s="10">
        <v>16.500837740000001</v>
      </c>
    </row>
    <row r="7495" spans="1:10" x14ac:dyDescent="0.35">
      <c r="A7495" t="s">
        <v>20</v>
      </c>
      <c r="B7495" t="s">
        <v>48</v>
      </c>
      <c r="C7495" t="s">
        <v>117</v>
      </c>
      <c r="D7495" t="s">
        <v>118</v>
      </c>
      <c r="E7495">
        <v>2020</v>
      </c>
      <c r="F7495">
        <v>2020</v>
      </c>
      <c r="G7495" t="s">
        <v>14</v>
      </c>
      <c r="H7495" t="s">
        <v>124</v>
      </c>
      <c r="I7495" t="s">
        <v>15</v>
      </c>
      <c r="J7495" s="10">
        <v>2.6060059290000002</v>
      </c>
    </row>
    <row r="7496" spans="1:10" x14ac:dyDescent="0.35">
      <c r="A7496" t="s">
        <v>20</v>
      </c>
      <c r="B7496" t="s">
        <v>48</v>
      </c>
      <c r="C7496" t="s">
        <v>117</v>
      </c>
      <c r="D7496" t="s">
        <v>118</v>
      </c>
      <c r="E7496">
        <v>2020</v>
      </c>
      <c r="F7496">
        <v>2020</v>
      </c>
      <c r="G7496" t="s">
        <v>125</v>
      </c>
      <c r="H7496" t="s">
        <v>119</v>
      </c>
      <c r="I7496" t="s">
        <v>15</v>
      </c>
      <c r="J7496" s="10">
        <v>18.275825399999999</v>
      </c>
    </row>
    <row r="7497" spans="1:10" x14ac:dyDescent="0.35">
      <c r="A7497" t="s">
        <v>20</v>
      </c>
      <c r="B7497" t="s">
        <v>48</v>
      </c>
      <c r="C7497" t="s">
        <v>117</v>
      </c>
      <c r="D7497" t="s">
        <v>118</v>
      </c>
      <c r="E7497">
        <v>2020</v>
      </c>
      <c r="F7497">
        <v>2020</v>
      </c>
      <c r="G7497" t="s">
        <v>125</v>
      </c>
      <c r="H7497" t="s">
        <v>120</v>
      </c>
      <c r="I7497" t="s">
        <v>15</v>
      </c>
      <c r="J7497" s="10">
        <v>10.44978468</v>
      </c>
    </row>
    <row r="7498" spans="1:10" x14ac:dyDescent="0.35">
      <c r="A7498" t="s">
        <v>20</v>
      </c>
      <c r="B7498" t="s">
        <v>48</v>
      </c>
      <c r="C7498" t="s">
        <v>117</v>
      </c>
      <c r="D7498" t="s">
        <v>118</v>
      </c>
      <c r="E7498">
        <v>2020</v>
      </c>
      <c r="F7498">
        <v>2020</v>
      </c>
      <c r="G7498" t="s">
        <v>125</v>
      </c>
      <c r="H7498" t="s">
        <v>121</v>
      </c>
      <c r="I7498" t="s">
        <v>15</v>
      </c>
      <c r="J7498" s="10">
        <v>31.04364932</v>
      </c>
    </row>
    <row r="7499" spans="1:10" x14ac:dyDescent="0.35">
      <c r="A7499" t="s">
        <v>20</v>
      </c>
      <c r="B7499" t="s">
        <v>48</v>
      </c>
      <c r="C7499" t="s">
        <v>117</v>
      </c>
      <c r="D7499" t="s">
        <v>118</v>
      </c>
      <c r="E7499">
        <v>2020</v>
      </c>
      <c r="F7499">
        <v>2020</v>
      </c>
      <c r="G7499" t="s">
        <v>125</v>
      </c>
      <c r="H7499" t="s">
        <v>122</v>
      </c>
      <c r="I7499" t="s">
        <v>15</v>
      </c>
      <c r="J7499" s="10">
        <v>23.188367270000001</v>
      </c>
    </row>
    <row r="7500" spans="1:10" x14ac:dyDescent="0.35">
      <c r="A7500" t="s">
        <v>20</v>
      </c>
      <c r="B7500" t="s">
        <v>48</v>
      </c>
      <c r="C7500" t="s">
        <v>117</v>
      </c>
      <c r="D7500" t="s">
        <v>118</v>
      </c>
      <c r="E7500">
        <v>2020</v>
      </c>
      <c r="F7500">
        <v>2020</v>
      </c>
      <c r="G7500" t="s">
        <v>125</v>
      </c>
      <c r="H7500" t="s">
        <v>123</v>
      </c>
      <c r="I7500" t="s">
        <v>15</v>
      </c>
      <c r="J7500" s="10">
        <v>15.317135410000001</v>
      </c>
    </row>
    <row r="7501" spans="1:10" x14ac:dyDescent="0.35">
      <c r="A7501" t="s">
        <v>20</v>
      </c>
      <c r="B7501" t="s">
        <v>48</v>
      </c>
      <c r="C7501" t="s">
        <v>117</v>
      </c>
      <c r="D7501" t="s">
        <v>118</v>
      </c>
      <c r="E7501">
        <v>2020</v>
      </c>
      <c r="F7501">
        <v>2020</v>
      </c>
      <c r="G7501" t="s">
        <v>125</v>
      </c>
      <c r="H7501" t="s">
        <v>124</v>
      </c>
      <c r="I7501" t="s">
        <v>15</v>
      </c>
      <c r="J7501" s="10">
        <v>1.7252379179999999</v>
      </c>
    </row>
    <row r="7502" spans="1:10" x14ac:dyDescent="0.35">
      <c r="A7502" t="s">
        <v>20</v>
      </c>
      <c r="B7502" t="s">
        <v>48</v>
      </c>
      <c r="C7502" t="s">
        <v>117</v>
      </c>
      <c r="D7502" t="s">
        <v>118</v>
      </c>
      <c r="E7502">
        <v>2020</v>
      </c>
      <c r="F7502">
        <v>2020</v>
      </c>
      <c r="G7502" t="s">
        <v>126</v>
      </c>
      <c r="H7502" t="s">
        <v>119</v>
      </c>
      <c r="I7502" t="s">
        <v>15</v>
      </c>
      <c r="J7502" s="10">
        <v>16.098769140000002</v>
      </c>
    </row>
    <row r="7503" spans="1:10" x14ac:dyDescent="0.35">
      <c r="A7503" t="s">
        <v>20</v>
      </c>
      <c r="B7503" t="s">
        <v>48</v>
      </c>
      <c r="C7503" t="s">
        <v>117</v>
      </c>
      <c r="D7503" t="s">
        <v>118</v>
      </c>
      <c r="E7503">
        <v>2020</v>
      </c>
      <c r="F7503">
        <v>2020</v>
      </c>
      <c r="G7503" t="s">
        <v>126</v>
      </c>
      <c r="H7503" t="s">
        <v>120</v>
      </c>
      <c r="I7503" t="s">
        <v>15</v>
      </c>
      <c r="J7503" s="10">
        <v>9.2189532669999998</v>
      </c>
    </row>
    <row r="7504" spans="1:10" x14ac:dyDescent="0.35">
      <c r="A7504" t="s">
        <v>20</v>
      </c>
      <c r="B7504" t="s">
        <v>48</v>
      </c>
      <c r="C7504" t="s">
        <v>117</v>
      </c>
      <c r="D7504" t="s">
        <v>118</v>
      </c>
      <c r="E7504">
        <v>2020</v>
      </c>
      <c r="F7504">
        <v>2020</v>
      </c>
      <c r="G7504" t="s">
        <v>126</v>
      </c>
      <c r="H7504" t="s">
        <v>121</v>
      </c>
      <c r="I7504" t="s">
        <v>15</v>
      </c>
      <c r="J7504" s="10">
        <v>30.116081260000001</v>
      </c>
    </row>
    <row r="7505" spans="1:10" x14ac:dyDescent="0.35">
      <c r="A7505" t="s">
        <v>20</v>
      </c>
      <c r="B7505" t="s">
        <v>48</v>
      </c>
      <c r="C7505" t="s">
        <v>117</v>
      </c>
      <c r="D7505" t="s">
        <v>118</v>
      </c>
      <c r="E7505">
        <v>2020</v>
      </c>
      <c r="F7505">
        <v>2020</v>
      </c>
      <c r="G7505" t="s">
        <v>126</v>
      </c>
      <c r="H7505" t="s">
        <v>122</v>
      </c>
      <c r="I7505" t="s">
        <v>15</v>
      </c>
      <c r="J7505" s="10">
        <v>23.51646152</v>
      </c>
    </row>
    <row r="7506" spans="1:10" x14ac:dyDescent="0.35">
      <c r="A7506" t="s">
        <v>20</v>
      </c>
      <c r="B7506" t="s">
        <v>48</v>
      </c>
      <c r="C7506" t="s">
        <v>117</v>
      </c>
      <c r="D7506" t="s">
        <v>118</v>
      </c>
      <c r="E7506">
        <v>2020</v>
      </c>
      <c r="F7506">
        <v>2020</v>
      </c>
      <c r="G7506" t="s">
        <v>126</v>
      </c>
      <c r="H7506" t="s">
        <v>123</v>
      </c>
      <c r="I7506" t="s">
        <v>15</v>
      </c>
      <c r="J7506" s="10">
        <v>17.614830380000001</v>
      </c>
    </row>
    <row r="7507" spans="1:10" x14ac:dyDescent="0.35">
      <c r="A7507" t="s">
        <v>20</v>
      </c>
      <c r="B7507" t="s">
        <v>48</v>
      </c>
      <c r="C7507" t="s">
        <v>117</v>
      </c>
      <c r="D7507" t="s">
        <v>118</v>
      </c>
      <c r="E7507">
        <v>2020</v>
      </c>
      <c r="F7507">
        <v>2020</v>
      </c>
      <c r="G7507" t="s">
        <v>126</v>
      </c>
      <c r="H7507" t="s">
        <v>124</v>
      </c>
      <c r="I7507" t="s">
        <v>15</v>
      </c>
      <c r="J7507" s="10">
        <v>3.4349044329999998</v>
      </c>
    </row>
    <row r="7508" spans="1:10" x14ac:dyDescent="0.35">
      <c r="A7508" t="s">
        <v>20</v>
      </c>
      <c r="B7508" t="s">
        <v>48</v>
      </c>
      <c r="C7508" t="s">
        <v>117</v>
      </c>
      <c r="D7508" t="s">
        <v>118</v>
      </c>
      <c r="E7508">
        <v>2019</v>
      </c>
      <c r="F7508">
        <v>2019</v>
      </c>
      <c r="G7508" t="s">
        <v>14</v>
      </c>
      <c r="H7508" t="s">
        <v>119</v>
      </c>
      <c r="I7508" t="s">
        <v>15</v>
      </c>
      <c r="J7508" s="10">
        <v>17.244132</v>
      </c>
    </row>
    <row r="7509" spans="1:10" x14ac:dyDescent="0.35">
      <c r="A7509" t="s">
        <v>20</v>
      </c>
      <c r="B7509" t="s">
        <v>48</v>
      </c>
      <c r="C7509" t="s">
        <v>117</v>
      </c>
      <c r="D7509" t="s">
        <v>118</v>
      </c>
      <c r="E7509">
        <v>2019</v>
      </c>
      <c r="F7509">
        <v>2019</v>
      </c>
      <c r="G7509" t="s">
        <v>14</v>
      </c>
      <c r="H7509" t="s">
        <v>120</v>
      </c>
      <c r="I7509" t="s">
        <v>15</v>
      </c>
      <c r="J7509" s="10">
        <v>9.9604722730000006</v>
      </c>
    </row>
    <row r="7510" spans="1:10" x14ac:dyDescent="0.35">
      <c r="A7510" t="s">
        <v>20</v>
      </c>
      <c r="B7510" t="s">
        <v>48</v>
      </c>
      <c r="C7510" t="s">
        <v>117</v>
      </c>
      <c r="D7510" t="s">
        <v>118</v>
      </c>
      <c r="E7510">
        <v>2019</v>
      </c>
      <c r="F7510">
        <v>2019</v>
      </c>
      <c r="G7510" t="s">
        <v>14</v>
      </c>
      <c r="H7510" t="s">
        <v>121</v>
      </c>
      <c r="I7510" t="s">
        <v>15</v>
      </c>
      <c r="J7510" s="10">
        <v>30.655233240000001</v>
      </c>
    </row>
    <row r="7511" spans="1:10" x14ac:dyDescent="0.35">
      <c r="A7511" t="s">
        <v>20</v>
      </c>
      <c r="B7511" t="s">
        <v>48</v>
      </c>
      <c r="C7511" t="s">
        <v>117</v>
      </c>
      <c r="D7511" t="s">
        <v>118</v>
      </c>
      <c r="E7511">
        <v>2019</v>
      </c>
      <c r="F7511">
        <v>2019</v>
      </c>
      <c r="G7511" t="s">
        <v>14</v>
      </c>
      <c r="H7511" t="s">
        <v>122</v>
      </c>
      <c r="I7511" t="s">
        <v>15</v>
      </c>
      <c r="J7511" s="10">
        <v>23.204192259999999</v>
      </c>
    </row>
    <row r="7512" spans="1:10" x14ac:dyDescent="0.35">
      <c r="A7512" t="s">
        <v>20</v>
      </c>
      <c r="B7512" t="s">
        <v>48</v>
      </c>
      <c r="C7512" t="s">
        <v>117</v>
      </c>
      <c r="D7512" t="s">
        <v>118</v>
      </c>
      <c r="E7512">
        <v>2019</v>
      </c>
      <c r="F7512">
        <v>2019</v>
      </c>
      <c r="G7512" t="s">
        <v>14</v>
      </c>
      <c r="H7512" t="s">
        <v>123</v>
      </c>
      <c r="I7512" t="s">
        <v>15</v>
      </c>
      <c r="J7512" s="10">
        <v>16.318384900000002</v>
      </c>
    </row>
    <row r="7513" spans="1:10" x14ac:dyDescent="0.35">
      <c r="A7513" t="s">
        <v>20</v>
      </c>
      <c r="B7513" t="s">
        <v>48</v>
      </c>
      <c r="C7513" t="s">
        <v>117</v>
      </c>
      <c r="D7513" t="s">
        <v>118</v>
      </c>
      <c r="E7513">
        <v>2019</v>
      </c>
      <c r="F7513">
        <v>2019</v>
      </c>
      <c r="G7513" t="s">
        <v>14</v>
      </c>
      <c r="H7513" t="s">
        <v>124</v>
      </c>
      <c r="I7513" t="s">
        <v>15</v>
      </c>
      <c r="J7513" s="10">
        <v>2.617585332</v>
      </c>
    </row>
    <row r="7514" spans="1:10" x14ac:dyDescent="0.35">
      <c r="A7514" t="s">
        <v>20</v>
      </c>
      <c r="B7514" t="s">
        <v>48</v>
      </c>
      <c r="C7514" t="s">
        <v>117</v>
      </c>
      <c r="D7514" t="s">
        <v>118</v>
      </c>
      <c r="E7514">
        <v>2019</v>
      </c>
      <c r="F7514">
        <v>2019</v>
      </c>
      <c r="G7514" t="s">
        <v>125</v>
      </c>
      <c r="H7514" t="s">
        <v>119</v>
      </c>
      <c r="I7514" t="s">
        <v>15</v>
      </c>
      <c r="J7514" s="10">
        <v>18.323493429999999</v>
      </c>
    </row>
    <row r="7515" spans="1:10" x14ac:dyDescent="0.35">
      <c r="A7515" t="s">
        <v>20</v>
      </c>
      <c r="B7515" t="s">
        <v>48</v>
      </c>
      <c r="C7515" t="s">
        <v>117</v>
      </c>
      <c r="D7515" t="s">
        <v>118</v>
      </c>
      <c r="E7515">
        <v>2019</v>
      </c>
      <c r="F7515">
        <v>2019</v>
      </c>
      <c r="G7515" t="s">
        <v>125</v>
      </c>
      <c r="H7515" t="s">
        <v>120</v>
      </c>
      <c r="I7515" t="s">
        <v>15</v>
      </c>
      <c r="J7515" s="10">
        <v>10.6430509</v>
      </c>
    </row>
    <row r="7516" spans="1:10" x14ac:dyDescent="0.35">
      <c r="A7516" t="s">
        <v>20</v>
      </c>
      <c r="B7516" t="s">
        <v>48</v>
      </c>
      <c r="C7516" t="s">
        <v>117</v>
      </c>
      <c r="D7516" t="s">
        <v>118</v>
      </c>
      <c r="E7516">
        <v>2019</v>
      </c>
      <c r="F7516">
        <v>2019</v>
      </c>
      <c r="G7516" t="s">
        <v>125</v>
      </c>
      <c r="H7516" t="s">
        <v>121</v>
      </c>
      <c r="I7516" t="s">
        <v>15</v>
      </c>
      <c r="J7516" s="10">
        <v>31.038242650000001</v>
      </c>
    </row>
    <row r="7517" spans="1:10" x14ac:dyDescent="0.35">
      <c r="A7517" t="s">
        <v>20</v>
      </c>
      <c r="B7517" t="s">
        <v>48</v>
      </c>
      <c r="C7517" t="s">
        <v>117</v>
      </c>
      <c r="D7517" t="s">
        <v>118</v>
      </c>
      <c r="E7517">
        <v>2019</v>
      </c>
      <c r="F7517">
        <v>2019</v>
      </c>
      <c r="G7517" t="s">
        <v>125</v>
      </c>
      <c r="H7517" t="s">
        <v>122</v>
      </c>
      <c r="I7517" t="s">
        <v>15</v>
      </c>
      <c r="J7517" s="10">
        <v>23.051965320000001</v>
      </c>
    </row>
    <row r="7518" spans="1:10" x14ac:dyDescent="0.35">
      <c r="A7518" t="s">
        <v>20</v>
      </c>
      <c r="B7518" t="s">
        <v>48</v>
      </c>
      <c r="C7518" t="s">
        <v>117</v>
      </c>
      <c r="D7518" t="s">
        <v>118</v>
      </c>
      <c r="E7518">
        <v>2019</v>
      </c>
      <c r="F7518">
        <v>2019</v>
      </c>
      <c r="G7518" t="s">
        <v>125</v>
      </c>
      <c r="H7518" t="s">
        <v>123</v>
      </c>
      <c r="I7518" t="s">
        <v>15</v>
      </c>
      <c r="J7518" s="10">
        <v>15.209297380000001</v>
      </c>
    </row>
    <row r="7519" spans="1:10" x14ac:dyDescent="0.35">
      <c r="A7519" t="s">
        <v>20</v>
      </c>
      <c r="B7519" t="s">
        <v>48</v>
      </c>
      <c r="C7519" t="s">
        <v>117</v>
      </c>
      <c r="D7519" t="s">
        <v>118</v>
      </c>
      <c r="E7519">
        <v>2019</v>
      </c>
      <c r="F7519">
        <v>2019</v>
      </c>
      <c r="G7519" t="s">
        <v>125</v>
      </c>
      <c r="H7519" t="s">
        <v>124</v>
      </c>
      <c r="I7519" t="s">
        <v>15</v>
      </c>
      <c r="J7519" s="10">
        <v>1.7339503220000001</v>
      </c>
    </row>
    <row r="7520" spans="1:10" x14ac:dyDescent="0.35">
      <c r="A7520" t="s">
        <v>20</v>
      </c>
      <c r="B7520" t="s">
        <v>48</v>
      </c>
      <c r="C7520" t="s">
        <v>117</v>
      </c>
      <c r="D7520" t="s">
        <v>118</v>
      </c>
      <c r="E7520">
        <v>2019</v>
      </c>
      <c r="F7520">
        <v>2019</v>
      </c>
      <c r="G7520" t="s">
        <v>126</v>
      </c>
      <c r="H7520" t="s">
        <v>119</v>
      </c>
      <c r="I7520" t="s">
        <v>15</v>
      </c>
      <c r="J7520" s="10">
        <v>16.23112442</v>
      </c>
    </row>
    <row r="7521" spans="1:10" x14ac:dyDescent="0.35">
      <c r="A7521" t="s">
        <v>20</v>
      </c>
      <c r="B7521" t="s">
        <v>48</v>
      </c>
      <c r="C7521" t="s">
        <v>117</v>
      </c>
      <c r="D7521" t="s">
        <v>118</v>
      </c>
      <c r="E7521">
        <v>2019</v>
      </c>
      <c r="F7521">
        <v>2019</v>
      </c>
      <c r="G7521" t="s">
        <v>126</v>
      </c>
      <c r="H7521" t="s">
        <v>120</v>
      </c>
      <c r="I7521" t="s">
        <v>15</v>
      </c>
      <c r="J7521" s="10">
        <v>9.3198552350000003</v>
      </c>
    </row>
    <row r="7522" spans="1:10" x14ac:dyDescent="0.35">
      <c r="A7522" t="s">
        <v>20</v>
      </c>
      <c r="B7522" t="s">
        <v>48</v>
      </c>
      <c r="C7522" t="s">
        <v>117</v>
      </c>
      <c r="D7522" t="s">
        <v>118</v>
      </c>
      <c r="E7522">
        <v>2019</v>
      </c>
      <c r="F7522">
        <v>2019</v>
      </c>
      <c r="G7522" t="s">
        <v>126</v>
      </c>
      <c r="H7522" t="s">
        <v>121</v>
      </c>
      <c r="I7522" t="s">
        <v>15</v>
      </c>
      <c r="J7522" s="10">
        <v>30.295769369999999</v>
      </c>
    </row>
    <row r="7523" spans="1:10" x14ac:dyDescent="0.35">
      <c r="A7523" t="s">
        <v>20</v>
      </c>
      <c r="B7523" t="s">
        <v>48</v>
      </c>
      <c r="C7523" t="s">
        <v>117</v>
      </c>
      <c r="D7523" t="s">
        <v>118</v>
      </c>
      <c r="E7523">
        <v>2019</v>
      </c>
      <c r="F7523">
        <v>2019</v>
      </c>
      <c r="G7523" t="s">
        <v>126</v>
      </c>
      <c r="H7523" t="s">
        <v>122</v>
      </c>
      <c r="I7523" t="s">
        <v>15</v>
      </c>
      <c r="J7523" s="10">
        <v>23.347061029999999</v>
      </c>
    </row>
    <row r="7524" spans="1:10" x14ac:dyDescent="0.35">
      <c r="A7524" t="s">
        <v>20</v>
      </c>
      <c r="B7524" t="s">
        <v>48</v>
      </c>
      <c r="C7524" t="s">
        <v>117</v>
      </c>
      <c r="D7524" t="s">
        <v>118</v>
      </c>
      <c r="E7524">
        <v>2019</v>
      </c>
      <c r="F7524">
        <v>2019</v>
      </c>
      <c r="G7524" t="s">
        <v>126</v>
      </c>
      <c r="H7524" t="s">
        <v>123</v>
      </c>
      <c r="I7524" t="s">
        <v>15</v>
      </c>
      <c r="J7524" s="10">
        <v>17.359291150000001</v>
      </c>
    </row>
    <row r="7525" spans="1:10" x14ac:dyDescent="0.35">
      <c r="A7525" t="s">
        <v>20</v>
      </c>
      <c r="B7525" t="s">
        <v>48</v>
      </c>
      <c r="C7525" t="s">
        <v>117</v>
      </c>
      <c r="D7525" t="s">
        <v>118</v>
      </c>
      <c r="E7525">
        <v>2019</v>
      </c>
      <c r="F7525">
        <v>2019</v>
      </c>
      <c r="G7525" t="s">
        <v>126</v>
      </c>
      <c r="H7525" t="s">
        <v>124</v>
      </c>
      <c r="I7525" t="s">
        <v>15</v>
      </c>
      <c r="J7525" s="10">
        <v>3.446898789</v>
      </c>
    </row>
    <row r="7526" spans="1:10" x14ac:dyDescent="0.35">
      <c r="A7526" t="s">
        <v>20</v>
      </c>
      <c r="B7526" t="s">
        <v>48</v>
      </c>
      <c r="C7526" t="s">
        <v>117</v>
      </c>
      <c r="D7526" t="s">
        <v>118</v>
      </c>
      <c r="E7526">
        <v>2018</v>
      </c>
      <c r="F7526">
        <v>2018</v>
      </c>
      <c r="G7526" t="s">
        <v>14</v>
      </c>
      <c r="H7526" t="s">
        <v>119</v>
      </c>
      <c r="I7526" t="s">
        <v>15</v>
      </c>
      <c r="J7526" s="10">
        <v>17.025873220000001</v>
      </c>
    </row>
    <row r="7527" spans="1:10" x14ac:dyDescent="0.35">
      <c r="A7527" t="s">
        <v>20</v>
      </c>
      <c r="B7527" t="s">
        <v>48</v>
      </c>
      <c r="C7527" t="s">
        <v>117</v>
      </c>
      <c r="D7527" t="s">
        <v>118</v>
      </c>
      <c r="E7527">
        <v>2018</v>
      </c>
      <c r="F7527">
        <v>2018</v>
      </c>
      <c r="G7527" t="s">
        <v>14</v>
      </c>
      <c r="H7527" t="s">
        <v>120</v>
      </c>
      <c r="I7527" t="s">
        <v>15</v>
      </c>
      <c r="J7527" s="10">
        <v>10.421733509999999</v>
      </c>
    </row>
    <row r="7528" spans="1:10" x14ac:dyDescent="0.35">
      <c r="A7528" t="s">
        <v>20</v>
      </c>
      <c r="B7528" t="s">
        <v>48</v>
      </c>
      <c r="C7528" t="s">
        <v>117</v>
      </c>
      <c r="D7528" t="s">
        <v>118</v>
      </c>
      <c r="E7528">
        <v>2018</v>
      </c>
      <c r="F7528">
        <v>2018</v>
      </c>
      <c r="G7528" t="s">
        <v>14</v>
      </c>
      <c r="H7528" t="s">
        <v>121</v>
      </c>
      <c r="I7528" t="s">
        <v>15</v>
      </c>
      <c r="J7528" s="10">
        <v>30.661060800000001</v>
      </c>
    </row>
    <row r="7529" spans="1:10" x14ac:dyDescent="0.35">
      <c r="A7529" t="s">
        <v>20</v>
      </c>
      <c r="B7529" t="s">
        <v>48</v>
      </c>
      <c r="C7529" t="s">
        <v>117</v>
      </c>
      <c r="D7529" t="s">
        <v>118</v>
      </c>
      <c r="E7529">
        <v>2018</v>
      </c>
      <c r="F7529">
        <v>2018</v>
      </c>
      <c r="G7529" t="s">
        <v>14</v>
      </c>
      <c r="H7529" t="s">
        <v>122</v>
      </c>
      <c r="I7529" t="s">
        <v>15</v>
      </c>
      <c r="J7529" s="10">
        <v>23.23285899</v>
      </c>
    </row>
    <row r="7530" spans="1:10" x14ac:dyDescent="0.35">
      <c r="A7530" t="s">
        <v>20</v>
      </c>
      <c r="B7530" t="s">
        <v>48</v>
      </c>
      <c r="C7530" t="s">
        <v>117</v>
      </c>
      <c r="D7530" t="s">
        <v>118</v>
      </c>
      <c r="E7530">
        <v>2018</v>
      </c>
      <c r="F7530">
        <v>2018</v>
      </c>
      <c r="G7530" t="s">
        <v>14</v>
      </c>
      <c r="H7530" t="s">
        <v>123</v>
      </c>
      <c r="I7530" t="s">
        <v>15</v>
      </c>
      <c r="J7530" s="10">
        <v>16.062095729999999</v>
      </c>
    </row>
    <row r="7531" spans="1:10" x14ac:dyDescent="0.35">
      <c r="A7531" t="s">
        <v>20</v>
      </c>
      <c r="B7531" t="s">
        <v>48</v>
      </c>
      <c r="C7531" t="s">
        <v>117</v>
      </c>
      <c r="D7531" t="s">
        <v>118</v>
      </c>
      <c r="E7531">
        <v>2018</v>
      </c>
      <c r="F7531">
        <v>2018</v>
      </c>
      <c r="G7531" t="s">
        <v>14</v>
      </c>
      <c r="H7531" t="s">
        <v>124</v>
      </c>
      <c r="I7531" t="s">
        <v>15</v>
      </c>
      <c r="J7531" s="10">
        <v>2.5963777490000002</v>
      </c>
    </row>
    <row r="7532" spans="1:10" x14ac:dyDescent="0.35">
      <c r="A7532" t="s">
        <v>20</v>
      </c>
      <c r="B7532" t="s">
        <v>48</v>
      </c>
      <c r="C7532" t="s">
        <v>117</v>
      </c>
      <c r="D7532" t="s">
        <v>118</v>
      </c>
      <c r="E7532">
        <v>2018</v>
      </c>
      <c r="F7532">
        <v>2018</v>
      </c>
      <c r="G7532" t="s">
        <v>125</v>
      </c>
      <c r="H7532" t="s">
        <v>119</v>
      </c>
      <c r="I7532" t="s">
        <v>15</v>
      </c>
      <c r="J7532" s="10">
        <v>18.062617070000002</v>
      </c>
    </row>
    <row r="7533" spans="1:10" x14ac:dyDescent="0.35">
      <c r="A7533" t="s">
        <v>20</v>
      </c>
      <c r="B7533" t="s">
        <v>48</v>
      </c>
      <c r="C7533" t="s">
        <v>117</v>
      </c>
      <c r="D7533" t="s">
        <v>118</v>
      </c>
      <c r="E7533">
        <v>2018</v>
      </c>
      <c r="F7533">
        <v>2018</v>
      </c>
      <c r="G7533" t="s">
        <v>125</v>
      </c>
      <c r="H7533" t="s">
        <v>120</v>
      </c>
      <c r="I7533" t="s">
        <v>15</v>
      </c>
      <c r="J7533" s="10">
        <v>11.147979660000001</v>
      </c>
    </row>
    <row r="7534" spans="1:10" x14ac:dyDescent="0.35">
      <c r="A7534" t="s">
        <v>20</v>
      </c>
      <c r="B7534" t="s">
        <v>48</v>
      </c>
      <c r="C7534" t="s">
        <v>117</v>
      </c>
      <c r="D7534" t="s">
        <v>118</v>
      </c>
      <c r="E7534">
        <v>2018</v>
      </c>
      <c r="F7534">
        <v>2018</v>
      </c>
      <c r="G7534" t="s">
        <v>125</v>
      </c>
      <c r="H7534" t="s">
        <v>121</v>
      </c>
      <c r="I7534" t="s">
        <v>15</v>
      </c>
      <c r="J7534" s="10">
        <v>31.0944608</v>
      </c>
    </row>
    <row r="7535" spans="1:10" x14ac:dyDescent="0.35">
      <c r="A7535" t="s">
        <v>20</v>
      </c>
      <c r="B7535" t="s">
        <v>48</v>
      </c>
      <c r="C7535" t="s">
        <v>117</v>
      </c>
      <c r="D7535" t="s">
        <v>118</v>
      </c>
      <c r="E7535">
        <v>2018</v>
      </c>
      <c r="F7535">
        <v>2018</v>
      </c>
      <c r="G7535" t="s">
        <v>125</v>
      </c>
      <c r="H7535" t="s">
        <v>122</v>
      </c>
      <c r="I7535" t="s">
        <v>15</v>
      </c>
      <c r="J7535" s="10">
        <v>23.14690929</v>
      </c>
    </row>
    <row r="7536" spans="1:10" x14ac:dyDescent="0.35">
      <c r="A7536" t="s">
        <v>20</v>
      </c>
      <c r="B7536" t="s">
        <v>48</v>
      </c>
      <c r="C7536" t="s">
        <v>117</v>
      </c>
      <c r="D7536" t="s">
        <v>118</v>
      </c>
      <c r="E7536">
        <v>2018</v>
      </c>
      <c r="F7536">
        <v>2018</v>
      </c>
      <c r="G7536" t="s">
        <v>125</v>
      </c>
      <c r="H7536" t="s">
        <v>123</v>
      </c>
      <c r="I7536" t="s">
        <v>15</v>
      </c>
      <c r="J7536" s="10">
        <v>14.81937383</v>
      </c>
    </row>
    <row r="7537" spans="1:10" x14ac:dyDescent="0.35">
      <c r="A7537" t="s">
        <v>20</v>
      </c>
      <c r="B7537" t="s">
        <v>48</v>
      </c>
      <c r="C7537" t="s">
        <v>117</v>
      </c>
      <c r="D7537" t="s">
        <v>118</v>
      </c>
      <c r="E7537">
        <v>2018</v>
      </c>
      <c r="F7537">
        <v>2018</v>
      </c>
      <c r="G7537" t="s">
        <v>125</v>
      </c>
      <c r="H7537" t="s">
        <v>124</v>
      </c>
      <c r="I7537" t="s">
        <v>15</v>
      </c>
      <c r="J7537" s="10">
        <v>1.728659352</v>
      </c>
    </row>
    <row r="7538" spans="1:10" x14ac:dyDescent="0.35">
      <c r="A7538" t="s">
        <v>20</v>
      </c>
      <c r="B7538" t="s">
        <v>48</v>
      </c>
      <c r="C7538" t="s">
        <v>117</v>
      </c>
      <c r="D7538" t="s">
        <v>118</v>
      </c>
      <c r="E7538">
        <v>2018</v>
      </c>
      <c r="F7538">
        <v>2018</v>
      </c>
      <c r="G7538" t="s">
        <v>126</v>
      </c>
      <c r="H7538" t="s">
        <v>119</v>
      </c>
      <c r="I7538" t="s">
        <v>15</v>
      </c>
      <c r="J7538" s="10">
        <v>16.055597299999999</v>
      </c>
    </row>
    <row r="7539" spans="1:10" x14ac:dyDescent="0.35">
      <c r="A7539" t="s">
        <v>20</v>
      </c>
      <c r="B7539" t="s">
        <v>48</v>
      </c>
      <c r="C7539" t="s">
        <v>117</v>
      </c>
      <c r="D7539" t="s">
        <v>118</v>
      </c>
      <c r="E7539">
        <v>2018</v>
      </c>
      <c r="F7539">
        <v>2018</v>
      </c>
      <c r="G7539" t="s">
        <v>126</v>
      </c>
      <c r="H7539" t="s">
        <v>120</v>
      </c>
      <c r="I7539" t="s">
        <v>15</v>
      </c>
      <c r="J7539" s="10">
        <v>9.7420485849999992</v>
      </c>
    </row>
    <row r="7540" spans="1:10" x14ac:dyDescent="0.35">
      <c r="A7540" t="s">
        <v>20</v>
      </c>
      <c r="B7540" t="s">
        <v>48</v>
      </c>
      <c r="C7540" t="s">
        <v>117</v>
      </c>
      <c r="D7540" t="s">
        <v>118</v>
      </c>
      <c r="E7540">
        <v>2018</v>
      </c>
      <c r="F7540">
        <v>2018</v>
      </c>
      <c r="G7540" t="s">
        <v>126</v>
      </c>
      <c r="H7540" t="s">
        <v>121</v>
      </c>
      <c r="I7540" t="s">
        <v>15</v>
      </c>
      <c r="J7540" s="10">
        <v>30.255447029999999</v>
      </c>
    </row>
    <row r="7541" spans="1:10" x14ac:dyDescent="0.35">
      <c r="A7541" t="s">
        <v>20</v>
      </c>
      <c r="B7541" t="s">
        <v>48</v>
      </c>
      <c r="C7541" t="s">
        <v>117</v>
      </c>
      <c r="D7541" t="s">
        <v>118</v>
      </c>
      <c r="E7541">
        <v>2018</v>
      </c>
      <c r="F7541">
        <v>2018</v>
      </c>
      <c r="G7541" t="s">
        <v>126</v>
      </c>
      <c r="H7541" t="s">
        <v>122</v>
      </c>
      <c r="I7541" t="s">
        <v>15</v>
      </c>
      <c r="J7541" s="10">
        <v>23.313298270000001</v>
      </c>
    </row>
    <row r="7542" spans="1:10" x14ac:dyDescent="0.35">
      <c r="A7542" t="s">
        <v>20</v>
      </c>
      <c r="B7542" t="s">
        <v>48</v>
      </c>
      <c r="C7542" t="s">
        <v>117</v>
      </c>
      <c r="D7542" t="s">
        <v>118</v>
      </c>
      <c r="E7542">
        <v>2018</v>
      </c>
      <c r="F7542">
        <v>2018</v>
      </c>
      <c r="G7542" t="s">
        <v>126</v>
      </c>
      <c r="H7542" t="s">
        <v>123</v>
      </c>
      <c r="I7542" t="s">
        <v>15</v>
      </c>
      <c r="J7542" s="10">
        <v>17.225144</v>
      </c>
    </row>
    <row r="7543" spans="1:10" x14ac:dyDescent="0.35">
      <c r="A7543" t="s">
        <v>20</v>
      </c>
      <c r="B7543" t="s">
        <v>48</v>
      </c>
      <c r="C7543" t="s">
        <v>117</v>
      </c>
      <c r="D7543" t="s">
        <v>118</v>
      </c>
      <c r="E7543">
        <v>2018</v>
      </c>
      <c r="F7543">
        <v>2018</v>
      </c>
      <c r="G7543" t="s">
        <v>126</v>
      </c>
      <c r="H7543" t="s">
        <v>124</v>
      </c>
      <c r="I7543" t="s">
        <v>15</v>
      </c>
      <c r="J7543" s="10">
        <v>3.4084648130000001</v>
      </c>
    </row>
    <row r="7544" spans="1:10" x14ac:dyDescent="0.35">
      <c r="A7544" t="s">
        <v>20</v>
      </c>
      <c r="B7544" t="s">
        <v>48</v>
      </c>
      <c r="C7544" t="s">
        <v>117</v>
      </c>
      <c r="D7544" t="s">
        <v>118</v>
      </c>
      <c r="E7544">
        <v>2017</v>
      </c>
      <c r="F7544">
        <v>2017</v>
      </c>
      <c r="G7544" t="s">
        <v>14</v>
      </c>
      <c r="H7544" t="s">
        <v>119</v>
      </c>
      <c r="I7544" t="s">
        <v>15</v>
      </c>
      <c r="J7544" s="10">
        <v>17.04094598</v>
      </c>
    </row>
    <row r="7545" spans="1:10" x14ac:dyDescent="0.35">
      <c r="A7545" t="s">
        <v>20</v>
      </c>
      <c r="B7545" t="s">
        <v>48</v>
      </c>
      <c r="C7545" t="s">
        <v>117</v>
      </c>
      <c r="D7545" t="s">
        <v>118</v>
      </c>
      <c r="E7545">
        <v>2017</v>
      </c>
      <c r="F7545">
        <v>2017</v>
      </c>
      <c r="G7545" t="s">
        <v>14</v>
      </c>
      <c r="H7545" t="s">
        <v>120</v>
      </c>
      <c r="I7545" t="s">
        <v>15</v>
      </c>
      <c r="J7545" s="10">
        <v>10.681222930000001</v>
      </c>
    </row>
    <row r="7546" spans="1:10" x14ac:dyDescent="0.35">
      <c r="A7546" t="s">
        <v>20</v>
      </c>
      <c r="B7546" t="s">
        <v>48</v>
      </c>
      <c r="C7546" t="s">
        <v>117</v>
      </c>
      <c r="D7546" t="s">
        <v>118</v>
      </c>
      <c r="E7546">
        <v>2017</v>
      </c>
      <c r="F7546">
        <v>2017</v>
      </c>
      <c r="G7546" t="s">
        <v>14</v>
      </c>
      <c r="H7546" t="s">
        <v>121</v>
      </c>
      <c r="I7546" t="s">
        <v>15</v>
      </c>
      <c r="J7546" s="10">
        <v>30.944169280000001</v>
      </c>
    </row>
    <row r="7547" spans="1:10" x14ac:dyDescent="0.35">
      <c r="A7547" t="s">
        <v>20</v>
      </c>
      <c r="B7547" t="s">
        <v>48</v>
      </c>
      <c r="C7547" t="s">
        <v>117</v>
      </c>
      <c r="D7547" t="s">
        <v>118</v>
      </c>
      <c r="E7547">
        <v>2017</v>
      </c>
      <c r="F7547">
        <v>2017</v>
      </c>
      <c r="G7547" t="s">
        <v>14</v>
      </c>
      <c r="H7547" t="s">
        <v>122</v>
      </c>
      <c r="I7547" t="s">
        <v>15</v>
      </c>
      <c r="J7547" s="10">
        <v>22.919637989999998</v>
      </c>
    </row>
    <row r="7548" spans="1:10" x14ac:dyDescent="0.35">
      <c r="A7548" t="s">
        <v>20</v>
      </c>
      <c r="B7548" t="s">
        <v>48</v>
      </c>
      <c r="C7548" t="s">
        <v>117</v>
      </c>
      <c r="D7548" t="s">
        <v>118</v>
      </c>
      <c r="E7548">
        <v>2017</v>
      </c>
      <c r="F7548">
        <v>2017</v>
      </c>
      <c r="G7548" t="s">
        <v>14</v>
      </c>
      <c r="H7548" t="s">
        <v>123</v>
      </c>
      <c r="I7548" t="s">
        <v>15</v>
      </c>
      <c r="J7548" s="10">
        <v>15.88050722</v>
      </c>
    </row>
    <row r="7549" spans="1:10" x14ac:dyDescent="0.35">
      <c r="A7549" t="s">
        <v>20</v>
      </c>
      <c r="B7549" t="s">
        <v>48</v>
      </c>
      <c r="C7549" t="s">
        <v>117</v>
      </c>
      <c r="D7549" t="s">
        <v>118</v>
      </c>
      <c r="E7549">
        <v>2017</v>
      </c>
      <c r="F7549">
        <v>2017</v>
      </c>
      <c r="G7549" t="s">
        <v>14</v>
      </c>
      <c r="H7549" t="s">
        <v>124</v>
      </c>
      <c r="I7549" t="s">
        <v>15</v>
      </c>
      <c r="J7549" s="10">
        <v>2.5335165829999999</v>
      </c>
    </row>
    <row r="7550" spans="1:10" x14ac:dyDescent="0.35">
      <c r="A7550" t="s">
        <v>20</v>
      </c>
      <c r="B7550" t="s">
        <v>48</v>
      </c>
      <c r="C7550" t="s">
        <v>117</v>
      </c>
      <c r="D7550" t="s">
        <v>118</v>
      </c>
      <c r="E7550">
        <v>2017</v>
      </c>
      <c r="F7550">
        <v>2017</v>
      </c>
      <c r="G7550" t="s">
        <v>125</v>
      </c>
      <c r="H7550" t="s">
        <v>119</v>
      </c>
      <c r="I7550" t="s">
        <v>15</v>
      </c>
      <c r="J7550" s="10">
        <v>18.08336684</v>
      </c>
    </row>
    <row r="7551" spans="1:10" x14ac:dyDescent="0.35">
      <c r="A7551" t="s">
        <v>20</v>
      </c>
      <c r="B7551" t="s">
        <v>48</v>
      </c>
      <c r="C7551" t="s">
        <v>117</v>
      </c>
      <c r="D7551" t="s">
        <v>118</v>
      </c>
      <c r="E7551">
        <v>2017</v>
      </c>
      <c r="F7551">
        <v>2017</v>
      </c>
      <c r="G7551" t="s">
        <v>125</v>
      </c>
      <c r="H7551" t="s">
        <v>120</v>
      </c>
      <c r="I7551" t="s">
        <v>15</v>
      </c>
      <c r="J7551" s="10">
        <v>11.48371532</v>
      </c>
    </row>
    <row r="7552" spans="1:10" x14ac:dyDescent="0.35">
      <c r="A7552" t="s">
        <v>20</v>
      </c>
      <c r="B7552" t="s">
        <v>48</v>
      </c>
      <c r="C7552" t="s">
        <v>117</v>
      </c>
      <c r="D7552" t="s">
        <v>118</v>
      </c>
      <c r="E7552">
        <v>2017</v>
      </c>
      <c r="F7552">
        <v>2017</v>
      </c>
      <c r="G7552" t="s">
        <v>125</v>
      </c>
      <c r="H7552" t="s">
        <v>121</v>
      </c>
      <c r="I7552" t="s">
        <v>15</v>
      </c>
      <c r="J7552" s="10">
        <v>31.258544430000001</v>
      </c>
    </row>
    <row r="7553" spans="1:10" x14ac:dyDescent="0.35">
      <c r="A7553" t="s">
        <v>20</v>
      </c>
      <c r="B7553" t="s">
        <v>48</v>
      </c>
      <c r="C7553" t="s">
        <v>117</v>
      </c>
      <c r="D7553" t="s">
        <v>118</v>
      </c>
      <c r="E7553">
        <v>2017</v>
      </c>
      <c r="F7553">
        <v>2017</v>
      </c>
      <c r="G7553" t="s">
        <v>125</v>
      </c>
      <c r="H7553" t="s">
        <v>122</v>
      </c>
      <c r="I7553" t="s">
        <v>15</v>
      </c>
      <c r="J7553" s="10">
        <v>22.932582759999999</v>
      </c>
    </row>
    <row r="7554" spans="1:10" x14ac:dyDescent="0.35">
      <c r="A7554" t="s">
        <v>20</v>
      </c>
      <c r="B7554" t="s">
        <v>48</v>
      </c>
      <c r="C7554" t="s">
        <v>117</v>
      </c>
      <c r="D7554" t="s">
        <v>118</v>
      </c>
      <c r="E7554">
        <v>2017</v>
      </c>
      <c r="F7554">
        <v>2017</v>
      </c>
      <c r="G7554" t="s">
        <v>125</v>
      </c>
      <c r="H7554" t="s">
        <v>123</v>
      </c>
      <c r="I7554" t="s">
        <v>15</v>
      </c>
      <c r="J7554" s="10">
        <v>14.598579279999999</v>
      </c>
    </row>
    <row r="7555" spans="1:10" x14ac:dyDescent="0.35">
      <c r="A7555" t="s">
        <v>20</v>
      </c>
      <c r="B7555" t="s">
        <v>48</v>
      </c>
      <c r="C7555" t="s">
        <v>117</v>
      </c>
      <c r="D7555" t="s">
        <v>118</v>
      </c>
      <c r="E7555">
        <v>2017</v>
      </c>
      <c r="F7555">
        <v>2017</v>
      </c>
      <c r="G7555" t="s">
        <v>125</v>
      </c>
      <c r="H7555" t="s">
        <v>124</v>
      </c>
      <c r="I7555" t="s">
        <v>15</v>
      </c>
      <c r="J7555" s="10">
        <v>1.6432113660000001</v>
      </c>
    </row>
    <row r="7556" spans="1:10" x14ac:dyDescent="0.35">
      <c r="A7556" t="s">
        <v>20</v>
      </c>
      <c r="B7556" t="s">
        <v>48</v>
      </c>
      <c r="C7556" t="s">
        <v>117</v>
      </c>
      <c r="D7556" t="s">
        <v>118</v>
      </c>
      <c r="E7556">
        <v>2017</v>
      </c>
      <c r="F7556">
        <v>2017</v>
      </c>
      <c r="G7556" t="s">
        <v>126</v>
      </c>
      <c r="H7556" t="s">
        <v>119</v>
      </c>
      <c r="I7556" t="s">
        <v>15</v>
      </c>
      <c r="J7556" s="10">
        <v>16.064388139999998</v>
      </c>
    </row>
    <row r="7557" spans="1:10" x14ac:dyDescent="0.35">
      <c r="A7557" t="s">
        <v>20</v>
      </c>
      <c r="B7557" t="s">
        <v>48</v>
      </c>
      <c r="C7557" t="s">
        <v>117</v>
      </c>
      <c r="D7557" t="s">
        <v>118</v>
      </c>
      <c r="E7557">
        <v>2017</v>
      </c>
      <c r="F7557">
        <v>2017</v>
      </c>
      <c r="G7557" t="s">
        <v>126</v>
      </c>
      <c r="H7557" t="s">
        <v>120</v>
      </c>
      <c r="I7557" t="s">
        <v>15</v>
      </c>
      <c r="J7557" s="10">
        <v>9.9294342180000008</v>
      </c>
    </row>
    <row r="7558" spans="1:10" x14ac:dyDescent="0.35">
      <c r="A7558" t="s">
        <v>20</v>
      </c>
      <c r="B7558" t="s">
        <v>48</v>
      </c>
      <c r="C7558" t="s">
        <v>117</v>
      </c>
      <c r="D7558" t="s">
        <v>118</v>
      </c>
      <c r="E7558">
        <v>2017</v>
      </c>
      <c r="F7558">
        <v>2017</v>
      </c>
      <c r="G7558" t="s">
        <v>126</v>
      </c>
      <c r="H7558" t="s">
        <v>121</v>
      </c>
      <c r="I7558" t="s">
        <v>15</v>
      </c>
      <c r="J7558" s="10">
        <v>30.649657220000002</v>
      </c>
    </row>
    <row r="7559" spans="1:10" x14ac:dyDescent="0.35">
      <c r="A7559" t="s">
        <v>20</v>
      </c>
      <c r="B7559" t="s">
        <v>48</v>
      </c>
      <c r="C7559" t="s">
        <v>117</v>
      </c>
      <c r="D7559" t="s">
        <v>118</v>
      </c>
      <c r="E7559">
        <v>2017</v>
      </c>
      <c r="F7559">
        <v>2017</v>
      </c>
      <c r="G7559" t="s">
        <v>126</v>
      </c>
      <c r="H7559" t="s">
        <v>122</v>
      </c>
      <c r="I7559" t="s">
        <v>15</v>
      </c>
      <c r="J7559" s="10">
        <v>22.907511110000002</v>
      </c>
    </row>
    <row r="7560" spans="1:10" x14ac:dyDescent="0.35">
      <c r="A7560" t="s">
        <v>20</v>
      </c>
      <c r="B7560" t="s">
        <v>48</v>
      </c>
      <c r="C7560" t="s">
        <v>117</v>
      </c>
      <c r="D7560" t="s">
        <v>118</v>
      </c>
      <c r="E7560">
        <v>2017</v>
      </c>
      <c r="F7560">
        <v>2017</v>
      </c>
      <c r="G7560" t="s">
        <v>126</v>
      </c>
      <c r="H7560" t="s">
        <v>123</v>
      </c>
      <c r="I7560" t="s">
        <v>15</v>
      </c>
      <c r="J7560" s="10">
        <v>17.08143944</v>
      </c>
    </row>
    <row r="7561" spans="1:10" x14ac:dyDescent="0.35">
      <c r="A7561" t="s">
        <v>20</v>
      </c>
      <c r="B7561" t="s">
        <v>48</v>
      </c>
      <c r="C7561" t="s">
        <v>117</v>
      </c>
      <c r="D7561" t="s">
        <v>118</v>
      </c>
      <c r="E7561">
        <v>2017</v>
      </c>
      <c r="F7561">
        <v>2017</v>
      </c>
      <c r="G7561" t="s">
        <v>126</v>
      </c>
      <c r="H7561" t="s">
        <v>124</v>
      </c>
      <c r="I7561" t="s">
        <v>15</v>
      </c>
      <c r="J7561" s="10">
        <v>3.367569875</v>
      </c>
    </row>
    <row r="7562" spans="1:10" x14ac:dyDescent="0.35">
      <c r="A7562" t="s">
        <v>20</v>
      </c>
      <c r="B7562" t="s">
        <v>48</v>
      </c>
      <c r="C7562" t="s">
        <v>117</v>
      </c>
      <c r="D7562" t="s">
        <v>118</v>
      </c>
      <c r="E7562">
        <v>2016</v>
      </c>
      <c r="F7562">
        <v>2016</v>
      </c>
      <c r="G7562" t="s">
        <v>14</v>
      </c>
      <c r="H7562" t="s">
        <v>119</v>
      </c>
      <c r="I7562" t="s">
        <v>15</v>
      </c>
      <c r="J7562" s="10">
        <v>16.933340279999999</v>
      </c>
    </row>
    <row r="7563" spans="1:10" x14ac:dyDescent="0.35">
      <c r="A7563" t="s">
        <v>20</v>
      </c>
      <c r="B7563" t="s">
        <v>48</v>
      </c>
      <c r="C7563" t="s">
        <v>117</v>
      </c>
      <c r="D7563" t="s">
        <v>118</v>
      </c>
      <c r="E7563">
        <v>2016</v>
      </c>
      <c r="F7563">
        <v>2016</v>
      </c>
      <c r="G7563" t="s">
        <v>14</v>
      </c>
      <c r="H7563" t="s">
        <v>120</v>
      </c>
      <c r="I7563" t="s">
        <v>15</v>
      </c>
      <c r="J7563" s="10">
        <v>11.07390421</v>
      </c>
    </row>
    <row r="7564" spans="1:10" x14ac:dyDescent="0.35">
      <c r="A7564" t="s">
        <v>20</v>
      </c>
      <c r="B7564" t="s">
        <v>48</v>
      </c>
      <c r="C7564" t="s">
        <v>117</v>
      </c>
      <c r="D7564" t="s">
        <v>118</v>
      </c>
      <c r="E7564">
        <v>2016</v>
      </c>
      <c r="F7564">
        <v>2016</v>
      </c>
      <c r="G7564" t="s">
        <v>14</v>
      </c>
      <c r="H7564" t="s">
        <v>121</v>
      </c>
      <c r="I7564" t="s">
        <v>15</v>
      </c>
      <c r="J7564" s="10">
        <v>31.097878770000001</v>
      </c>
    </row>
    <row r="7565" spans="1:10" x14ac:dyDescent="0.35">
      <c r="A7565" t="s">
        <v>20</v>
      </c>
      <c r="B7565" t="s">
        <v>48</v>
      </c>
      <c r="C7565" t="s">
        <v>117</v>
      </c>
      <c r="D7565" t="s">
        <v>118</v>
      </c>
      <c r="E7565">
        <v>2016</v>
      </c>
      <c r="F7565">
        <v>2016</v>
      </c>
      <c r="G7565" t="s">
        <v>14</v>
      </c>
      <c r="H7565" t="s">
        <v>122</v>
      </c>
      <c r="I7565" t="s">
        <v>15</v>
      </c>
      <c r="J7565" s="10">
        <v>22.581695939999999</v>
      </c>
    </row>
    <row r="7566" spans="1:10" x14ac:dyDescent="0.35">
      <c r="A7566" t="s">
        <v>20</v>
      </c>
      <c r="B7566" t="s">
        <v>48</v>
      </c>
      <c r="C7566" t="s">
        <v>117</v>
      </c>
      <c r="D7566" t="s">
        <v>118</v>
      </c>
      <c r="E7566">
        <v>2016</v>
      </c>
      <c r="F7566">
        <v>2016</v>
      </c>
      <c r="G7566" t="s">
        <v>14</v>
      </c>
      <c r="H7566" t="s">
        <v>123</v>
      </c>
      <c r="I7566" t="s">
        <v>15</v>
      </c>
      <c r="J7566" s="10">
        <v>15.834940319999999</v>
      </c>
    </row>
    <row r="7567" spans="1:10" x14ac:dyDescent="0.35">
      <c r="A7567" t="s">
        <v>20</v>
      </c>
      <c r="B7567" t="s">
        <v>48</v>
      </c>
      <c r="C7567" t="s">
        <v>117</v>
      </c>
      <c r="D7567" t="s">
        <v>118</v>
      </c>
      <c r="E7567">
        <v>2016</v>
      </c>
      <c r="F7567">
        <v>2016</v>
      </c>
      <c r="G7567" t="s">
        <v>14</v>
      </c>
      <c r="H7567" t="s">
        <v>124</v>
      </c>
      <c r="I7567" t="s">
        <v>15</v>
      </c>
      <c r="J7567" s="10">
        <v>2.4782404750000002</v>
      </c>
    </row>
    <row r="7568" spans="1:10" x14ac:dyDescent="0.35">
      <c r="A7568" t="s">
        <v>20</v>
      </c>
      <c r="B7568" t="s">
        <v>48</v>
      </c>
      <c r="C7568" t="s">
        <v>117</v>
      </c>
      <c r="D7568" t="s">
        <v>118</v>
      </c>
      <c r="E7568">
        <v>2016</v>
      </c>
      <c r="F7568">
        <v>2016</v>
      </c>
      <c r="G7568" t="s">
        <v>125</v>
      </c>
      <c r="H7568" t="s">
        <v>119</v>
      </c>
      <c r="I7568" t="s">
        <v>15</v>
      </c>
      <c r="J7568" s="10">
        <v>17.99003098</v>
      </c>
    </row>
    <row r="7569" spans="1:10" x14ac:dyDescent="0.35">
      <c r="A7569" t="s">
        <v>20</v>
      </c>
      <c r="B7569" t="s">
        <v>48</v>
      </c>
      <c r="C7569" t="s">
        <v>117</v>
      </c>
      <c r="D7569" t="s">
        <v>118</v>
      </c>
      <c r="E7569">
        <v>2016</v>
      </c>
      <c r="F7569">
        <v>2016</v>
      </c>
      <c r="G7569" t="s">
        <v>125</v>
      </c>
      <c r="H7569" t="s">
        <v>120</v>
      </c>
      <c r="I7569" t="s">
        <v>15</v>
      </c>
      <c r="J7569" s="10">
        <v>11.806547220000001</v>
      </c>
    </row>
    <row r="7570" spans="1:10" x14ac:dyDescent="0.35">
      <c r="A7570" t="s">
        <v>20</v>
      </c>
      <c r="B7570" t="s">
        <v>48</v>
      </c>
      <c r="C7570" t="s">
        <v>117</v>
      </c>
      <c r="D7570" t="s">
        <v>118</v>
      </c>
      <c r="E7570">
        <v>2016</v>
      </c>
      <c r="F7570">
        <v>2016</v>
      </c>
      <c r="G7570" t="s">
        <v>125</v>
      </c>
      <c r="H7570" t="s">
        <v>121</v>
      </c>
      <c r="I7570" t="s">
        <v>15</v>
      </c>
      <c r="J7570" s="10">
        <v>31.35659437</v>
      </c>
    </row>
    <row r="7571" spans="1:10" x14ac:dyDescent="0.35">
      <c r="A7571" t="s">
        <v>20</v>
      </c>
      <c r="B7571" t="s">
        <v>48</v>
      </c>
      <c r="C7571" t="s">
        <v>117</v>
      </c>
      <c r="D7571" t="s">
        <v>118</v>
      </c>
      <c r="E7571">
        <v>2016</v>
      </c>
      <c r="F7571">
        <v>2016</v>
      </c>
      <c r="G7571" t="s">
        <v>125</v>
      </c>
      <c r="H7571" t="s">
        <v>122</v>
      </c>
      <c r="I7571" t="s">
        <v>15</v>
      </c>
      <c r="J7571" s="10">
        <v>22.691634109999999</v>
      </c>
    </row>
    <row r="7572" spans="1:10" x14ac:dyDescent="0.35">
      <c r="A7572" t="s">
        <v>20</v>
      </c>
      <c r="B7572" t="s">
        <v>48</v>
      </c>
      <c r="C7572" t="s">
        <v>117</v>
      </c>
      <c r="D7572" t="s">
        <v>118</v>
      </c>
      <c r="E7572">
        <v>2016</v>
      </c>
      <c r="F7572">
        <v>2016</v>
      </c>
      <c r="G7572" t="s">
        <v>125</v>
      </c>
      <c r="H7572" t="s">
        <v>123</v>
      </c>
      <c r="I7572" t="s">
        <v>15</v>
      </c>
      <c r="J7572" s="10">
        <v>14.552067900000001</v>
      </c>
    </row>
    <row r="7573" spans="1:10" x14ac:dyDescent="0.35">
      <c r="A7573" t="s">
        <v>20</v>
      </c>
      <c r="B7573" t="s">
        <v>48</v>
      </c>
      <c r="C7573" t="s">
        <v>117</v>
      </c>
      <c r="D7573" t="s">
        <v>118</v>
      </c>
      <c r="E7573">
        <v>2016</v>
      </c>
      <c r="F7573">
        <v>2016</v>
      </c>
      <c r="G7573" t="s">
        <v>125</v>
      </c>
      <c r="H7573" t="s">
        <v>124</v>
      </c>
      <c r="I7573" t="s">
        <v>15</v>
      </c>
      <c r="J7573" s="10">
        <v>1.6031254210000001</v>
      </c>
    </row>
    <row r="7574" spans="1:10" x14ac:dyDescent="0.35">
      <c r="A7574" t="s">
        <v>20</v>
      </c>
      <c r="B7574" t="s">
        <v>48</v>
      </c>
      <c r="C7574" t="s">
        <v>117</v>
      </c>
      <c r="D7574" t="s">
        <v>118</v>
      </c>
      <c r="E7574">
        <v>2016</v>
      </c>
      <c r="F7574">
        <v>2016</v>
      </c>
      <c r="G7574" t="s">
        <v>126</v>
      </c>
      <c r="H7574" t="s">
        <v>119</v>
      </c>
      <c r="I7574" t="s">
        <v>15</v>
      </c>
      <c r="J7574" s="10">
        <v>15.94378422</v>
      </c>
    </row>
    <row r="7575" spans="1:10" x14ac:dyDescent="0.35">
      <c r="A7575" t="s">
        <v>20</v>
      </c>
      <c r="B7575" t="s">
        <v>48</v>
      </c>
      <c r="C7575" t="s">
        <v>117</v>
      </c>
      <c r="D7575" t="s">
        <v>118</v>
      </c>
      <c r="E7575">
        <v>2016</v>
      </c>
      <c r="F7575">
        <v>2016</v>
      </c>
      <c r="G7575" t="s">
        <v>126</v>
      </c>
      <c r="H7575" t="s">
        <v>120</v>
      </c>
      <c r="I7575" t="s">
        <v>15</v>
      </c>
      <c r="J7575" s="10">
        <v>10.387808140000001</v>
      </c>
    </row>
    <row r="7576" spans="1:10" x14ac:dyDescent="0.35">
      <c r="A7576" t="s">
        <v>20</v>
      </c>
      <c r="B7576" t="s">
        <v>48</v>
      </c>
      <c r="C7576" t="s">
        <v>117</v>
      </c>
      <c r="D7576" t="s">
        <v>118</v>
      </c>
      <c r="E7576">
        <v>2016</v>
      </c>
      <c r="F7576">
        <v>2016</v>
      </c>
      <c r="G7576" t="s">
        <v>126</v>
      </c>
      <c r="H7576" t="s">
        <v>121</v>
      </c>
      <c r="I7576" t="s">
        <v>15</v>
      </c>
      <c r="J7576" s="10">
        <v>30.855600129999999</v>
      </c>
    </row>
    <row r="7577" spans="1:10" x14ac:dyDescent="0.35">
      <c r="A7577" t="s">
        <v>20</v>
      </c>
      <c r="B7577" t="s">
        <v>48</v>
      </c>
      <c r="C7577" t="s">
        <v>117</v>
      </c>
      <c r="D7577" t="s">
        <v>118</v>
      </c>
      <c r="E7577">
        <v>2016</v>
      </c>
      <c r="F7577">
        <v>2016</v>
      </c>
      <c r="G7577" t="s">
        <v>126</v>
      </c>
      <c r="H7577" t="s">
        <v>122</v>
      </c>
      <c r="I7577" t="s">
        <v>15</v>
      </c>
      <c r="J7577" s="10">
        <v>22.478742459999999</v>
      </c>
    </row>
    <row r="7578" spans="1:10" x14ac:dyDescent="0.35">
      <c r="A7578" t="s">
        <v>20</v>
      </c>
      <c r="B7578" t="s">
        <v>48</v>
      </c>
      <c r="C7578" t="s">
        <v>117</v>
      </c>
      <c r="D7578" t="s">
        <v>118</v>
      </c>
      <c r="E7578">
        <v>2016</v>
      </c>
      <c r="F7578">
        <v>2016</v>
      </c>
      <c r="G7578" t="s">
        <v>126</v>
      </c>
      <c r="H7578" t="s">
        <v>123</v>
      </c>
      <c r="I7578" t="s">
        <v>15</v>
      </c>
      <c r="J7578" s="10">
        <v>17.036308129999998</v>
      </c>
    </row>
    <row r="7579" spans="1:10" x14ac:dyDescent="0.35">
      <c r="A7579" t="s">
        <v>20</v>
      </c>
      <c r="B7579" t="s">
        <v>48</v>
      </c>
      <c r="C7579" t="s">
        <v>117</v>
      </c>
      <c r="D7579" t="s">
        <v>118</v>
      </c>
      <c r="E7579">
        <v>2016</v>
      </c>
      <c r="F7579">
        <v>2016</v>
      </c>
      <c r="G7579" t="s">
        <v>126</v>
      </c>
      <c r="H7579" t="s">
        <v>124</v>
      </c>
      <c r="I7579" t="s">
        <v>15</v>
      </c>
      <c r="J7579" s="10">
        <v>3.2977569199999999</v>
      </c>
    </row>
    <row r="7580" spans="1:10" x14ac:dyDescent="0.35">
      <c r="A7580" t="s">
        <v>20</v>
      </c>
      <c r="B7580" t="s">
        <v>48</v>
      </c>
      <c r="C7580" t="s">
        <v>117</v>
      </c>
      <c r="D7580" t="s">
        <v>118</v>
      </c>
      <c r="E7580">
        <v>2015</v>
      </c>
      <c r="F7580">
        <v>2015</v>
      </c>
      <c r="G7580" t="s">
        <v>14</v>
      </c>
      <c r="H7580" t="s">
        <v>119</v>
      </c>
      <c r="I7580" t="s">
        <v>15</v>
      </c>
      <c r="J7580" s="10">
        <v>16.989056569999999</v>
      </c>
    </row>
    <row r="7581" spans="1:10" x14ac:dyDescent="0.35">
      <c r="A7581" t="s">
        <v>20</v>
      </c>
      <c r="B7581" t="s">
        <v>48</v>
      </c>
      <c r="C7581" t="s">
        <v>117</v>
      </c>
      <c r="D7581" t="s">
        <v>118</v>
      </c>
      <c r="E7581">
        <v>2015</v>
      </c>
      <c r="F7581">
        <v>2015</v>
      </c>
      <c r="G7581" t="s">
        <v>14</v>
      </c>
      <c r="H7581" t="s">
        <v>120</v>
      </c>
      <c r="I7581" t="s">
        <v>15</v>
      </c>
      <c r="J7581" s="10">
        <v>11.278646609999999</v>
      </c>
    </row>
    <row r="7582" spans="1:10" x14ac:dyDescent="0.35">
      <c r="A7582" t="s">
        <v>20</v>
      </c>
      <c r="B7582" t="s">
        <v>48</v>
      </c>
      <c r="C7582" t="s">
        <v>117</v>
      </c>
      <c r="D7582" t="s">
        <v>118</v>
      </c>
      <c r="E7582">
        <v>2015</v>
      </c>
      <c r="F7582">
        <v>2015</v>
      </c>
      <c r="G7582" t="s">
        <v>14</v>
      </c>
      <c r="H7582" t="s">
        <v>121</v>
      </c>
      <c r="I7582" t="s">
        <v>15</v>
      </c>
      <c r="J7582" s="10">
        <v>31.394211330000001</v>
      </c>
    </row>
    <row r="7583" spans="1:10" x14ac:dyDescent="0.35">
      <c r="A7583" t="s">
        <v>20</v>
      </c>
      <c r="B7583" t="s">
        <v>48</v>
      </c>
      <c r="C7583" t="s">
        <v>117</v>
      </c>
      <c r="D7583" t="s">
        <v>118</v>
      </c>
      <c r="E7583">
        <v>2015</v>
      </c>
      <c r="F7583">
        <v>2015</v>
      </c>
      <c r="G7583" t="s">
        <v>14</v>
      </c>
      <c r="H7583" t="s">
        <v>122</v>
      </c>
      <c r="I7583" t="s">
        <v>15</v>
      </c>
      <c r="J7583" s="10">
        <v>22.14772979</v>
      </c>
    </row>
    <row r="7584" spans="1:10" x14ac:dyDescent="0.35">
      <c r="A7584" t="s">
        <v>20</v>
      </c>
      <c r="B7584" t="s">
        <v>48</v>
      </c>
      <c r="C7584" t="s">
        <v>117</v>
      </c>
      <c r="D7584" t="s">
        <v>118</v>
      </c>
      <c r="E7584">
        <v>2015</v>
      </c>
      <c r="F7584">
        <v>2015</v>
      </c>
      <c r="G7584" t="s">
        <v>14</v>
      </c>
      <c r="H7584" t="s">
        <v>123</v>
      </c>
      <c r="I7584" t="s">
        <v>15</v>
      </c>
      <c r="J7584" s="10">
        <v>15.795583499999999</v>
      </c>
    </row>
    <row r="7585" spans="1:10" x14ac:dyDescent="0.35">
      <c r="A7585" t="s">
        <v>20</v>
      </c>
      <c r="B7585" t="s">
        <v>48</v>
      </c>
      <c r="C7585" t="s">
        <v>117</v>
      </c>
      <c r="D7585" t="s">
        <v>118</v>
      </c>
      <c r="E7585">
        <v>2015</v>
      </c>
      <c r="F7585">
        <v>2015</v>
      </c>
      <c r="G7585" t="s">
        <v>14</v>
      </c>
      <c r="H7585" t="s">
        <v>124</v>
      </c>
      <c r="I7585" t="s">
        <v>15</v>
      </c>
      <c r="J7585" s="10">
        <v>2.394772197</v>
      </c>
    </row>
    <row r="7586" spans="1:10" x14ac:dyDescent="0.35">
      <c r="A7586" t="s">
        <v>20</v>
      </c>
      <c r="B7586" t="s">
        <v>48</v>
      </c>
      <c r="C7586" t="s">
        <v>117</v>
      </c>
      <c r="D7586" t="s">
        <v>118</v>
      </c>
      <c r="E7586">
        <v>2015</v>
      </c>
      <c r="F7586">
        <v>2015</v>
      </c>
      <c r="G7586" t="s">
        <v>125</v>
      </c>
      <c r="H7586" t="s">
        <v>119</v>
      </c>
      <c r="I7586" t="s">
        <v>15</v>
      </c>
      <c r="J7586" s="10">
        <v>17.980441949999999</v>
      </c>
    </row>
    <row r="7587" spans="1:10" x14ac:dyDescent="0.35">
      <c r="A7587" t="s">
        <v>20</v>
      </c>
      <c r="B7587" t="s">
        <v>48</v>
      </c>
      <c r="C7587" t="s">
        <v>117</v>
      </c>
      <c r="D7587" t="s">
        <v>118</v>
      </c>
      <c r="E7587">
        <v>2015</v>
      </c>
      <c r="F7587">
        <v>2015</v>
      </c>
      <c r="G7587" t="s">
        <v>125</v>
      </c>
      <c r="H7587" t="s">
        <v>120</v>
      </c>
      <c r="I7587" t="s">
        <v>15</v>
      </c>
      <c r="J7587" s="10">
        <v>12.018477499999999</v>
      </c>
    </row>
    <row r="7588" spans="1:10" x14ac:dyDescent="0.35">
      <c r="A7588" t="s">
        <v>20</v>
      </c>
      <c r="B7588" t="s">
        <v>48</v>
      </c>
      <c r="C7588" t="s">
        <v>117</v>
      </c>
      <c r="D7588" t="s">
        <v>118</v>
      </c>
      <c r="E7588">
        <v>2015</v>
      </c>
      <c r="F7588">
        <v>2015</v>
      </c>
      <c r="G7588" t="s">
        <v>125</v>
      </c>
      <c r="H7588" t="s">
        <v>121</v>
      </c>
      <c r="I7588" t="s">
        <v>15</v>
      </c>
      <c r="J7588" s="10">
        <v>31.735912259999999</v>
      </c>
    </row>
    <row r="7589" spans="1:10" x14ac:dyDescent="0.35">
      <c r="A7589" t="s">
        <v>20</v>
      </c>
      <c r="B7589" t="s">
        <v>48</v>
      </c>
      <c r="C7589" t="s">
        <v>117</v>
      </c>
      <c r="D7589" t="s">
        <v>118</v>
      </c>
      <c r="E7589">
        <v>2015</v>
      </c>
      <c r="F7589">
        <v>2015</v>
      </c>
      <c r="G7589" t="s">
        <v>125</v>
      </c>
      <c r="H7589" t="s">
        <v>122</v>
      </c>
      <c r="I7589" t="s">
        <v>15</v>
      </c>
      <c r="J7589" s="10">
        <v>22.259441349999999</v>
      </c>
    </row>
    <row r="7590" spans="1:10" x14ac:dyDescent="0.35">
      <c r="A7590" t="s">
        <v>20</v>
      </c>
      <c r="B7590" t="s">
        <v>48</v>
      </c>
      <c r="C7590" t="s">
        <v>117</v>
      </c>
      <c r="D7590" t="s">
        <v>118</v>
      </c>
      <c r="E7590">
        <v>2015</v>
      </c>
      <c r="F7590">
        <v>2015</v>
      </c>
      <c r="G7590" t="s">
        <v>125</v>
      </c>
      <c r="H7590" t="s">
        <v>123</v>
      </c>
      <c r="I7590" t="s">
        <v>15</v>
      </c>
      <c r="J7590" s="10">
        <v>14.48484521</v>
      </c>
    </row>
    <row r="7591" spans="1:10" x14ac:dyDescent="0.35">
      <c r="A7591" t="s">
        <v>20</v>
      </c>
      <c r="B7591" t="s">
        <v>48</v>
      </c>
      <c r="C7591" t="s">
        <v>117</v>
      </c>
      <c r="D7591" t="s">
        <v>118</v>
      </c>
      <c r="E7591">
        <v>2015</v>
      </c>
      <c r="F7591">
        <v>2015</v>
      </c>
      <c r="G7591" t="s">
        <v>125</v>
      </c>
      <c r="H7591" t="s">
        <v>124</v>
      </c>
      <c r="I7591" t="s">
        <v>15</v>
      </c>
      <c r="J7591" s="10">
        <v>1.520881733</v>
      </c>
    </row>
    <row r="7592" spans="1:10" x14ac:dyDescent="0.35">
      <c r="A7592" t="s">
        <v>20</v>
      </c>
      <c r="B7592" t="s">
        <v>48</v>
      </c>
      <c r="C7592" t="s">
        <v>117</v>
      </c>
      <c r="D7592" t="s">
        <v>118</v>
      </c>
      <c r="E7592">
        <v>2015</v>
      </c>
      <c r="F7592">
        <v>2015</v>
      </c>
      <c r="G7592" t="s">
        <v>126</v>
      </c>
      <c r="H7592" t="s">
        <v>119</v>
      </c>
      <c r="I7592" t="s">
        <v>15</v>
      </c>
      <c r="J7592" s="10">
        <v>16.06345683</v>
      </c>
    </row>
    <row r="7593" spans="1:10" x14ac:dyDescent="0.35">
      <c r="A7593" t="s">
        <v>20</v>
      </c>
      <c r="B7593" t="s">
        <v>48</v>
      </c>
      <c r="C7593" t="s">
        <v>117</v>
      </c>
      <c r="D7593" t="s">
        <v>118</v>
      </c>
      <c r="E7593">
        <v>2015</v>
      </c>
      <c r="F7593">
        <v>2015</v>
      </c>
      <c r="G7593" t="s">
        <v>126</v>
      </c>
      <c r="H7593" t="s">
        <v>120</v>
      </c>
      <c r="I7593" t="s">
        <v>15</v>
      </c>
      <c r="J7593" s="10">
        <v>10.5879089</v>
      </c>
    </row>
    <row r="7594" spans="1:10" x14ac:dyDescent="0.35">
      <c r="A7594" t="s">
        <v>20</v>
      </c>
      <c r="B7594" t="s">
        <v>48</v>
      </c>
      <c r="C7594" t="s">
        <v>117</v>
      </c>
      <c r="D7594" t="s">
        <v>118</v>
      </c>
      <c r="E7594">
        <v>2015</v>
      </c>
      <c r="F7594">
        <v>2015</v>
      </c>
      <c r="G7594" t="s">
        <v>126</v>
      </c>
      <c r="H7594" t="s">
        <v>121</v>
      </c>
      <c r="I7594" t="s">
        <v>15</v>
      </c>
      <c r="J7594" s="10">
        <v>31.075184749999998</v>
      </c>
    </row>
    <row r="7595" spans="1:10" x14ac:dyDescent="0.35">
      <c r="A7595" t="s">
        <v>20</v>
      </c>
      <c r="B7595" t="s">
        <v>48</v>
      </c>
      <c r="C7595" t="s">
        <v>117</v>
      </c>
      <c r="D7595" t="s">
        <v>118</v>
      </c>
      <c r="E7595">
        <v>2015</v>
      </c>
      <c r="F7595">
        <v>2015</v>
      </c>
      <c r="G7595" t="s">
        <v>126</v>
      </c>
      <c r="H7595" t="s">
        <v>122</v>
      </c>
      <c r="I7595" t="s">
        <v>15</v>
      </c>
      <c r="J7595" s="10">
        <v>22.04343111</v>
      </c>
    </row>
    <row r="7596" spans="1:10" x14ac:dyDescent="0.35">
      <c r="A7596" t="s">
        <v>20</v>
      </c>
      <c r="B7596" t="s">
        <v>48</v>
      </c>
      <c r="C7596" t="s">
        <v>117</v>
      </c>
      <c r="D7596" t="s">
        <v>118</v>
      </c>
      <c r="E7596">
        <v>2015</v>
      </c>
      <c r="F7596">
        <v>2015</v>
      </c>
      <c r="G7596" t="s">
        <v>126</v>
      </c>
      <c r="H7596" t="s">
        <v>123</v>
      </c>
      <c r="I7596" t="s">
        <v>15</v>
      </c>
      <c r="J7596" s="10">
        <v>17.019344749999998</v>
      </c>
    </row>
    <row r="7597" spans="1:10" x14ac:dyDescent="0.35">
      <c r="A7597" t="s">
        <v>20</v>
      </c>
      <c r="B7597" t="s">
        <v>48</v>
      </c>
      <c r="C7597" t="s">
        <v>117</v>
      </c>
      <c r="D7597" t="s">
        <v>118</v>
      </c>
      <c r="E7597">
        <v>2015</v>
      </c>
      <c r="F7597">
        <v>2015</v>
      </c>
      <c r="G7597" t="s">
        <v>126</v>
      </c>
      <c r="H7597" t="s">
        <v>124</v>
      </c>
      <c r="I7597" t="s">
        <v>15</v>
      </c>
      <c r="J7597" s="10">
        <v>3.210673661</v>
      </c>
    </row>
    <row r="7598" spans="1:10" x14ac:dyDescent="0.35">
      <c r="A7598" t="s">
        <v>20</v>
      </c>
      <c r="B7598" t="s">
        <v>48</v>
      </c>
      <c r="C7598" t="s">
        <v>117</v>
      </c>
      <c r="D7598" t="s">
        <v>118</v>
      </c>
      <c r="E7598">
        <v>2014</v>
      </c>
      <c r="F7598">
        <v>2014</v>
      </c>
      <c r="G7598" t="s">
        <v>14</v>
      </c>
      <c r="H7598" t="s">
        <v>119</v>
      </c>
      <c r="I7598" t="s">
        <v>15</v>
      </c>
      <c r="J7598" s="10">
        <v>17.056028900000001</v>
      </c>
    </row>
    <row r="7599" spans="1:10" x14ac:dyDescent="0.35">
      <c r="A7599" t="s">
        <v>20</v>
      </c>
      <c r="B7599" t="s">
        <v>48</v>
      </c>
      <c r="C7599" t="s">
        <v>117</v>
      </c>
      <c r="D7599" t="s">
        <v>118</v>
      </c>
      <c r="E7599">
        <v>2014</v>
      </c>
      <c r="F7599">
        <v>2014</v>
      </c>
      <c r="G7599" t="s">
        <v>14</v>
      </c>
      <c r="H7599" t="s">
        <v>120</v>
      </c>
      <c r="I7599" t="s">
        <v>15</v>
      </c>
      <c r="J7599" s="10">
        <v>11.403405449999999</v>
      </c>
    </row>
    <row r="7600" spans="1:10" x14ac:dyDescent="0.35">
      <c r="A7600" t="s">
        <v>20</v>
      </c>
      <c r="B7600" t="s">
        <v>48</v>
      </c>
      <c r="C7600" t="s">
        <v>117</v>
      </c>
      <c r="D7600" t="s">
        <v>118</v>
      </c>
      <c r="E7600">
        <v>2014</v>
      </c>
      <c r="F7600">
        <v>2014</v>
      </c>
      <c r="G7600" t="s">
        <v>14</v>
      </c>
      <c r="H7600" t="s">
        <v>121</v>
      </c>
      <c r="I7600" t="s">
        <v>15</v>
      </c>
      <c r="J7600" s="10">
        <v>31.736620989999999</v>
      </c>
    </row>
    <row r="7601" spans="1:10" x14ac:dyDescent="0.35">
      <c r="A7601" t="s">
        <v>20</v>
      </c>
      <c r="B7601" t="s">
        <v>48</v>
      </c>
      <c r="C7601" t="s">
        <v>117</v>
      </c>
      <c r="D7601" t="s">
        <v>118</v>
      </c>
      <c r="E7601">
        <v>2014</v>
      </c>
      <c r="F7601">
        <v>2014</v>
      </c>
      <c r="G7601" t="s">
        <v>14</v>
      </c>
      <c r="H7601" t="s">
        <v>122</v>
      </c>
      <c r="I7601" t="s">
        <v>15</v>
      </c>
      <c r="J7601" s="10">
        <v>21.644613710000002</v>
      </c>
    </row>
    <row r="7602" spans="1:10" x14ac:dyDescent="0.35">
      <c r="A7602" t="s">
        <v>20</v>
      </c>
      <c r="B7602" t="s">
        <v>48</v>
      </c>
      <c r="C7602" t="s">
        <v>117</v>
      </c>
      <c r="D7602" t="s">
        <v>118</v>
      </c>
      <c r="E7602">
        <v>2014</v>
      </c>
      <c r="F7602">
        <v>2014</v>
      </c>
      <c r="G7602" t="s">
        <v>14</v>
      </c>
      <c r="H7602" t="s">
        <v>123</v>
      </c>
      <c r="I7602" t="s">
        <v>15</v>
      </c>
      <c r="J7602" s="10">
        <v>15.838862929999999</v>
      </c>
    </row>
    <row r="7603" spans="1:10" x14ac:dyDescent="0.35">
      <c r="A7603" t="s">
        <v>20</v>
      </c>
      <c r="B7603" t="s">
        <v>48</v>
      </c>
      <c r="C7603" t="s">
        <v>117</v>
      </c>
      <c r="D7603" t="s">
        <v>118</v>
      </c>
      <c r="E7603">
        <v>2014</v>
      </c>
      <c r="F7603">
        <v>2014</v>
      </c>
      <c r="G7603" t="s">
        <v>14</v>
      </c>
      <c r="H7603" t="s">
        <v>124</v>
      </c>
      <c r="I7603" t="s">
        <v>15</v>
      </c>
      <c r="J7603" s="10">
        <v>2.3204680199999999</v>
      </c>
    </row>
    <row r="7604" spans="1:10" x14ac:dyDescent="0.35">
      <c r="A7604" t="s">
        <v>20</v>
      </c>
      <c r="B7604" t="s">
        <v>48</v>
      </c>
      <c r="C7604" t="s">
        <v>117</v>
      </c>
      <c r="D7604" t="s">
        <v>118</v>
      </c>
      <c r="E7604">
        <v>2014</v>
      </c>
      <c r="F7604">
        <v>2014</v>
      </c>
      <c r="G7604" t="s">
        <v>125</v>
      </c>
      <c r="H7604" t="s">
        <v>119</v>
      </c>
      <c r="I7604" t="s">
        <v>15</v>
      </c>
      <c r="J7604" s="10">
        <v>17.985670089999999</v>
      </c>
    </row>
    <row r="7605" spans="1:10" x14ac:dyDescent="0.35">
      <c r="A7605" t="s">
        <v>20</v>
      </c>
      <c r="B7605" t="s">
        <v>48</v>
      </c>
      <c r="C7605" t="s">
        <v>117</v>
      </c>
      <c r="D7605" t="s">
        <v>118</v>
      </c>
      <c r="E7605">
        <v>2014</v>
      </c>
      <c r="F7605">
        <v>2014</v>
      </c>
      <c r="G7605" t="s">
        <v>125</v>
      </c>
      <c r="H7605" t="s">
        <v>120</v>
      </c>
      <c r="I7605" t="s">
        <v>15</v>
      </c>
      <c r="J7605" s="10">
        <v>12.264560599999999</v>
      </c>
    </row>
    <row r="7606" spans="1:10" x14ac:dyDescent="0.35">
      <c r="A7606" t="s">
        <v>20</v>
      </c>
      <c r="B7606" t="s">
        <v>48</v>
      </c>
      <c r="C7606" t="s">
        <v>117</v>
      </c>
      <c r="D7606" t="s">
        <v>118</v>
      </c>
      <c r="E7606">
        <v>2014</v>
      </c>
      <c r="F7606">
        <v>2014</v>
      </c>
      <c r="G7606" t="s">
        <v>125</v>
      </c>
      <c r="H7606" t="s">
        <v>121</v>
      </c>
      <c r="I7606" t="s">
        <v>15</v>
      </c>
      <c r="J7606" s="10">
        <v>32.144601860000002</v>
      </c>
    </row>
    <row r="7607" spans="1:10" x14ac:dyDescent="0.35">
      <c r="A7607" t="s">
        <v>20</v>
      </c>
      <c r="B7607" t="s">
        <v>48</v>
      </c>
      <c r="C7607" t="s">
        <v>117</v>
      </c>
      <c r="D7607" t="s">
        <v>118</v>
      </c>
      <c r="E7607">
        <v>2014</v>
      </c>
      <c r="F7607">
        <v>2014</v>
      </c>
      <c r="G7607" t="s">
        <v>125</v>
      </c>
      <c r="H7607" t="s">
        <v>122</v>
      </c>
      <c r="I7607" t="s">
        <v>15</v>
      </c>
      <c r="J7607" s="10">
        <v>21.730988440000001</v>
      </c>
    </row>
    <row r="7608" spans="1:10" x14ac:dyDescent="0.35">
      <c r="A7608" t="s">
        <v>20</v>
      </c>
      <c r="B7608" t="s">
        <v>48</v>
      </c>
      <c r="C7608" t="s">
        <v>117</v>
      </c>
      <c r="D7608" t="s">
        <v>118</v>
      </c>
      <c r="E7608">
        <v>2014</v>
      </c>
      <c r="F7608">
        <v>2014</v>
      </c>
      <c r="G7608" t="s">
        <v>125</v>
      </c>
      <c r="H7608" t="s">
        <v>123</v>
      </c>
      <c r="I7608" t="s">
        <v>15</v>
      </c>
      <c r="J7608" s="10">
        <v>14.373337680000001</v>
      </c>
    </row>
    <row r="7609" spans="1:10" x14ac:dyDescent="0.35">
      <c r="A7609" t="s">
        <v>20</v>
      </c>
      <c r="B7609" t="s">
        <v>48</v>
      </c>
      <c r="C7609" t="s">
        <v>117</v>
      </c>
      <c r="D7609" t="s">
        <v>118</v>
      </c>
      <c r="E7609">
        <v>2014</v>
      </c>
      <c r="F7609">
        <v>2014</v>
      </c>
      <c r="G7609" t="s">
        <v>125</v>
      </c>
      <c r="H7609" t="s">
        <v>124</v>
      </c>
      <c r="I7609" t="s">
        <v>15</v>
      </c>
      <c r="J7609" s="10">
        <v>1.50084134</v>
      </c>
    </row>
    <row r="7610" spans="1:10" x14ac:dyDescent="0.35">
      <c r="A7610" t="s">
        <v>20</v>
      </c>
      <c r="B7610" t="s">
        <v>48</v>
      </c>
      <c r="C7610" t="s">
        <v>117</v>
      </c>
      <c r="D7610" t="s">
        <v>118</v>
      </c>
      <c r="E7610">
        <v>2014</v>
      </c>
      <c r="F7610">
        <v>2014</v>
      </c>
      <c r="G7610" t="s">
        <v>126</v>
      </c>
      <c r="H7610" t="s">
        <v>119</v>
      </c>
      <c r="I7610" t="s">
        <v>15</v>
      </c>
      <c r="J7610" s="10">
        <v>16.190187309999999</v>
      </c>
    </row>
    <row r="7611" spans="1:10" x14ac:dyDescent="0.35">
      <c r="A7611" t="s">
        <v>20</v>
      </c>
      <c r="B7611" t="s">
        <v>48</v>
      </c>
      <c r="C7611" t="s">
        <v>117</v>
      </c>
      <c r="D7611" t="s">
        <v>118</v>
      </c>
      <c r="E7611">
        <v>2014</v>
      </c>
      <c r="F7611">
        <v>2014</v>
      </c>
      <c r="G7611" t="s">
        <v>126</v>
      </c>
      <c r="H7611" t="s">
        <v>120</v>
      </c>
      <c r="I7611" t="s">
        <v>15</v>
      </c>
      <c r="J7611" s="10">
        <v>10.60134981</v>
      </c>
    </row>
    <row r="7612" spans="1:10" x14ac:dyDescent="0.35">
      <c r="A7612" t="s">
        <v>20</v>
      </c>
      <c r="B7612" t="s">
        <v>48</v>
      </c>
      <c r="C7612" t="s">
        <v>117</v>
      </c>
      <c r="D7612" t="s">
        <v>118</v>
      </c>
      <c r="E7612">
        <v>2014</v>
      </c>
      <c r="F7612">
        <v>2014</v>
      </c>
      <c r="G7612" t="s">
        <v>126</v>
      </c>
      <c r="H7612" t="s">
        <v>121</v>
      </c>
      <c r="I7612" t="s">
        <v>15</v>
      </c>
      <c r="J7612" s="10">
        <v>31.35663911</v>
      </c>
    </row>
    <row r="7613" spans="1:10" x14ac:dyDescent="0.35">
      <c r="A7613" t="s">
        <v>20</v>
      </c>
      <c r="B7613" t="s">
        <v>48</v>
      </c>
      <c r="C7613" t="s">
        <v>117</v>
      </c>
      <c r="D7613" t="s">
        <v>118</v>
      </c>
      <c r="E7613">
        <v>2014</v>
      </c>
      <c r="F7613">
        <v>2014</v>
      </c>
      <c r="G7613" t="s">
        <v>126</v>
      </c>
      <c r="H7613" t="s">
        <v>122</v>
      </c>
      <c r="I7613" t="s">
        <v>15</v>
      </c>
      <c r="J7613" s="10">
        <v>21.56416673</v>
      </c>
    </row>
    <row r="7614" spans="1:10" x14ac:dyDescent="0.35">
      <c r="A7614" t="s">
        <v>20</v>
      </c>
      <c r="B7614" t="s">
        <v>48</v>
      </c>
      <c r="C7614" t="s">
        <v>117</v>
      </c>
      <c r="D7614" t="s">
        <v>118</v>
      </c>
      <c r="E7614">
        <v>2014</v>
      </c>
      <c r="F7614">
        <v>2014</v>
      </c>
      <c r="G7614" t="s">
        <v>126</v>
      </c>
      <c r="H7614" t="s">
        <v>123</v>
      </c>
      <c r="I7614" t="s">
        <v>15</v>
      </c>
      <c r="J7614" s="10">
        <v>17.203811829999999</v>
      </c>
    </row>
    <row r="7615" spans="1:10" x14ac:dyDescent="0.35">
      <c r="A7615" t="s">
        <v>20</v>
      </c>
      <c r="B7615" t="s">
        <v>48</v>
      </c>
      <c r="C7615" t="s">
        <v>117</v>
      </c>
      <c r="D7615" t="s">
        <v>118</v>
      </c>
      <c r="E7615">
        <v>2014</v>
      </c>
      <c r="F7615">
        <v>2014</v>
      </c>
      <c r="G7615" t="s">
        <v>126</v>
      </c>
      <c r="H7615" t="s">
        <v>124</v>
      </c>
      <c r="I7615" t="s">
        <v>15</v>
      </c>
      <c r="J7615" s="10">
        <v>3.0838452009999999</v>
      </c>
    </row>
    <row r="7616" spans="1:10" x14ac:dyDescent="0.35">
      <c r="A7616" t="s">
        <v>20</v>
      </c>
      <c r="B7616" t="s">
        <v>48</v>
      </c>
      <c r="C7616" t="s">
        <v>117</v>
      </c>
      <c r="D7616" t="s">
        <v>118</v>
      </c>
      <c r="E7616">
        <v>2013</v>
      </c>
      <c r="F7616">
        <v>2013</v>
      </c>
      <c r="G7616" t="s">
        <v>14</v>
      </c>
      <c r="H7616" t="s">
        <v>119</v>
      </c>
      <c r="I7616" t="s">
        <v>15</v>
      </c>
      <c r="J7616" s="10">
        <v>17.28557</v>
      </c>
    </row>
    <row r="7617" spans="1:10" x14ac:dyDescent="0.35">
      <c r="A7617" t="s">
        <v>20</v>
      </c>
      <c r="B7617" t="s">
        <v>48</v>
      </c>
      <c r="C7617" t="s">
        <v>117</v>
      </c>
      <c r="D7617" t="s">
        <v>118</v>
      </c>
      <c r="E7617">
        <v>2013</v>
      </c>
      <c r="F7617">
        <v>2013</v>
      </c>
      <c r="G7617" t="s">
        <v>14</v>
      </c>
      <c r="H7617" t="s">
        <v>120</v>
      </c>
      <c r="I7617" t="s">
        <v>15</v>
      </c>
      <c r="J7617" s="10">
        <v>11.58886105</v>
      </c>
    </row>
    <row r="7618" spans="1:10" x14ac:dyDescent="0.35">
      <c r="A7618" t="s">
        <v>20</v>
      </c>
      <c r="B7618" t="s">
        <v>48</v>
      </c>
      <c r="C7618" t="s">
        <v>117</v>
      </c>
      <c r="D7618" t="s">
        <v>118</v>
      </c>
      <c r="E7618">
        <v>2013</v>
      </c>
      <c r="F7618">
        <v>2013</v>
      </c>
      <c r="G7618" t="s">
        <v>14</v>
      </c>
      <c r="H7618" t="s">
        <v>121</v>
      </c>
      <c r="I7618" t="s">
        <v>15</v>
      </c>
      <c r="J7618" s="10">
        <v>32.31895274</v>
      </c>
    </row>
    <row r="7619" spans="1:10" x14ac:dyDescent="0.35">
      <c r="A7619" t="s">
        <v>20</v>
      </c>
      <c r="B7619" t="s">
        <v>48</v>
      </c>
      <c r="C7619" t="s">
        <v>117</v>
      </c>
      <c r="D7619" t="s">
        <v>118</v>
      </c>
      <c r="E7619">
        <v>2013</v>
      </c>
      <c r="F7619">
        <v>2013</v>
      </c>
      <c r="G7619" t="s">
        <v>14</v>
      </c>
      <c r="H7619" t="s">
        <v>122</v>
      </c>
      <c r="I7619" t="s">
        <v>15</v>
      </c>
      <c r="J7619" s="10">
        <v>20.895365770000002</v>
      </c>
    </row>
    <row r="7620" spans="1:10" x14ac:dyDescent="0.35">
      <c r="A7620" t="s">
        <v>20</v>
      </c>
      <c r="B7620" t="s">
        <v>48</v>
      </c>
      <c r="C7620" t="s">
        <v>117</v>
      </c>
      <c r="D7620" t="s">
        <v>118</v>
      </c>
      <c r="E7620">
        <v>2013</v>
      </c>
      <c r="F7620">
        <v>2013</v>
      </c>
      <c r="G7620" t="s">
        <v>14</v>
      </c>
      <c r="H7620" t="s">
        <v>123</v>
      </c>
      <c r="I7620" t="s">
        <v>15</v>
      </c>
      <c r="J7620" s="10">
        <v>15.70890775</v>
      </c>
    </row>
    <row r="7621" spans="1:10" x14ac:dyDescent="0.35">
      <c r="A7621" t="s">
        <v>20</v>
      </c>
      <c r="B7621" t="s">
        <v>48</v>
      </c>
      <c r="C7621" t="s">
        <v>117</v>
      </c>
      <c r="D7621" t="s">
        <v>118</v>
      </c>
      <c r="E7621">
        <v>2013</v>
      </c>
      <c r="F7621">
        <v>2013</v>
      </c>
      <c r="G7621" t="s">
        <v>14</v>
      </c>
      <c r="H7621" t="s">
        <v>124</v>
      </c>
      <c r="I7621" t="s">
        <v>15</v>
      </c>
      <c r="J7621" s="10">
        <v>2.2023426939999999</v>
      </c>
    </row>
    <row r="7622" spans="1:10" x14ac:dyDescent="0.35">
      <c r="A7622" t="s">
        <v>20</v>
      </c>
      <c r="B7622" t="s">
        <v>48</v>
      </c>
      <c r="C7622" t="s">
        <v>117</v>
      </c>
      <c r="D7622" t="s">
        <v>118</v>
      </c>
      <c r="E7622">
        <v>2013</v>
      </c>
      <c r="F7622">
        <v>2013</v>
      </c>
      <c r="G7622" t="s">
        <v>125</v>
      </c>
      <c r="H7622" t="s">
        <v>119</v>
      </c>
      <c r="I7622" t="s">
        <v>15</v>
      </c>
      <c r="J7622" s="10">
        <v>18.271221529999998</v>
      </c>
    </row>
    <row r="7623" spans="1:10" x14ac:dyDescent="0.35">
      <c r="A7623" t="s">
        <v>20</v>
      </c>
      <c r="B7623" t="s">
        <v>48</v>
      </c>
      <c r="C7623" t="s">
        <v>117</v>
      </c>
      <c r="D7623" t="s">
        <v>118</v>
      </c>
      <c r="E7623">
        <v>2013</v>
      </c>
      <c r="F7623">
        <v>2013</v>
      </c>
      <c r="G7623" t="s">
        <v>125</v>
      </c>
      <c r="H7623" t="s">
        <v>120</v>
      </c>
      <c r="I7623" t="s">
        <v>15</v>
      </c>
      <c r="J7623" s="10">
        <v>12.41418764</v>
      </c>
    </row>
    <row r="7624" spans="1:10" x14ac:dyDescent="0.35">
      <c r="A7624" t="s">
        <v>20</v>
      </c>
      <c r="B7624" t="s">
        <v>48</v>
      </c>
      <c r="C7624" t="s">
        <v>117</v>
      </c>
      <c r="D7624" t="s">
        <v>118</v>
      </c>
      <c r="E7624">
        <v>2013</v>
      </c>
      <c r="F7624">
        <v>2013</v>
      </c>
      <c r="G7624" t="s">
        <v>125</v>
      </c>
      <c r="H7624" t="s">
        <v>121</v>
      </c>
      <c r="I7624" t="s">
        <v>15</v>
      </c>
      <c r="J7624" s="10">
        <v>32.714939520000001</v>
      </c>
    </row>
    <row r="7625" spans="1:10" x14ac:dyDescent="0.35">
      <c r="A7625" t="s">
        <v>20</v>
      </c>
      <c r="B7625" t="s">
        <v>48</v>
      </c>
      <c r="C7625" t="s">
        <v>117</v>
      </c>
      <c r="D7625" t="s">
        <v>118</v>
      </c>
      <c r="E7625">
        <v>2013</v>
      </c>
      <c r="F7625">
        <v>2013</v>
      </c>
      <c r="G7625" t="s">
        <v>125</v>
      </c>
      <c r="H7625" t="s">
        <v>122</v>
      </c>
      <c r="I7625" t="s">
        <v>15</v>
      </c>
      <c r="J7625" s="10">
        <v>21.063528389999998</v>
      </c>
    </row>
    <row r="7626" spans="1:10" x14ac:dyDescent="0.35">
      <c r="A7626" t="s">
        <v>20</v>
      </c>
      <c r="B7626" t="s">
        <v>48</v>
      </c>
      <c r="C7626" t="s">
        <v>117</v>
      </c>
      <c r="D7626" t="s">
        <v>118</v>
      </c>
      <c r="E7626">
        <v>2013</v>
      </c>
      <c r="F7626">
        <v>2013</v>
      </c>
      <c r="G7626" t="s">
        <v>125</v>
      </c>
      <c r="H7626" t="s">
        <v>123</v>
      </c>
      <c r="I7626" t="s">
        <v>15</v>
      </c>
      <c r="J7626" s="10">
        <v>14.12226218</v>
      </c>
    </row>
    <row r="7627" spans="1:10" x14ac:dyDescent="0.35">
      <c r="A7627" t="s">
        <v>20</v>
      </c>
      <c r="B7627" t="s">
        <v>48</v>
      </c>
      <c r="C7627" t="s">
        <v>117</v>
      </c>
      <c r="D7627" t="s">
        <v>118</v>
      </c>
      <c r="E7627">
        <v>2013</v>
      </c>
      <c r="F7627">
        <v>2013</v>
      </c>
      <c r="G7627" t="s">
        <v>125</v>
      </c>
      <c r="H7627" t="s">
        <v>124</v>
      </c>
      <c r="I7627" t="s">
        <v>15</v>
      </c>
      <c r="J7627" s="10">
        <v>1.413860739</v>
      </c>
    </row>
    <row r="7628" spans="1:10" x14ac:dyDescent="0.35">
      <c r="A7628" t="s">
        <v>20</v>
      </c>
      <c r="B7628" t="s">
        <v>48</v>
      </c>
      <c r="C7628" t="s">
        <v>117</v>
      </c>
      <c r="D7628" t="s">
        <v>118</v>
      </c>
      <c r="E7628">
        <v>2013</v>
      </c>
      <c r="F7628">
        <v>2013</v>
      </c>
      <c r="G7628" t="s">
        <v>126</v>
      </c>
      <c r="H7628" t="s">
        <v>119</v>
      </c>
      <c r="I7628" t="s">
        <v>15</v>
      </c>
      <c r="J7628" s="10">
        <v>16.37025981</v>
      </c>
    </row>
    <row r="7629" spans="1:10" x14ac:dyDescent="0.35">
      <c r="A7629" t="s">
        <v>20</v>
      </c>
      <c r="B7629" t="s">
        <v>48</v>
      </c>
      <c r="C7629" t="s">
        <v>117</v>
      </c>
      <c r="D7629" t="s">
        <v>118</v>
      </c>
      <c r="E7629">
        <v>2013</v>
      </c>
      <c r="F7629">
        <v>2013</v>
      </c>
      <c r="G7629" t="s">
        <v>126</v>
      </c>
      <c r="H7629" t="s">
        <v>120</v>
      </c>
      <c r="I7629" t="s">
        <v>15</v>
      </c>
      <c r="J7629" s="10">
        <v>10.82243416</v>
      </c>
    </row>
    <row r="7630" spans="1:10" x14ac:dyDescent="0.35">
      <c r="A7630" t="s">
        <v>20</v>
      </c>
      <c r="B7630" t="s">
        <v>48</v>
      </c>
      <c r="C7630" t="s">
        <v>117</v>
      </c>
      <c r="D7630" t="s">
        <v>118</v>
      </c>
      <c r="E7630">
        <v>2013</v>
      </c>
      <c r="F7630">
        <v>2013</v>
      </c>
      <c r="G7630" t="s">
        <v>126</v>
      </c>
      <c r="H7630" t="s">
        <v>121</v>
      </c>
      <c r="I7630" t="s">
        <v>15</v>
      </c>
      <c r="J7630" s="10">
        <v>31.95122568</v>
      </c>
    </row>
    <row r="7631" spans="1:10" x14ac:dyDescent="0.35">
      <c r="A7631" t="s">
        <v>20</v>
      </c>
      <c r="B7631" t="s">
        <v>48</v>
      </c>
      <c r="C7631" t="s">
        <v>117</v>
      </c>
      <c r="D7631" t="s">
        <v>118</v>
      </c>
      <c r="E7631">
        <v>2013</v>
      </c>
      <c r="F7631">
        <v>2013</v>
      </c>
      <c r="G7631" t="s">
        <v>126</v>
      </c>
      <c r="H7631" t="s">
        <v>122</v>
      </c>
      <c r="I7631" t="s">
        <v>15</v>
      </c>
      <c r="J7631" s="10">
        <v>20.739204130000001</v>
      </c>
    </row>
    <row r="7632" spans="1:10" x14ac:dyDescent="0.35">
      <c r="A7632" t="s">
        <v>20</v>
      </c>
      <c r="B7632" t="s">
        <v>48</v>
      </c>
      <c r="C7632" t="s">
        <v>117</v>
      </c>
      <c r="D7632" t="s">
        <v>118</v>
      </c>
      <c r="E7632">
        <v>2013</v>
      </c>
      <c r="F7632">
        <v>2013</v>
      </c>
      <c r="G7632" t="s">
        <v>126</v>
      </c>
      <c r="H7632" t="s">
        <v>123</v>
      </c>
      <c r="I7632" t="s">
        <v>15</v>
      </c>
      <c r="J7632" s="10">
        <v>17.18232184</v>
      </c>
    </row>
    <row r="7633" spans="1:10" x14ac:dyDescent="0.35">
      <c r="A7633" t="s">
        <v>20</v>
      </c>
      <c r="B7633" t="s">
        <v>48</v>
      </c>
      <c r="C7633" t="s">
        <v>117</v>
      </c>
      <c r="D7633" t="s">
        <v>118</v>
      </c>
      <c r="E7633">
        <v>2013</v>
      </c>
      <c r="F7633">
        <v>2013</v>
      </c>
      <c r="G7633" t="s">
        <v>126</v>
      </c>
      <c r="H7633" t="s">
        <v>124</v>
      </c>
      <c r="I7633" t="s">
        <v>15</v>
      </c>
      <c r="J7633" s="10">
        <v>2.9345543780000001</v>
      </c>
    </row>
    <row r="7634" spans="1:10" x14ac:dyDescent="0.35">
      <c r="A7634" t="s">
        <v>20</v>
      </c>
      <c r="B7634" t="s">
        <v>48</v>
      </c>
      <c r="C7634" t="s">
        <v>117</v>
      </c>
      <c r="D7634" t="s">
        <v>118</v>
      </c>
      <c r="E7634">
        <v>2012</v>
      </c>
      <c r="F7634">
        <v>2012</v>
      </c>
      <c r="G7634" t="s">
        <v>14</v>
      </c>
      <c r="H7634" t="s">
        <v>119</v>
      </c>
      <c r="I7634" t="s">
        <v>15</v>
      </c>
      <c r="J7634" s="10">
        <v>17.516810249999999</v>
      </c>
    </row>
    <row r="7635" spans="1:10" x14ac:dyDescent="0.35">
      <c r="A7635" t="s">
        <v>20</v>
      </c>
      <c r="B7635" t="s">
        <v>48</v>
      </c>
      <c r="C7635" t="s">
        <v>117</v>
      </c>
      <c r="D7635" t="s">
        <v>118</v>
      </c>
      <c r="E7635">
        <v>2012</v>
      </c>
      <c r="F7635">
        <v>2012</v>
      </c>
      <c r="G7635" t="s">
        <v>14</v>
      </c>
      <c r="H7635" t="s">
        <v>120</v>
      </c>
      <c r="I7635" t="s">
        <v>15</v>
      </c>
      <c r="J7635" s="10">
        <v>11.626654759999999</v>
      </c>
    </row>
    <row r="7636" spans="1:10" x14ac:dyDescent="0.35">
      <c r="A7636" t="s">
        <v>20</v>
      </c>
      <c r="B7636" t="s">
        <v>48</v>
      </c>
      <c r="C7636" t="s">
        <v>117</v>
      </c>
      <c r="D7636" t="s">
        <v>118</v>
      </c>
      <c r="E7636">
        <v>2012</v>
      </c>
      <c r="F7636">
        <v>2012</v>
      </c>
      <c r="G7636" t="s">
        <v>14</v>
      </c>
      <c r="H7636" t="s">
        <v>121</v>
      </c>
      <c r="I7636" t="s">
        <v>15</v>
      </c>
      <c r="J7636" s="10">
        <v>32.974364360000003</v>
      </c>
    </row>
    <row r="7637" spans="1:10" x14ac:dyDescent="0.35">
      <c r="A7637" t="s">
        <v>20</v>
      </c>
      <c r="B7637" t="s">
        <v>48</v>
      </c>
      <c r="C7637" t="s">
        <v>117</v>
      </c>
      <c r="D7637" t="s">
        <v>118</v>
      </c>
      <c r="E7637">
        <v>2012</v>
      </c>
      <c r="F7637">
        <v>2012</v>
      </c>
      <c r="G7637" t="s">
        <v>14</v>
      </c>
      <c r="H7637" t="s">
        <v>122</v>
      </c>
      <c r="I7637" t="s">
        <v>15</v>
      </c>
      <c r="J7637" s="10">
        <v>20.248476570000001</v>
      </c>
    </row>
    <row r="7638" spans="1:10" x14ac:dyDescent="0.35">
      <c r="A7638" t="s">
        <v>20</v>
      </c>
      <c r="B7638" t="s">
        <v>48</v>
      </c>
      <c r="C7638" t="s">
        <v>117</v>
      </c>
      <c r="D7638" t="s">
        <v>118</v>
      </c>
      <c r="E7638">
        <v>2012</v>
      </c>
      <c r="F7638">
        <v>2012</v>
      </c>
      <c r="G7638" t="s">
        <v>14</v>
      </c>
      <c r="H7638" t="s">
        <v>123</v>
      </c>
      <c r="I7638" t="s">
        <v>15</v>
      </c>
      <c r="J7638" s="10">
        <v>15.544231979999999</v>
      </c>
    </row>
    <row r="7639" spans="1:10" x14ac:dyDescent="0.35">
      <c r="A7639" t="s">
        <v>20</v>
      </c>
      <c r="B7639" t="s">
        <v>48</v>
      </c>
      <c r="C7639" t="s">
        <v>117</v>
      </c>
      <c r="D7639" t="s">
        <v>118</v>
      </c>
      <c r="E7639">
        <v>2012</v>
      </c>
      <c r="F7639">
        <v>2012</v>
      </c>
      <c r="G7639" t="s">
        <v>14</v>
      </c>
      <c r="H7639" t="s">
        <v>124</v>
      </c>
      <c r="I7639" t="s">
        <v>15</v>
      </c>
      <c r="J7639" s="10">
        <v>2.0894620719999999</v>
      </c>
    </row>
    <row r="7640" spans="1:10" x14ac:dyDescent="0.35">
      <c r="A7640" t="s">
        <v>20</v>
      </c>
      <c r="B7640" t="s">
        <v>48</v>
      </c>
      <c r="C7640" t="s">
        <v>117</v>
      </c>
      <c r="D7640" t="s">
        <v>118</v>
      </c>
      <c r="E7640">
        <v>2012</v>
      </c>
      <c r="F7640">
        <v>2012</v>
      </c>
      <c r="G7640" t="s">
        <v>125</v>
      </c>
      <c r="H7640" t="s">
        <v>119</v>
      </c>
      <c r="I7640" t="s">
        <v>15</v>
      </c>
      <c r="J7640" s="10">
        <v>18.576298919999999</v>
      </c>
    </row>
    <row r="7641" spans="1:10" x14ac:dyDescent="0.35">
      <c r="A7641" t="s">
        <v>20</v>
      </c>
      <c r="B7641" t="s">
        <v>48</v>
      </c>
      <c r="C7641" t="s">
        <v>117</v>
      </c>
      <c r="D7641" t="s">
        <v>118</v>
      </c>
      <c r="E7641">
        <v>2012</v>
      </c>
      <c r="F7641">
        <v>2012</v>
      </c>
      <c r="G7641" t="s">
        <v>125</v>
      </c>
      <c r="H7641" t="s">
        <v>120</v>
      </c>
      <c r="I7641" t="s">
        <v>15</v>
      </c>
      <c r="J7641" s="10">
        <v>12.466930319999999</v>
      </c>
    </row>
    <row r="7642" spans="1:10" x14ac:dyDescent="0.35">
      <c r="A7642" t="s">
        <v>20</v>
      </c>
      <c r="B7642" t="s">
        <v>48</v>
      </c>
      <c r="C7642" t="s">
        <v>117</v>
      </c>
      <c r="D7642" t="s">
        <v>118</v>
      </c>
      <c r="E7642">
        <v>2012</v>
      </c>
      <c r="F7642">
        <v>2012</v>
      </c>
      <c r="G7642" t="s">
        <v>125</v>
      </c>
      <c r="H7642" t="s">
        <v>121</v>
      </c>
      <c r="I7642" t="s">
        <v>15</v>
      </c>
      <c r="J7642" s="10">
        <v>33.323332880000002</v>
      </c>
    </row>
    <row r="7643" spans="1:10" x14ac:dyDescent="0.35">
      <c r="A7643" t="s">
        <v>20</v>
      </c>
      <c r="B7643" t="s">
        <v>48</v>
      </c>
      <c r="C7643" t="s">
        <v>117</v>
      </c>
      <c r="D7643" t="s">
        <v>118</v>
      </c>
      <c r="E7643">
        <v>2012</v>
      </c>
      <c r="F7643">
        <v>2012</v>
      </c>
      <c r="G7643" t="s">
        <v>125</v>
      </c>
      <c r="H7643" t="s">
        <v>122</v>
      </c>
      <c r="I7643" t="s">
        <v>15</v>
      </c>
      <c r="J7643" s="10">
        <v>20.463657439999999</v>
      </c>
    </row>
    <row r="7644" spans="1:10" x14ac:dyDescent="0.35">
      <c r="A7644" t="s">
        <v>20</v>
      </c>
      <c r="B7644" t="s">
        <v>48</v>
      </c>
      <c r="C7644" t="s">
        <v>117</v>
      </c>
      <c r="D7644" t="s">
        <v>118</v>
      </c>
      <c r="E7644">
        <v>2012</v>
      </c>
      <c r="F7644">
        <v>2012</v>
      </c>
      <c r="G7644" t="s">
        <v>125</v>
      </c>
      <c r="H7644" t="s">
        <v>123</v>
      </c>
      <c r="I7644" t="s">
        <v>15</v>
      </c>
      <c r="J7644" s="10">
        <v>13.822446469999999</v>
      </c>
    </row>
    <row r="7645" spans="1:10" x14ac:dyDescent="0.35">
      <c r="A7645" t="s">
        <v>20</v>
      </c>
      <c r="B7645" t="s">
        <v>48</v>
      </c>
      <c r="C7645" t="s">
        <v>117</v>
      </c>
      <c r="D7645" t="s">
        <v>118</v>
      </c>
      <c r="E7645">
        <v>2012</v>
      </c>
      <c r="F7645">
        <v>2012</v>
      </c>
      <c r="G7645" t="s">
        <v>125</v>
      </c>
      <c r="H7645" t="s">
        <v>124</v>
      </c>
      <c r="I7645" t="s">
        <v>15</v>
      </c>
      <c r="J7645" s="10">
        <v>1.34733397</v>
      </c>
    </row>
    <row r="7646" spans="1:10" x14ac:dyDescent="0.35">
      <c r="A7646" t="s">
        <v>20</v>
      </c>
      <c r="B7646" t="s">
        <v>48</v>
      </c>
      <c r="C7646" t="s">
        <v>117</v>
      </c>
      <c r="D7646" t="s">
        <v>118</v>
      </c>
      <c r="E7646">
        <v>2012</v>
      </c>
      <c r="F7646">
        <v>2012</v>
      </c>
      <c r="G7646" t="s">
        <v>126</v>
      </c>
      <c r="H7646" t="s">
        <v>119</v>
      </c>
      <c r="I7646" t="s">
        <v>15</v>
      </c>
      <c r="J7646" s="10">
        <v>16.532840239999999</v>
      </c>
    </row>
    <row r="7647" spans="1:10" x14ac:dyDescent="0.35">
      <c r="A7647" t="s">
        <v>20</v>
      </c>
      <c r="B7647" t="s">
        <v>48</v>
      </c>
      <c r="C7647" t="s">
        <v>117</v>
      </c>
      <c r="D7647" t="s">
        <v>118</v>
      </c>
      <c r="E7647">
        <v>2012</v>
      </c>
      <c r="F7647">
        <v>2012</v>
      </c>
      <c r="G7647" t="s">
        <v>126</v>
      </c>
      <c r="H7647" t="s">
        <v>120</v>
      </c>
      <c r="I7647" t="s">
        <v>15</v>
      </c>
      <c r="J7647" s="10">
        <v>10.8462727</v>
      </c>
    </row>
    <row r="7648" spans="1:10" x14ac:dyDescent="0.35">
      <c r="A7648" t="s">
        <v>20</v>
      </c>
      <c r="B7648" t="s">
        <v>48</v>
      </c>
      <c r="C7648" t="s">
        <v>117</v>
      </c>
      <c r="D7648" t="s">
        <v>118</v>
      </c>
      <c r="E7648">
        <v>2012</v>
      </c>
      <c r="F7648">
        <v>2012</v>
      </c>
      <c r="G7648" t="s">
        <v>126</v>
      </c>
      <c r="H7648" t="s">
        <v>121</v>
      </c>
      <c r="I7648" t="s">
        <v>15</v>
      </c>
      <c r="J7648" s="10">
        <v>32.65026976</v>
      </c>
    </row>
    <row r="7649" spans="1:10" x14ac:dyDescent="0.35">
      <c r="A7649" t="s">
        <v>20</v>
      </c>
      <c r="B7649" t="s">
        <v>48</v>
      </c>
      <c r="C7649" t="s">
        <v>117</v>
      </c>
      <c r="D7649" t="s">
        <v>118</v>
      </c>
      <c r="E7649">
        <v>2012</v>
      </c>
      <c r="F7649">
        <v>2012</v>
      </c>
      <c r="G7649" t="s">
        <v>126</v>
      </c>
      <c r="H7649" t="s">
        <v>122</v>
      </c>
      <c r="I7649" t="s">
        <v>15</v>
      </c>
      <c r="J7649" s="10">
        <v>20.048633450000001</v>
      </c>
    </row>
    <row r="7650" spans="1:10" x14ac:dyDescent="0.35">
      <c r="A7650" t="s">
        <v>20</v>
      </c>
      <c r="B7650" t="s">
        <v>48</v>
      </c>
      <c r="C7650" t="s">
        <v>117</v>
      </c>
      <c r="D7650" t="s">
        <v>118</v>
      </c>
      <c r="E7650">
        <v>2012</v>
      </c>
      <c r="F7650">
        <v>2012</v>
      </c>
      <c r="G7650" t="s">
        <v>126</v>
      </c>
      <c r="H7650" t="s">
        <v>123</v>
      </c>
      <c r="I7650" t="s">
        <v>15</v>
      </c>
      <c r="J7650" s="10">
        <v>17.14329137</v>
      </c>
    </row>
    <row r="7651" spans="1:10" x14ac:dyDescent="0.35">
      <c r="A7651" t="s">
        <v>20</v>
      </c>
      <c r="B7651" t="s">
        <v>48</v>
      </c>
      <c r="C7651" t="s">
        <v>117</v>
      </c>
      <c r="D7651" t="s">
        <v>118</v>
      </c>
      <c r="E7651">
        <v>2012</v>
      </c>
      <c r="F7651">
        <v>2012</v>
      </c>
      <c r="G7651" t="s">
        <v>126</v>
      </c>
      <c r="H7651" t="s">
        <v>124</v>
      </c>
      <c r="I7651" t="s">
        <v>15</v>
      </c>
      <c r="J7651" s="10">
        <v>2.7786924690000001</v>
      </c>
    </row>
    <row r="7652" spans="1:10" x14ac:dyDescent="0.35">
      <c r="A7652" t="s">
        <v>20</v>
      </c>
      <c r="B7652" t="s">
        <v>48</v>
      </c>
      <c r="C7652" t="s">
        <v>117</v>
      </c>
      <c r="D7652" t="s">
        <v>118</v>
      </c>
      <c r="E7652">
        <v>2011</v>
      </c>
      <c r="F7652">
        <v>2011</v>
      </c>
      <c r="G7652" t="s">
        <v>14</v>
      </c>
      <c r="H7652" t="s">
        <v>119</v>
      </c>
      <c r="I7652" t="s">
        <v>15</v>
      </c>
      <c r="J7652" s="10">
        <v>17.56432247</v>
      </c>
    </row>
    <row r="7653" spans="1:10" x14ac:dyDescent="0.35">
      <c r="A7653" t="s">
        <v>20</v>
      </c>
      <c r="B7653" t="s">
        <v>48</v>
      </c>
      <c r="C7653" t="s">
        <v>117</v>
      </c>
      <c r="D7653" t="s">
        <v>118</v>
      </c>
      <c r="E7653">
        <v>2011</v>
      </c>
      <c r="F7653">
        <v>2011</v>
      </c>
      <c r="G7653" t="s">
        <v>14</v>
      </c>
      <c r="H7653" t="s">
        <v>120</v>
      </c>
      <c r="I7653" t="s">
        <v>15</v>
      </c>
      <c r="J7653" s="10">
        <v>11.58068347</v>
      </c>
    </row>
    <row r="7654" spans="1:10" x14ac:dyDescent="0.35">
      <c r="A7654" t="s">
        <v>20</v>
      </c>
      <c r="B7654" t="s">
        <v>48</v>
      </c>
      <c r="C7654" t="s">
        <v>117</v>
      </c>
      <c r="D7654" t="s">
        <v>118</v>
      </c>
      <c r="E7654">
        <v>2011</v>
      </c>
      <c r="F7654">
        <v>2011</v>
      </c>
      <c r="G7654" t="s">
        <v>14</v>
      </c>
      <c r="H7654" t="s">
        <v>121</v>
      </c>
      <c r="I7654" t="s">
        <v>15</v>
      </c>
      <c r="J7654" s="10">
        <v>33.570391870000002</v>
      </c>
    </row>
    <row r="7655" spans="1:10" x14ac:dyDescent="0.35">
      <c r="A7655" t="s">
        <v>20</v>
      </c>
      <c r="B7655" t="s">
        <v>48</v>
      </c>
      <c r="C7655" t="s">
        <v>117</v>
      </c>
      <c r="D7655" t="s">
        <v>118</v>
      </c>
      <c r="E7655">
        <v>2011</v>
      </c>
      <c r="F7655">
        <v>2011</v>
      </c>
      <c r="G7655" t="s">
        <v>14</v>
      </c>
      <c r="H7655" t="s">
        <v>122</v>
      </c>
      <c r="I7655" t="s">
        <v>15</v>
      </c>
      <c r="J7655" s="10">
        <v>19.93402824</v>
      </c>
    </row>
    <row r="7656" spans="1:10" x14ac:dyDescent="0.35">
      <c r="A7656" t="s">
        <v>20</v>
      </c>
      <c r="B7656" t="s">
        <v>48</v>
      </c>
      <c r="C7656" t="s">
        <v>117</v>
      </c>
      <c r="D7656" t="s">
        <v>118</v>
      </c>
      <c r="E7656">
        <v>2011</v>
      </c>
      <c r="F7656">
        <v>2011</v>
      </c>
      <c r="G7656" t="s">
        <v>14</v>
      </c>
      <c r="H7656" t="s">
        <v>123</v>
      </c>
      <c r="I7656" t="s">
        <v>15</v>
      </c>
      <c r="J7656" s="10">
        <v>15.33315741</v>
      </c>
    </row>
    <row r="7657" spans="1:10" x14ac:dyDescent="0.35">
      <c r="A7657" t="s">
        <v>20</v>
      </c>
      <c r="B7657" t="s">
        <v>48</v>
      </c>
      <c r="C7657" t="s">
        <v>117</v>
      </c>
      <c r="D7657" t="s">
        <v>118</v>
      </c>
      <c r="E7657">
        <v>2011</v>
      </c>
      <c r="F7657">
        <v>2011</v>
      </c>
      <c r="G7657" t="s">
        <v>14</v>
      </c>
      <c r="H7657" t="s">
        <v>124</v>
      </c>
      <c r="I7657" t="s">
        <v>15</v>
      </c>
      <c r="J7657" s="10">
        <v>2.0174165460000002</v>
      </c>
    </row>
    <row r="7658" spans="1:10" x14ac:dyDescent="0.35">
      <c r="A7658" t="s">
        <v>20</v>
      </c>
      <c r="B7658" t="s">
        <v>48</v>
      </c>
      <c r="C7658" t="s">
        <v>117</v>
      </c>
      <c r="D7658" t="s">
        <v>118</v>
      </c>
      <c r="E7658">
        <v>2011</v>
      </c>
      <c r="F7658">
        <v>2011</v>
      </c>
      <c r="G7658" t="s">
        <v>125</v>
      </c>
      <c r="H7658" t="s">
        <v>119</v>
      </c>
      <c r="I7658" t="s">
        <v>15</v>
      </c>
      <c r="J7658" s="10">
        <v>18.679933120000001</v>
      </c>
    </row>
    <row r="7659" spans="1:10" x14ac:dyDescent="0.35">
      <c r="A7659" t="s">
        <v>20</v>
      </c>
      <c r="B7659" t="s">
        <v>48</v>
      </c>
      <c r="C7659" t="s">
        <v>117</v>
      </c>
      <c r="D7659" t="s">
        <v>118</v>
      </c>
      <c r="E7659">
        <v>2011</v>
      </c>
      <c r="F7659">
        <v>2011</v>
      </c>
      <c r="G7659" t="s">
        <v>125</v>
      </c>
      <c r="H7659" t="s">
        <v>120</v>
      </c>
      <c r="I7659" t="s">
        <v>15</v>
      </c>
      <c r="J7659" s="10">
        <v>12.315324950000001</v>
      </c>
    </row>
    <row r="7660" spans="1:10" x14ac:dyDescent="0.35">
      <c r="A7660" t="s">
        <v>20</v>
      </c>
      <c r="B7660" t="s">
        <v>48</v>
      </c>
      <c r="C7660" t="s">
        <v>117</v>
      </c>
      <c r="D7660" t="s">
        <v>118</v>
      </c>
      <c r="E7660">
        <v>2011</v>
      </c>
      <c r="F7660">
        <v>2011</v>
      </c>
      <c r="G7660" t="s">
        <v>125</v>
      </c>
      <c r="H7660" t="s">
        <v>121</v>
      </c>
      <c r="I7660" t="s">
        <v>15</v>
      </c>
      <c r="J7660" s="10">
        <v>34.048735030000003</v>
      </c>
    </row>
    <row r="7661" spans="1:10" x14ac:dyDescent="0.35">
      <c r="A7661" t="s">
        <v>20</v>
      </c>
      <c r="B7661" t="s">
        <v>48</v>
      </c>
      <c r="C7661" t="s">
        <v>117</v>
      </c>
      <c r="D7661" t="s">
        <v>118</v>
      </c>
      <c r="E7661">
        <v>2011</v>
      </c>
      <c r="F7661">
        <v>2011</v>
      </c>
      <c r="G7661" t="s">
        <v>125</v>
      </c>
      <c r="H7661" t="s">
        <v>122</v>
      </c>
      <c r="I7661" t="s">
        <v>15</v>
      </c>
      <c r="J7661" s="10">
        <v>20.160074560000002</v>
      </c>
    </row>
    <row r="7662" spans="1:10" x14ac:dyDescent="0.35">
      <c r="A7662" t="s">
        <v>20</v>
      </c>
      <c r="B7662" t="s">
        <v>48</v>
      </c>
      <c r="C7662" t="s">
        <v>117</v>
      </c>
      <c r="D7662" t="s">
        <v>118</v>
      </c>
      <c r="E7662">
        <v>2011</v>
      </c>
      <c r="F7662">
        <v>2011</v>
      </c>
      <c r="G7662" t="s">
        <v>125</v>
      </c>
      <c r="H7662" t="s">
        <v>123</v>
      </c>
      <c r="I7662" t="s">
        <v>15</v>
      </c>
      <c r="J7662" s="10">
        <v>13.51314311</v>
      </c>
    </row>
    <row r="7663" spans="1:10" x14ac:dyDescent="0.35">
      <c r="A7663" t="s">
        <v>20</v>
      </c>
      <c r="B7663" t="s">
        <v>48</v>
      </c>
      <c r="C7663" t="s">
        <v>117</v>
      </c>
      <c r="D7663" t="s">
        <v>118</v>
      </c>
      <c r="E7663">
        <v>2011</v>
      </c>
      <c r="F7663">
        <v>2011</v>
      </c>
      <c r="G7663" t="s">
        <v>125</v>
      </c>
      <c r="H7663" t="s">
        <v>124</v>
      </c>
      <c r="I7663" t="s">
        <v>15</v>
      </c>
      <c r="J7663" s="10">
        <v>1.2827892439999999</v>
      </c>
    </row>
    <row r="7664" spans="1:10" x14ac:dyDescent="0.35">
      <c r="A7664" t="s">
        <v>20</v>
      </c>
      <c r="B7664" t="s">
        <v>48</v>
      </c>
      <c r="C7664" t="s">
        <v>117</v>
      </c>
      <c r="D7664" t="s">
        <v>118</v>
      </c>
      <c r="E7664">
        <v>2011</v>
      </c>
      <c r="F7664">
        <v>2011</v>
      </c>
      <c r="G7664" t="s">
        <v>126</v>
      </c>
      <c r="H7664" t="s">
        <v>119</v>
      </c>
      <c r="I7664" t="s">
        <v>15</v>
      </c>
      <c r="J7664" s="10">
        <v>16.528862539999999</v>
      </c>
    </row>
    <row r="7665" spans="1:10" x14ac:dyDescent="0.35">
      <c r="A7665" t="s">
        <v>20</v>
      </c>
      <c r="B7665" t="s">
        <v>48</v>
      </c>
      <c r="C7665" t="s">
        <v>117</v>
      </c>
      <c r="D7665" t="s">
        <v>118</v>
      </c>
      <c r="E7665">
        <v>2011</v>
      </c>
      <c r="F7665">
        <v>2011</v>
      </c>
      <c r="G7665" t="s">
        <v>126</v>
      </c>
      <c r="H7665" t="s">
        <v>120</v>
      </c>
      <c r="I7665" t="s">
        <v>15</v>
      </c>
      <c r="J7665" s="10">
        <v>10.898822089999999</v>
      </c>
    </row>
    <row r="7666" spans="1:10" x14ac:dyDescent="0.35">
      <c r="A7666" t="s">
        <v>20</v>
      </c>
      <c r="B7666" t="s">
        <v>48</v>
      </c>
      <c r="C7666" t="s">
        <v>117</v>
      </c>
      <c r="D7666" t="s">
        <v>118</v>
      </c>
      <c r="E7666">
        <v>2011</v>
      </c>
      <c r="F7666">
        <v>2011</v>
      </c>
      <c r="G7666" t="s">
        <v>126</v>
      </c>
      <c r="H7666" t="s">
        <v>121</v>
      </c>
      <c r="I7666" t="s">
        <v>15</v>
      </c>
      <c r="J7666" s="10">
        <v>33.126415139999999</v>
      </c>
    </row>
    <row r="7667" spans="1:10" x14ac:dyDescent="0.35">
      <c r="A7667" t="s">
        <v>20</v>
      </c>
      <c r="B7667" t="s">
        <v>48</v>
      </c>
      <c r="C7667" t="s">
        <v>117</v>
      </c>
      <c r="D7667" t="s">
        <v>118</v>
      </c>
      <c r="E7667">
        <v>2011</v>
      </c>
      <c r="F7667">
        <v>2011</v>
      </c>
      <c r="G7667" t="s">
        <v>126</v>
      </c>
      <c r="H7667" t="s">
        <v>122</v>
      </c>
      <c r="I7667" t="s">
        <v>15</v>
      </c>
      <c r="J7667" s="10">
        <v>19.724222149999999</v>
      </c>
    </row>
    <row r="7668" spans="1:10" x14ac:dyDescent="0.35">
      <c r="A7668" t="s">
        <v>20</v>
      </c>
      <c r="B7668" t="s">
        <v>48</v>
      </c>
      <c r="C7668" t="s">
        <v>117</v>
      </c>
      <c r="D7668" t="s">
        <v>118</v>
      </c>
      <c r="E7668">
        <v>2011</v>
      </c>
      <c r="F7668">
        <v>2011</v>
      </c>
      <c r="G7668" t="s">
        <v>126</v>
      </c>
      <c r="H7668" t="s">
        <v>123</v>
      </c>
      <c r="I7668" t="s">
        <v>15</v>
      </c>
      <c r="J7668" s="10">
        <v>17.022413310000001</v>
      </c>
    </row>
    <row r="7669" spans="1:10" x14ac:dyDescent="0.35">
      <c r="A7669" t="s">
        <v>20</v>
      </c>
      <c r="B7669" t="s">
        <v>48</v>
      </c>
      <c r="C7669" t="s">
        <v>117</v>
      </c>
      <c r="D7669" t="s">
        <v>118</v>
      </c>
      <c r="E7669">
        <v>2011</v>
      </c>
      <c r="F7669">
        <v>2011</v>
      </c>
      <c r="G7669" t="s">
        <v>126</v>
      </c>
      <c r="H7669" t="s">
        <v>124</v>
      </c>
      <c r="I7669" t="s">
        <v>15</v>
      </c>
      <c r="J7669" s="10">
        <v>2.6992647619999999</v>
      </c>
    </row>
    <row r="7670" spans="1:10" x14ac:dyDescent="0.35">
      <c r="A7670" t="s">
        <v>28</v>
      </c>
      <c r="B7670" t="s">
        <v>49</v>
      </c>
      <c r="C7670" t="s">
        <v>117</v>
      </c>
      <c r="D7670" t="s">
        <v>118</v>
      </c>
      <c r="E7670">
        <v>2020</v>
      </c>
      <c r="F7670">
        <v>2020</v>
      </c>
      <c r="G7670" t="s">
        <v>14</v>
      </c>
      <c r="H7670" t="s">
        <v>119</v>
      </c>
      <c r="I7670" t="s">
        <v>15</v>
      </c>
      <c r="J7670" s="10">
        <v>18.624434610000002</v>
      </c>
    </row>
    <row r="7671" spans="1:10" x14ac:dyDescent="0.35">
      <c r="A7671" t="s">
        <v>28</v>
      </c>
      <c r="B7671" t="s">
        <v>49</v>
      </c>
      <c r="C7671" t="s">
        <v>117</v>
      </c>
      <c r="D7671" t="s">
        <v>118</v>
      </c>
      <c r="E7671">
        <v>2020</v>
      </c>
      <c r="F7671">
        <v>2020</v>
      </c>
      <c r="G7671" t="s">
        <v>14</v>
      </c>
      <c r="H7671" t="s">
        <v>120</v>
      </c>
      <c r="I7671" t="s">
        <v>15</v>
      </c>
      <c r="J7671" s="10">
        <v>7.8964464769999996</v>
      </c>
    </row>
    <row r="7672" spans="1:10" x14ac:dyDescent="0.35">
      <c r="A7672" t="s">
        <v>28</v>
      </c>
      <c r="B7672" t="s">
        <v>49</v>
      </c>
      <c r="C7672" t="s">
        <v>117</v>
      </c>
      <c r="D7672" t="s">
        <v>118</v>
      </c>
      <c r="E7672">
        <v>2020</v>
      </c>
      <c r="F7672">
        <v>2020</v>
      </c>
      <c r="G7672" t="s">
        <v>14</v>
      </c>
      <c r="H7672" t="s">
        <v>121</v>
      </c>
      <c r="I7672" t="s">
        <v>15</v>
      </c>
      <c r="J7672" s="10">
        <v>29.057010819999999</v>
      </c>
    </row>
    <row r="7673" spans="1:10" x14ac:dyDescent="0.35">
      <c r="A7673" t="s">
        <v>28</v>
      </c>
      <c r="B7673" t="s">
        <v>49</v>
      </c>
      <c r="C7673" t="s">
        <v>117</v>
      </c>
      <c r="D7673" t="s">
        <v>118</v>
      </c>
      <c r="E7673">
        <v>2020</v>
      </c>
      <c r="F7673">
        <v>2020</v>
      </c>
      <c r="G7673" t="s">
        <v>14</v>
      </c>
      <c r="H7673" t="s">
        <v>122</v>
      </c>
      <c r="I7673" t="s">
        <v>15</v>
      </c>
      <c r="J7673" s="10">
        <v>22.843554260000001</v>
      </c>
    </row>
    <row r="7674" spans="1:10" x14ac:dyDescent="0.35">
      <c r="A7674" t="s">
        <v>28</v>
      </c>
      <c r="B7674" t="s">
        <v>49</v>
      </c>
      <c r="C7674" t="s">
        <v>117</v>
      </c>
      <c r="D7674" t="s">
        <v>118</v>
      </c>
      <c r="E7674">
        <v>2020</v>
      </c>
      <c r="F7674">
        <v>2020</v>
      </c>
      <c r="G7674" t="s">
        <v>14</v>
      </c>
      <c r="H7674" t="s">
        <v>123</v>
      </c>
      <c r="I7674" t="s">
        <v>15</v>
      </c>
      <c r="J7674" s="10">
        <v>19.041198319999999</v>
      </c>
    </row>
    <row r="7675" spans="1:10" x14ac:dyDescent="0.35">
      <c r="A7675" t="s">
        <v>28</v>
      </c>
      <c r="B7675" t="s">
        <v>49</v>
      </c>
      <c r="C7675" t="s">
        <v>117</v>
      </c>
      <c r="D7675" t="s">
        <v>118</v>
      </c>
      <c r="E7675">
        <v>2020</v>
      </c>
      <c r="F7675">
        <v>2020</v>
      </c>
      <c r="G7675" t="s">
        <v>14</v>
      </c>
      <c r="H7675" t="s">
        <v>124</v>
      </c>
      <c r="I7675" t="s">
        <v>15</v>
      </c>
      <c r="J7675" s="10">
        <v>2.537355512</v>
      </c>
    </row>
    <row r="7676" spans="1:10" x14ac:dyDescent="0.35">
      <c r="A7676" t="s">
        <v>28</v>
      </c>
      <c r="B7676" t="s">
        <v>49</v>
      </c>
      <c r="C7676" t="s">
        <v>117</v>
      </c>
      <c r="D7676" t="s">
        <v>118</v>
      </c>
      <c r="E7676">
        <v>2020</v>
      </c>
      <c r="F7676">
        <v>2020</v>
      </c>
      <c r="G7676" t="s">
        <v>125</v>
      </c>
      <c r="H7676" t="s">
        <v>119</v>
      </c>
      <c r="I7676" t="s">
        <v>15</v>
      </c>
      <c r="J7676" s="10">
        <v>19.795421090000001</v>
      </c>
    </row>
    <row r="7677" spans="1:10" x14ac:dyDescent="0.35">
      <c r="A7677" t="s">
        <v>28</v>
      </c>
      <c r="B7677" t="s">
        <v>49</v>
      </c>
      <c r="C7677" t="s">
        <v>117</v>
      </c>
      <c r="D7677" t="s">
        <v>118</v>
      </c>
      <c r="E7677">
        <v>2020</v>
      </c>
      <c r="F7677">
        <v>2020</v>
      </c>
      <c r="G7677" t="s">
        <v>125</v>
      </c>
      <c r="H7677" t="s">
        <v>120</v>
      </c>
      <c r="I7677" t="s">
        <v>15</v>
      </c>
      <c r="J7677" s="10">
        <v>8.6298796889999991</v>
      </c>
    </row>
    <row r="7678" spans="1:10" x14ac:dyDescent="0.35">
      <c r="A7678" t="s">
        <v>28</v>
      </c>
      <c r="B7678" t="s">
        <v>49</v>
      </c>
      <c r="C7678" t="s">
        <v>117</v>
      </c>
      <c r="D7678" t="s">
        <v>118</v>
      </c>
      <c r="E7678">
        <v>2020</v>
      </c>
      <c r="F7678">
        <v>2020</v>
      </c>
      <c r="G7678" t="s">
        <v>125</v>
      </c>
      <c r="H7678" t="s">
        <v>121</v>
      </c>
      <c r="I7678" t="s">
        <v>15</v>
      </c>
      <c r="J7678" s="10">
        <v>28.496370370000001</v>
      </c>
    </row>
    <row r="7679" spans="1:10" x14ac:dyDescent="0.35">
      <c r="A7679" t="s">
        <v>28</v>
      </c>
      <c r="B7679" t="s">
        <v>49</v>
      </c>
      <c r="C7679" t="s">
        <v>117</v>
      </c>
      <c r="D7679" t="s">
        <v>118</v>
      </c>
      <c r="E7679">
        <v>2020</v>
      </c>
      <c r="F7679">
        <v>2020</v>
      </c>
      <c r="G7679" t="s">
        <v>125</v>
      </c>
      <c r="H7679" t="s">
        <v>122</v>
      </c>
      <c r="I7679" t="s">
        <v>15</v>
      </c>
      <c r="J7679" s="10">
        <v>22.904715979999999</v>
      </c>
    </row>
    <row r="7680" spans="1:10" x14ac:dyDescent="0.35">
      <c r="A7680" t="s">
        <v>28</v>
      </c>
      <c r="B7680" t="s">
        <v>49</v>
      </c>
      <c r="C7680" t="s">
        <v>117</v>
      </c>
      <c r="D7680" t="s">
        <v>118</v>
      </c>
      <c r="E7680">
        <v>2020</v>
      </c>
      <c r="F7680">
        <v>2020</v>
      </c>
      <c r="G7680" t="s">
        <v>125</v>
      </c>
      <c r="H7680" t="s">
        <v>123</v>
      </c>
      <c r="I7680" t="s">
        <v>15</v>
      </c>
      <c r="J7680" s="10">
        <v>18.186202349999999</v>
      </c>
    </row>
    <row r="7681" spans="1:10" x14ac:dyDescent="0.35">
      <c r="A7681" t="s">
        <v>28</v>
      </c>
      <c r="B7681" t="s">
        <v>49</v>
      </c>
      <c r="C7681" t="s">
        <v>117</v>
      </c>
      <c r="D7681" t="s">
        <v>118</v>
      </c>
      <c r="E7681">
        <v>2020</v>
      </c>
      <c r="F7681">
        <v>2020</v>
      </c>
      <c r="G7681" t="s">
        <v>125</v>
      </c>
      <c r="H7681" t="s">
        <v>124</v>
      </c>
      <c r="I7681" t="s">
        <v>15</v>
      </c>
      <c r="J7681" s="10">
        <v>1.9874105280000001</v>
      </c>
    </row>
    <row r="7682" spans="1:10" x14ac:dyDescent="0.35">
      <c r="A7682" t="s">
        <v>28</v>
      </c>
      <c r="B7682" t="s">
        <v>49</v>
      </c>
      <c r="C7682" t="s">
        <v>117</v>
      </c>
      <c r="D7682" t="s">
        <v>118</v>
      </c>
      <c r="E7682">
        <v>2020</v>
      </c>
      <c r="F7682">
        <v>2020</v>
      </c>
      <c r="G7682" t="s">
        <v>126</v>
      </c>
      <c r="H7682" t="s">
        <v>119</v>
      </c>
      <c r="I7682" t="s">
        <v>15</v>
      </c>
      <c r="J7682" s="10">
        <v>17.530758840000001</v>
      </c>
    </row>
    <row r="7683" spans="1:10" x14ac:dyDescent="0.35">
      <c r="A7683" t="s">
        <v>28</v>
      </c>
      <c r="B7683" t="s">
        <v>49</v>
      </c>
      <c r="C7683" t="s">
        <v>117</v>
      </c>
      <c r="D7683" t="s">
        <v>118</v>
      </c>
      <c r="E7683">
        <v>2020</v>
      </c>
      <c r="F7683">
        <v>2020</v>
      </c>
      <c r="G7683" t="s">
        <v>126</v>
      </c>
      <c r="H7683" t="s">
        <v>120</v>
      </c>
      <c r="I7683" t="s">
        <v>15</v>
      </c>
      <c r="J7683" s="10">
        <v>7.2114358860000003</v>
      </c>
    </row>
    <row r="7684" spans="1:10" x14ac:dyDescent="0.35">
      <c r="A7684" t="s">
        <v>28</v>
      </c>
      <c r="B7684" t="s">
        <v>49</v>
      </c>
      <c r="C7684" t="s">
        <v>117</v>
      </c>
      <c r="D7684" t="s">
        <v>118</v>
      </c>
      <c r="E7684">
        <v>2020</v>
      </c>
      <c r="F7684">
        <v>2020</v>
      </c>
      <c r="G7684" t="s">
        <v>126</v>
      </c>
      <c r="H7684" t="s">
        <v>121</v>
      </c>
      <c r="I7684" t="s">
        <v>15</v>
      </c>
      <c r="J7684" s="10">
        <v>29.58063675</v>
      </c>
    </row>
    <row r="7685" spans="1:10" x14ac:dyDescent="0.35">
      <c r="A7685" t="s">
        <v>28</v>
      </c>
      <c r="B7685" t="s">
        <v>49</v>
      </c>
      <c r="C7685" t="s">
        <v>117</v>
      </c>
      <c r="D7685" t="s">
        <v>118</v>
      </c>
      <c r="E7685">
        <v>2020</v>
      </c>
      <c r="F7685">
        <v>2020</v>
      </c>
      <c r="G7685" t="s">
        <v>126</v>
      </c>
      <c r="H7685" t="s">
        <v>122</v>
      </c>
      <c r="I7685" t="s">
        <v>15</v>
      </c>
      <c r="J7685" s="10">
        <v>22.786430549999999</v>
      </c>
    </row>
    <row r="7686" spans="1:10" x14ac:dyDescent="0.35">
      <c r="A7686" t="s">
        <v>28</v>
      </c>
      <c r="B7686" t="s">
        <v>49</v>
      </c>
      <c r="C7686" t="s">
        <v>117</v>
      </c>
      <c r="D7686" t="s">
        <v>118</v>
      </c>
      <c r="E7686">
        <v>2020</v>
      </c>
      <c r="F7686">
        <v>2020</v>
      </c>
      <c r="G7686" t="s">
        <v>126</v>
      </c>
      <c r="H7686" t="s">
        <v>123</v>
      </c>
      <c r="I7686" t="s">
        <v>15</v>
      </c>
      <c r="J7686" s="10">
        <v>19.839745870000002</v>
      </c>
    </row>
    <row r="7687" spans="1:10" x14ac:dyDescent="0.35">
      <c r="A7687" t="s">
        <v>28</v>
      </c>
      <c r="B7687" t="s">
        <v>49</v>
      </c>
      <c r="C7687" t="s">
        <v>117</v>
      </c>
      <c r="D7687" t="s">
        <v>118</v>
      </c>
      <c r="E7687">
        <v>2020</v>
      </c>
      <c r="F7687">
        <v>2020</v>
      </c>
      <c r="G7687" t="s">
        <v>126</v>
      </c>
      <c r="H7687" t="s">
        <v>124</v>
      </c>
      <c r="I7687" t="s">
        <v>15</v>
      </c>
      <c r="J7687" s="10">
        <v>3.0509921059999998</v>
      </c>
    </row>
    <row r="7688" spans="1:10" x14ac:dyDescent="0.35">
      <c r="A7688" t="s">
        <v>28</v>
      </c>
      <c r="B7688" t="s">
        <v>49</v>
      </c>
      <c r="C7688" t="s">
        <v>117</v>
      </c>
      <c r="D7688" t="s">
        <v>118</v>
      </c>
      <c r="E7688">
        <v>2019</v>
      </c>
      <c r="F7688">
        <v>2019</v>
      </c>
      <c r="G7688" t="s">
        <v>14</v>
      </c>
      <c r="H7688" t="s">
        <v>119</v>
      </c>
      <c r="I7688" t="s">
        <v>15</v>
      </c>
      <c r="J7688" s="10">
        <v>18.78387261</v>
      </c>
    </row>
    <row r="7689" spans="1:10" x14ac:dyDescent="0.35">
      <c r="A7689" t="s">
        <v>28</v>
      </c>
      <c r="B7689" t="s">
        <v>49</v>
      </c>
      <c r="C7689" t="s">
        <v>117</v>
      </c>
      <c r="D7689" t="s">
        <v>118</v>
      </c>
      <c r="E7689">
        <v>2019</v>
      </c>
      <c r="F7689">
        <v>2019</v>
      </c>
      <c r="G7689" t="s">
        <v>14</v>
      </c>
      <c r="H7689" t="s">
        <v>120</v>
      </c>
      <c r="I7689" t="s">
        <v>15</v>
      </c>
      <c r="J7689" s="10">
        <v>8.0884997460000001</v>
      </c>
    </row>
    <row r="7690" spans="1:10" x14ac:dyDescent="0.35">
      <c r="A7690" t="s">
        <v>28</v>
      </c>
      <c r="B7690" t="s">
        <v>49</v>
      </c>
      <c r="C7690" t="s">
        <v>117</v>
      </c>
      <c r="D7690" t="s">
        <v>118</v>
      </c>
      <c r="E7690">
        <v>2019</v>
      </c>
      <c r="F7690">
        <v>2019</v>
      </c>
      <c r="G7690" t="s">
        <v>14</v>
      </c>
      <c r="H7690" t="s">
        <v>121</v>
      </c>
      <c r="I7690" t="s">
        <v>15</v>
      </c>
      <c r="J7690" s="10">
        <v>29.196482830000001</v>
      </c>
    </row>
    <row r="7691" spans="1:10" x14ac:dyDescent="0.35">
      <c r="A7691" t="s">
        <v>28</v>
      </c>
      <c r="B7691" t="s">
        <v>49</v>
      </c>
      <c r="C7691" t="s">
        <v>117</v>
      </c>
      <c r="D7691" t="s">
        <v>118</v>
      </c>
      <c r="E7691">
        <v>2019</v>
      </c>
      <c r="F7691">
        <v>2019</v>
      </c>
      <c r="G7691" t="s">
        <v>14</v>
      </c>
      <c r="H7691" t="s">
        <v>122</v>
      </c>
      <c r="I7691" t="s">
        <v>15</v>
      </c>
      <c r="J7691" s="10">
        <v>22.654496300000002</v>
      </c>
    </row>
    <row r="7692" spans="1:10" x14ac:dyDescent="0.35">
      <c r="A7692" t="s">
        <v>28</v>
      </c>
      <c r="B7692" t="s">
        <v>49</v>
      </c>
      <c r="C7692" t="s">
        <v>117</v>
      </c>
      <c r="D7692" t="s">
        <v>118</v>
      </c>
      <c r="E7692">
        <v>2019</v>
      </c>
      <c r="F7692">
        <v>2019</v>
      </c>
      <c r="G7692" t="s">
        <v>14</v>
      </c>
      <c r="H7692" t="s">
        <v>123</v>
      </c>
      <c r="I7692" t="s">
        <v>15</v>
      </c>
      <c r="J7692" s="10">
        <v>18.728064190000001</v>
      </c>
    </row>
    <row r="7693" spans="1:10" x14ac:dyDescent="0.35">
      <c r="A7693" t="s">
        <v>28</v>
      </c>
      <c r="B7693" t="s">
        <v>49</v>
      </c>
      <c r="C7693" t="s">
        <v>117</v>
      </c>
      <c r="D7693" t="s">
        <v>118</v>
      </c>
      <c r="E7693">
        <v>2019</v>
      </c>
      <c r="F7693">
        <v>2019</v>
      </c>
      <c r="G7693" t="s">
        <v>14</v>
      </c>
      <c r="H7693" t="s">
        <v>124</v>
      </c>
      <c r="I7693" t="s">
        <v>15</v>
      </c>
      <c r="J7693" s="10">
        <v>2.5485843269999999</v>
      </c>
    </row>
    <row r="7694" spans="1:10" x14ac:dyDescent="0.35">
      <c r="A7694" t="s">
        <v>28</v>
      </c>
      <c r="B7694" t="s">
        <v>49</v>
      </c>
      <c r="C7694" t="s">
        <v>117</v>
      </c>
      <c r="D7694" t="s">
        <v>118</v>
      </c>
      <c r="E7694">
        <v>2019</v>
      </c>
      <c r="F7694">
        <v>2019</v>
      </c>
      <c r="G7694" t="s">
        <v>125</v>
      </c>
      <c r="H7694" t="s">
        <v>119</v>
      </c>
      <c r="I7694" t="s">
        <v>15</v>
      </c>
      <c r="J7694" s="10">
        <v>19.933725500000001</v>
      </c>
    </row>
    <row r="7695" spans="1:10" x14ac:dyDescent="0.35">
      <c r="A7695" t="s">
        <v>28</v>
      </c>
      <c r="B7695" t="s">
        <v>49</v>
      </c>
      <c r="C7695" t="s">
        <v>117</v>
      </c>
      <c r="D7695" t="s">
        <v>118</v>
      </c>
      <c r="E7695">
        <v>2019</v>
      </c>
      <c r="F7695">
        <v>2019</v>
      </c>
      <c r="G7695" t="s">
        <v>125</v>
      </c>
      <c r="H7695" t="s">
        <v>120</v>
      </c>
      <c r="I7695" t="s">
        <v>15</v>
      </c>
      <c r="J7695" s="10">
        <v>8.8520126379999997</v>
      </c>
    </row>
    <row r="7696" spans="1:10" x14ac:dyDescent="0.35">
      <c r="A7696" t="s">
        <v>28</v>
      </c>
      <c r="B7696" t="s">
        <v>49</v>
      </c>
      <c r="C7696" t="s">
        <v>117</v>
      </c>
      <c r="D7696" t="s">
        <v>118</v>
      </c>
      <c r="E7696">
        <v>2019</v>
      </c>
      <c r="F7696">
        <v>2019</v>
      </c>
      <c r="G7696" t="s">
        <v>125</v>
      </c>
      <c r="H7696" t="s">
        <v>121</v>
      </c>
      <c r="I7696" t="s">
        <v>15</v>
      </c>
      <c r="J7696" s="10">
        <v>28.62904262</v>
      </c>
    </row>
    <row r="7697" spans="1:10" x14ac:dyDescent="0.35">
      <c r="A7697" t="s">
        <v>28</v>
      </c>
      <c r="B7697" t="s">
        <v>49</v>
      </c>
      <c r="C7697" t="s">
        <v>117</v>
      </c>
      <c r="D7697" t="s">
        <v>118</v>
      </c>
      <c r="E7697">
        <v>2019</v>
      </c>
      <c r="F7697">
        <v>2019</v>
      </c>
      <c r="G7697" t="s">
        <v>125</v>
      </c>
      <c r="H7697" t="s">
        <v>122</v>
      </c>
      <c r="I7697" t="s">
        <v>15</v>
      </c>
      <c r="J7697" s="10">
        <v>22.697731770000001</v>
      </c>
    </row>
    <row r="7698" spans="1:10" x14ac:dyDescent="0.35">
      <c r="A7698" t="s">
        <v>28</v>
      </c>
      <c r="B7698" t="s">
        <v>49</v>
      </c>
      <c r="C7698" t="s">
        <v>117</v>
      </c>
      <c r="D7698" t="s">
        <v>118</v>
      </c>
      <c r="E7698">
        <v>2019</v>
      </c>
      <c r="F7698">
        <v>2019</v>
      </c>
      <c r="G7698" t="s">
        <v>125</v>
      </c>
      <c r="H7698" t="s">
        <v>123</v>
      </c>
      <c r="I7698" t="s">
        <v>15</v>
      </c>
      <c r="J7698" s="10">
        <v>17.917233939999999</v>
      </c>
    </row>
    <row r="7699" spans="1:10" x14ac:dyDescent="0.35">
      <c r="A7699" t="s">
        <v>28</v>
      </c>
      <c r="B7699" t="s">
        <v>49</v>
      </c>
      <c r="C7699" t="s">
        <v>117</v>
      </c>
      <c r="D7699" t="s">
        <v>118</v>
      </c>
      <c r="E7699">
        <v>2019</v>
      </c>
      <c r="F7699">
        <v>2019</v>
      </c>
      <c r="G7699" t="s">
        <v>125</v>
      </c>
      <c r="H7699" t="s">
        <v>124</v>
      </c>
      <c r="I7699" t="s">
        <v>15</v>
      </c>
      <c r="J7699" s="10">
        <v>1.9702535379999999</v>
      </c>
    </row>
    <row r="7700" spans="1:10" x14ac:dyDescent="0.35">
      <c r="A7700" t="s">
        <v>28</v>
      </c>
      <c r="B7700" t="s">
        <v>49</v>
      </c>
      <c r="C7700" t="s">
        <v>117</v>
      </c>
      <c r="D7700" t="s">
        <v>118</v>
      </c>
      <c r="E7700">
        <v>2019</v>
      </c>
      <c r="F7700">
        <v>2019</v>
      </c>
      <c r="G7700" t="s">
        <v>126</v>
      </c>
      <c r="H7700" t="s">
        <v>119</v>
      </c>
      <c r="I7700" t="s">
        <v>15</v>
      </c>
      <c r="J7700" s="10">
        <v>17.710531360000001</v>
      </c>
    </row>
    <row r="7701" spans="1:10" x14ac:dyDescent="0.35">
      <c r="A7701" t="s">
        <v>28</v>
      </c>
      <c r="B7701" t="s">
        <v>49</v>
      </c>
      <c r="C7701" t="s">
        <v>117</v>
      </c>
      <c r="D7701" t="s">
        <v>118</v>
      </c>
      <c r="E7701">
        <v>2019</v>
      </c>
      <c r="F7701">
        <v>2019</v>
      </c>
      <c r="G7701" t="s">
        <v>126</v>
      </c>
      <c r="H7701" t="s">
        <v>120</v>
      </c>
      <c r="I7701" t="s">
        <v>15</v>
      </c>
      <c r="J7701" s="10">
        <v>7.3757912909999996</v>
      </c>
    </row>
    <row r="7702" spans="1:10" x14ac:dyDescent="0.35">
      <c r="A7702" t="s">
        <v>28</v>
      </c>
      <c r="B7702" t="s">
        <v>49</v>
      </c>
      <c r="C7702" t="s">
        <v>117</v>
      </c>
      <c r="D7702" t="s">
        <v>118</v>
      </c>
      <c r="E7702">
        <v>2019</v>
      </c>
      <c r="F7702">
        <v>2019</v>
      </c>
      <c r="G7702" t="s">
        <v>126</v>
      </c>
      <c r="H7702" t="s">
        <v>121</v>
      </c>
      <c r="I7702" t="s">
        <v>15</v>
      </c>
      <c r="J7702" s="10">
        <v>29.72616536</v>
      </c>
    </row>
    <row r="7703" spans="1:10" x14ac:dyDescent="0.35">
      <c r="A7703" t="s">
        <v>28</v>
      </c>
      <c r="B7703" t="s">
        <v>49</v>
      </c>
      <c r="C7703" t="s">
        <v>117</v>
      </c>
      <c r="D7703" t="s">
        <v>118</v>
      </c>
      <c r="E7703">
        <v>2019</v>
      </c>
      <c r="F7703">
        <v>2019</v>
      </c>
      <c r="G7703" t="s">
        <v>126</v>
      </c>
      <c r="H7703" t="s">
        <v>122</v>
      </c>
      <c r="I7703" t="s">
        <v>15</v>
      </c>
      <c r="J7703" s="10">
        <v>22.614137729999999</v>
      </c>
    </row>
    <row r="7704" spans="1:10" x14ac:dyDescent="0.35">
      <c r="A7704" t="s">
        <v>28</v>
      </c>
      <c r="B7704" t="s">
        <v>49</v>
      </c>
      <c r="C7704" t="s">
        <v>117</v>
      </c>
      <c r="D7704" t="s">
        <v>118</v>
      </c>
      <c r="E7704">
        <v>2019</v>
      </c>
      <c r="F7704">
        <v>2019</v>
      </c>
      <c r="G7704" t="s">
        <v>126</v>
      </c>
      <c r="H7704" t="s">
        <v>123</v>
      </c>
      <c r="I7704" t="s">
        <v>15</v>
      </c>
      <c r="J7704" s="10">
        <v>19.484941490000001</v>
      </c>
    </row>
    <row r="7705" spans="1:10" x14ac:dyDescent="0.35">
      <c r="A7705" t="s">
        <v>28</v>
      </c>
      <c r="B7705" t="s">
        <v>49</v>
      </c>
      <c r="C7705" t="s">
        <v>117</v>
      </c>
      <c r="D7705" t="s">
        <v>118</v>
      </c>
      <c r="E7705">
        <v>2019</v>
      </c>
      <c r="F7705">
        <v>2019</v>
      </c>
      <c r="G7705" t="s">
        <v>126</v>
      </c>
      <c r="H7705" t="s">
        <v>124</v>
      </c>
      <c r="I7705" t="s">
        <v>15</v>
      </c>
      <c r="J7705" s="10">
        <v>3.0884327640000002</v>
      </c>
    </row>
    <row r="7706" spans="1:10" x14ac:dyDescent="0.35">
      <c r="A7706" t="s">
        <v>28</v>
      </c>
      <c r="B7706" t="s">
        <v>49</v>
      </c>
      <c r="C7706" t="s">
        <v>117</v>
      </c>
      <c r="D7706" t="s">
        <v>118</v>
      </c>
      <c r="E7706">
        <v>2018</v>
      </c>
      <c r="F7706">
        <v>2018</v>
      </c>
      <c r="G7706" t="s">
        <v>14</v>
      </c>
      <c r="H7706" t="s">
        <v>119</v>
      </c>
      <c r="I7706" t="s">
        <v>15</v>
      </c>
      <c r="J7706" s="10">
        <v>18.70699956</v>
      </c>
    </row>
    <row r="7707" spans="1:10" x14ac:dyDescent="0.35">
      <c r="A7707" t="s">
        <v>28</v>
      </c>
      <c r="B7707" t="s">
        <v>49</v>
      </c>
      <c r="C7707" t="s">
        <v>117</v>
      </c>
      <c r="D7707" t="s">
        <v>118</v>
      </c>
      <c r="E7707">
        <v>2018</v>
      </c>
      <c r="F7707">
        <v>2018</v>
      </c>
      <c r="G7707" t="s">
        <v>14</v>
      </c>
      <c r="H7707" t="s">
        <v>120</v>
      </c>
      <c r="I7707" t="s">
        <v>15</v>
      </c>
      <c r="J7707" s="10">
        <v>8.4862587260000009</v>
      </c>
    </row>
    <row r="7708" spans="1:10" x14ac:dyDescent="0.35">
      <c r="A7708" t="s">
        <v>28</v>
      </c>
      <c r="B7708" t="s">
        <v>49</v>
      </c>
      <c r="C7708" t="s">
        <v>117</v>
      </c>
      <c r="D7708" t="s">
        <v>118</v>
      </c>
      <c r="E7708">
        <v>2018</v>
      </c>
      <c r="F7708">
        <v>2018</v>
      </c>
      <c r="G7708" t="s">
        <v>14</v>
      </c>
      <c r="H7708" t="s">
        <v>121</v>
      </c>
      <c r="I7708" t="s">
        <v>15</v>
      </c>
      <c r="J7708" s="10">
        <v>29.366706499999999</v>
      </c>
    </row>
    <row r="7709" spans="1:10" x14ac:dyDescent="0.35">
      <c r="A7709" t="s">
        <v>28</v>
      </c>
      <c r="B7709" t="s">
        <v>49</v>
      </c>
      <c r="C7709" t="s">
        <v>117</v>
      </c>
      <c r="D7709" t="s">
        <v>118</v>
      </c>
      <c r="E7709">
        <v>2018</v>
      </c>
      <c r="F7709">
        <v>2018</v>
      </c>
      <c r="G7709" t="s">
        <v>14</v>
      </c>
      <c r="H7709" t="s">
        <v>122</v>
      </c>
      <c r="I7709" t="s">
        <v>15</v>
      </c>
      <c r="J7709" s="10">
        <v>22.521853969999999</v>
      </c>
    </row>
    <row r="7710" spans="1:10" x14ac:dyDescent="0.35">
      <c r="A7710" t="s">
        <v>28</v>
      </c>
      <c r="B7710" t="s">
        <v>49</v>
      </c>
      <c r="C7710" t="s">
        <v>117</v>
      </c>
      <c r="D7710" t="s">
        <v>118</v>
      </c>
      <c r="E7710">
        <v>2018</v>
      </c>
      <c r="F7710">
        <v>2018</v>
      </c>
      <c r="G7710" t="s">
        <v>14</v>
      </c>
      <c r="H7710" t="s">
        <v>123</v>
      </c>
      <c r="I7710" t="s">
        <v>15</v>
      </c>
      <c r="J7710" s="10">
        <v>18.514558829999999</v>
      </c>
    </row>
    <row r="7711" spans="1:10" x14ac:dyDescent="0.35">
      <c r="A7711" t="s">
        <v>28</v>
      </c>
      <c r="B7711" t="s">
        <v>49</v>
      </c>
      <c r="C7711" t="s">
        <v>117</v>
      </c>
      <c r="D7711" t="s">
        <v>118</v>
      </c>
      <c r="E7711">
        <v>2018</v>
      </c>
      <c r="F7711">
        <v>2018</v>
      </c>
      <c r="G7711" t="s">
        <v>14</v>
      </c>
      <c r="H7711" t="s">
        <v>124</v>
      </c>
      <c r="I7711" t="s">
        <v>15</v>
      </c>
      <c r="J7711" s="10">
        <v>2.403622414</v>
      </c>
    </row>
    <row r="7712" spans="1:10" x14ac:dyDescent="0.35">
      <c r="A7712" t="s">
        <v>28</v>
      </c>
      <c r="B7712" t="s">
        <v>49</v>
      </c>
      <c r="C7712" t="s">
        <v>117</v>
      </c>
      <c r="D7712" t="s">
        <v>118</v>
      </c>
      <c r="E7712">
        <v>2018</v>
      </c>
      <c r="F7712">
        <v>2018</v>
      </c>
      <c r="G7712" t="s">
        <v>125</v>
      </c>
      <c r="H7712" t="s">
        <v>119</v>
      </c>
      <c r="I7712" t="s">
        <v>15</v>
      </c>
      <c r="J7712" s="10">
        <v>19.867584189999999</v>
      </c>
    </row>
    <row r="7713" spans="1:10" x14ac:dyDescent="0.35">
      <c r="A7713" t="s">
        <v>28</v>
      </c>
      <c r="B7713" t="s">
        <v>49</v>
      </c>
      <c r="C7713" t="s">
        <v>117</v>
      </c>
      <c r="D7713" t="s">
        <v>118</v>
      </c>
      <c r="E7713">
        <v>2018</v>
      </c>
      <c r="F7713">
        <v>2018</v>
      </c>
      <c r="G7713" t="s">
        <v>125</v>
      </c>
      <c r="H7713" t="s">
        <v>120</v>
      </c>
      <c r="I7713" t="s">
        <v>15</v>
      </c>
      <c r="J7713" s="10">
        <v>9.2456469610000003</v>
      </c>
    </row>
    <row r="7714" spans="1:10" x14ac:dyDescent="0.35">
      <c r="A7714" t="s">
        <v>28</v>
      </c>
      <c r="B7714" t="s">
        <v>49</v>
      </c>
      <c r="C7714" t="s">
        <v>117</v>
      </c>
      <c r="D7714" t="s">
        <v>118</v>
      </c>
      <c r="E7714">
        <v>2018</v>
      </c>
      <c r="F7714">
        <v>2018</v>
      </c>
      <c r="G7714" t="s">
        <v>125</v>
      </c>
      <c r="H7714" t="s">
        <v>121</v>
      </c>
      <c r="I7714" t="s">
        <v>15</v>
      </c>
      <c r="J7714" s="10">
        <v>28.644041290000001</v>
      </c>
    </row>
    <row r="7715" spans="1:10" x14ac:dyDescent="0.35">
      <c r="A7715" t="s">
        <v>28</v>
      </c>
      <c r="B7715" t="s">
        <v>49</v>
      </c>
      <c r="C7715" t="s">
        <v>117</v>
      </c>
      <c r="D7715" t="s">
        <v>118</v>
      </c>
      <c r="E7715">
        <v>2018</v>
      </c>
      <c r="F7715">
        <v>2018</v>
      </c>
      <c r="G7715" t="s">
        <v>125</v>
      </c>
      <c r="H7715" t="s">
        <v>122</v>
      </c>
      <c r="I7715" t="s">
        <v>15</v>
      </c>
      <c r="J7715" s="10">
        <v>22.807840680000002</v>
      </c>
    </row>
    <row r="7716" spans="1:10" x14ac:dyDescent="0.35">
      <c r="A7716" t="s">
        <v>28</v>
      </c>
      <c r="B7716" t="s">
        <v>49</v>
      </c>
      <c r="C7716" t="s">
        <v>117</v>
      </c>
      <c r="D7716" t="s">
        <v>118</v>
      </c>
      <c r="E7716">
        <v>2018</v>
      </c>
      <c r="F7716">
        <v>2018</v>
      </c>
      <c r="G7716" t="s">
        <v>125</v>
      </c>
      <c r="H7716" t="s">
        <v>123</v>
      </c>
      <c r="I7716" t="s">
        <v>15</v>
      </c>
      <c r="J7716" s="10">
        <v>17.60765301</v>
      </c>
    </row>
    <row r="7717" spans="1:10" x14ac:dyDescent="0.35">
      <c r="A7717" t="s">
        <v>28</v>
      </c>
      <c r="B7717" t="s">
        <v>49</v>
      </c>
      <c r="C7717" t="s">
        <v>117</v>
      </c>
      <c r="D7717" t="s">
        <v>118</v>
      </c>
      <c r="E7717">
        <v>2018</v>
      </c>
      <c r="F7717">
        <v>2018</v>
      </c>
      <c r="G7717" t="s">
        <v>125</v>
      </c>
      <c r="H7717" t="s">
        <v>124</v>
      </c>
      <c r="I7717" t="s">
        <v>15</v>
      </c>
      <c r="J7717" s="10">
        <v>1.827233865</v>
      </c>
    </row>
    <row r="7718" spans="1:10" x14ac:dyDescent="0.35">
      <c r="A7718" t="s">
        <v>28</v>
      </c>
      <c r="B7718" t="s">
        <v>49</v>
      </c>
      <c r="C7718" t="s">
        <v>117</v>
      </c>
      <c r="D7718" t="s">
        <v>118</v>
      </c>
      <c r="E7718">
        <v>2018</v>
      </c>
      <c r="F7718">
        <v>2018</v>
      </c>
      <c r="G7718" t="s">
        <v>126</v>
      </c>
      <c r="H7718" t="s">
        <v>119</v>
      </c>
      <c r="I7718" t="s">
        <v>15</v>
      </c>
      <c r="J7718" s="10">
        <v>17.624753900000002</v>
      </c>
    </row>
    <row r="7719" spans="1:10" x14ac:dyDescent="0.35">
      <c r="A7719" t="s">
        <v>28</v>
      </c>
      <c r="B7719" t="s">
        <v>49</v>
      </c>
      <c r="C7719" t="s">
        <v>117</v>
      </c>
      <c r="D7719" t="s">
        <v>118</v>
      </c>
      <c r="E7719">
        <v>2018</v>
      </c>
      <c r="F7719">
        <v>2018</v>
      </c>
      <c r="G7719" t="s">
        <v>126</v>
      </c>
      <c r="H7719" t="s">
        <v>120</v>
      </c>
      <c r="I7719" t="s">
        <v>15</v>
      </c>
      <c r="J7719" s="10">
        <v>7.7781288740000001</v>
      </c>
    </row>
    <row r="7720" spans="1:10" x14ac:dyDescent="0.35">
      <c r="A7720" t="s">
        <v>28</v>
      </c>
      <c r="B7720" t="s">
        <v>49</v>
      </c>
      <c r="C7720" t="s">
        <v>117</v>
      </c>
      <c r="D7720" t="s">
        <v>118</v>
      </c>
      <c r="E7720">
        <v>2018</v>
      </c>
      <c r="F7720">
        <v>2018</v>
      </c>
      <c r="G7720" t="s">
        <v>126</v>
      </c>
      <c r="H7720" t="s">
        <v>121</v>
      </c>
      <c r="I7720" t="s">
        <v>15</v>
      </c>
      <c r="J7720" s="10">
        <v>30.040592109999999</v>
      </c>
    </row>
    <row r="7721" spans="1:10" x14ac:dyDescent="0.35">
      <c r="A7721" t="s">
        <v>28</v>
      </c>
      <c r="B7721" t="s">
        <v>49</v>
      </c>
      <c r="C7721" t="s">
        <v>117</v>
      </c>
      <c r="D7721" t="s">
        <v>118</v>
      </c>
      <c r="E7721">
        <v>2018</v>
      </c>
      <c r="F7721">
        <v>2018</v>
      </c>
      <c r="G7721" t="s">
        <v>126</v>
      </c>
      <c r="H7721" t="s">
        <v>122</v>
      </c>
      <c r="I7721" t="s">
        <v>15</v>
      </c>
      <c r="J7721" s="10">
        <v>22.255171239999999</v>
      </c>
    </row>
    <row r="7722" spans="1:10" x14ac:dyDescent="0.35">
      <c r="A7722" t="s">
        <v>28</v>
      </c>
      <c r="B7722" t="s">
        <v>49</v>
      </c>
      <c r="C7722" t="s">
        <v>117</v>
      </c>
      <c r="D7722" t="s">
        <v>118</v>
      </c>
      <c r="E7722">
        <v>2018</v>
      </c>
      <c r="F7722">
        <v>2018</v>
      </c>
      <c r="G7722" t="s">
        <v>126</v>
      </c>
      <c r="H7722" t="s">
        <v>123</v>
      </c>
      <c r="I7722" t="s">
        <v>15</v>
      </c>
      <c r="J7722" s="10">
        <v>19.360248899999998</v>
      </c>
    </row>
    <row r="7723" spans="1:10" x14ac:dyDescent="0.35">
      <c r="A7723" t="s">
        <v>28</v>
      </c>
      <c r="B7723" t="s">
        <v>49</v>
      </c>
      <c r="C7723" t="s">
        <v>117</v>
      </c>
      <c r="D7723" t="s">
        <v>118</v>
      </c>
      <c r="E7723">
        <v>2018</v>
      </c>
      <c r="F7723">
        <v>2018</v>
      </c>
      <c r="G7723" t="s">
        <v>126</v>
      </c>
      <c r="H7723" t="s">
        <v>124</v>
      </c>
      <c r="I7723" t="s">
        <v>15</v>
      </c>
      <c r="J7723" s="10">
        <v>2.94110498</v>
      </c>
    </row>
    <row r="7724" spans="1:10" x14ac:dyDescent="0.35">
      <c r="A7724" t="s">
        <v>28</v>
      </c>
      <c r="B7724" t="s">
        <v>49</v>
      </c>
      <c r="C7724" t="s">
        <v>117</v>
      </c>
      <c r="D7724" t="s">
        <v>118</v>
      </c>
      <c r="E7724">
        <v>2017</v>
      </c>
      <c r="F7724">
        <v>2017</v>
      </c>
      <c r="G7724" t="s">
        <v>14</v>
      </c>
      <c r="H7724" t="s">
        <v>119</v>
      </c>
      <c r="I7724" t="s">
        <v>15</v>
      </c>
      <c r="J7724" s="10">
        <v>18.621969199999999</v>
      </c>
    </row>
    <row r="7725" spans="1:10" x14ac:dyDescent="0.35">
      <c r="A7725" t="s">
        <v>28</v>
      </c>
      <c r="B7725" t="s">
        <v>49</v>
      </c>
      <c r="C7725" t="s">
        <v>117</v>
      </c>
      <c r="D7725" t="s">
        <v>118</v>
      </c>
      <c r="E7725">
        <v>2017</v>
      </c>
      <c r="F7725">
        <v>2017</v>
      </c>
      <c r="G7725" t="s">
        <v>14</v>
      </c>
      <c r="H7725" t="s">
        <v>120</v>
      </c>
      <c r="I7725" t="s">
        <v>15</v>
      </c>
      <c r="J7725" s="10">
        <v>8.7937782749999993</v>
      </c>
    </row>
    <row r="7726" spans="1:10" x14ac:dyDescent="0.35">
      <c r="A7726" t="s">
        <v>28</v>
      </c>
      <c r="B7726" t="s">
        <v>49</v>
      </c>
      <c r="C7726" t="s">
        <v>117</v>
      </c>
      <c r="D7726" t="s">
        <v>118</v>
      </c>
      <c r="E7726">
        <v>2017</v>
      </c>
      <c r="F7726">
        <v>2017</v>
      </c>
      <c r="G7726" t="s">
        <v>14</v>
      </c>
      <c r="H7726" t="s">
        <v>121</v>
      </c>
      <c r="I7726" t="s">
        <v>15</v>
      </c>
      <c r="J7726" s="10">
        <v>29.607838149999999</v>
      </c>
    </row>
    <row r="7727" spans="1:10" x14ac:dyDescent="0.35">
      <c r="A7727" t="s">
        <v>28</v>
      </c>
      <c r="B7727" t="s">
        <v>49</v>
      </c>
      <c r="C7727" t="s">
        <v>117</v>
      </c>
      <c r="D7727" t="s">
        <v>118</v>
      </c>
      <c r="E7727">
        <v>2017</v>
      </c>
      <c r="F7727">
        <v>2017</v>
      </c>
      <c r="G7727" t="s">
        <v>14</v>
      </c>
      <c r="H7727" t="s">
        <v>122</v>
      </c>
      <c r="I7727" t="s">
        <v>15</v>
      </c>
      <c r="J7727" s="10">
        <v>22.2233518</v>
      </c>
    </row>
    <row r="7728" spans="1:10" x14ac:dyDescent="0.35">
      <c r="A7728" t="s">
        <v>28</v>
      </c>
      <c r="B7728" t="s">
        <v>49</v>
      </c>
      <c r="C7728" t="s">
        <v>117</v>
      </c>
      <c r="D7728" t="s">
        <v>118</v>
      </c>
      <c r="E7728">
        <v>2017</v>
      </c>
      <c r="F7728">
        <v>2017</v>
      </c>
      <c r="G7728" t="s">
        <v>14</v>
      </c>
      <c r="H7728" t="s">
        <v>123</v>
      </c>
      <c r="I7728" t="s">
        <v>15</v>
      </c>
      <c r="J7728" s="10">
        <v>18.348752099999999</v>
      </c>
    </row>
    <row r="7729" spans="1:10" x14ac:dyDescent="0.35">
      <c r="A7729" t="s">
        <v>28</v>
      </c>
      <c r="B7729" t="s">
        <v>49</v>
      </c>
      <c r="C7729" t="s">
        <v>117</v>
      </c>
      <c r="D7729" t="s">
        <v>118</v>
      </c>
      <c r="E7729">
        <v>2017</v>
      </c>
      <c r="F7729">
        <v>2017</v>
      </c>
      <c r="G7729" t="s">
        <v>14</v>
      </c>
      <c r="H7729" t="s">
        <v>124</v>
      </c>
      <c r="I7729" t="s">
        <v>15</v>
      </c>
      <c r="J7729" s="10">
        <v>2.404310476</v>
      </c>
    </row>
    <row r="7730" spans="1:10" x14ac:dyDescent="0.35">
      <c r="A7730" t="s">
        <v>28</v>
      </c>
      <c r="B7730" t="s">
        <v>49</v>
      </c>
      <c r="C7730" t="s">
        <v>117</v>
      </c>
      <c r="D7730" t="s">
        <v>118</v>
      </c>
      <c r="E7730">
        <v>2017</v>
      </c>
      <c r="F7730">
        <v>2017</v>
      </c>
      <c r="G7730" t="s">
        <v>125</v>
      </c>
      <c r="H7730" t="s">
        <v>119</v>
      </c>
      <c r="I7730" t="s">
        <v>15</v>
      </c>
      <c r="J7730" s="10">
        <v>19.746582020000002</v>
      </c>
    </row>
    <row r="7731" spans="1:10" x14ac:dyDescent="0.35">
      <c r="A7731" t="s">
        <v>28</v>
      </c>
      <c r="B7731" t="s">
        <v>49</v>
      </c>
      <c r="C7731" t="s">
        <v>117</v>
      </c>
      <c r="D7731" t="s">
        <v>118</v>
      </c>
      <c r="E7731">
        <v>2017</v>
      </c>
      <c r="F7731">
        <v>2017</v>
      </c>
      <c r="G7731" t="s">
        <v>125</v>
      </c>
      <c r="H7731" t="s">
        <v>120</v>
      </c>
      <c r="I7731" t="s">
        <v>15</v>
      </c>
      <c r="J7731" s="10">
        <v>9.3517030640000005</v>
      </c>
    </row>
    <row r="7732" spans="1:10" x14ac:dyDescent="0.35">
      <c r="A7732" t="s">
        <v>28</v>
      </c>
      <c r="B7732" t="s">
        <v>49</v>
      </c>
      <c r="C7732" t="s">
        <v>117</v>
      </c>
      <c r="D7732" t="s">
        <v>118</v>
      </c>
      <c r="E7732">
        <v>2017</v>
      </c>
      <c r="F7732">
        <v>2017</v>
      </c>
      <c r="G7732" t="s">
        <v>125</v>
      </c>
      <c r="H7732" t="s">
        <v>121</v>
      </c>
      <c r="I7732" t="s">
        <v>15</v>
      </c>
      <c r="J7732" s="10">
        <v>29.021890890000002</v>
      </c>
    </row>
    <row r="7733" spans="1:10" x14ac:dyDescent="0.35">
      <c r="A7733" t="s">
        <v>28</v>
      </c>
      <c r="B7733" t="s">
        <v>49</v>
      </c>
      <c r="C7733" t="s">
        <v>117</v>
      </c>
      <c r="D7733" t="s">
        <v>118</v>
      </c>
      <c r="E7733">
        <v>2017</v>
      </c>
      <c r="F7733">
        <v>2017</v>
      </c>
      <c r="G7733" t="s">
        <v>125</v>
      </c>
      <c r="H7733" t="s">
        <v>122</v>
      </c>
      <c r="I7733" t="s">
        <v>15</v>
      </c>
      <c r="J7733" s="10">
        <v>22.620584279999999</v>
      </c>
    </row>
    <row r="7734" spans="1:10" x14ac:dyDescent="0.35">
      <c r="A7734" t="s">
        <v>28</v>
      </c>
      <c r="B7734" t="s">
        <v>49</v>
      </c>
      <c r="C7734" t="s">
        <v>117</v>
      </c>
      <c r="D7734" t="s">
        <v>118</v>
      </c>
      <c r="E7734">
        <v>2017</v>
      </c>
      <c r="F7734">
        <v>2017</v>
      </c>
      <c r="G7734" t="s">
        <v>125</v>
      </c>
      <c r="H7734" t="s">
        <v>123</v>
      </c>
      <c r="I7734" t="s">
        <v>15</v>
      </c>
      <c r="J7734" s="10">
        <v>17.42314481</v>
      </c>
    </row>
    <row r="7735" spans="1:10" x14ac:dyDescent="0.35">
      <c r="A7735" t="s">
        <v>28</v>
      </c>
      <c r="B7735" t="s">
        <v>49</v>
      </c>
      <c r="C7735" t="s">
        <v>117</v>
      </c>
      <c r="D7735" t="s">
        <v>118</v>
      </c>
      <c r="E7735">
        <v>2017</v>
      </c>
      <c r="F7735">
        <v>2017</v>
      </c>
      <c r="G7735" t="s">
        <v>125</v>
      </c>
      <c r="H7735" t="s">
        <v>124</v>
      </c>
      <c r="I7735" t="s">
        <v>15</v>
      </c>
      <c r="J7735" s="10">
        <v>1.83609494</v>
      </c>
    </row>
    <row r="7736" spans="1:10" x14ac:dyDescent="0.35">
      <c r="A7736" t="s">
        <v>28</v>
      </c>
      <c r="B7736" t="s">
        <v>49</v>
      </c>
      <c r="C7736" t="s">
        <v>117</v>
      </c>
      <c r="D7736" t="s">
        <v>118</v>
      </c>
      <c r="E7736">
        <v>2017</v>
      </c>
      <c r="F7736">
        <v>2017</v>
      </c>
      <c r="G7736" t="s">
        <v>126</v>
      </c>
      <c r="H7736" t="s">
        <v>119</v>
      </c>
      <c r="I7736" t="s">
        <v>15</v>
      </c>
      <c r="J7736" s="10">
        <v>17.573838110000001</v>
      </c>
    </row>
    <row r="7737" spans="1:10" x14ac:dyDescent="0.35">
      <c r="A7737" t="s">
        <v>28</v>
      </c>
      <c r="B7737" t="s">
        <v>49</v>
      </c>
      <c r="C7737" t="s">
        <v>117</v>
      </c>
      <c r="D7737" t="s">
        <v>118</v>
      </c>
      <c r="E7737">
        <v>2017</v>
      </c>
      <c r="F7737">
        <v>2017</v>
      </c>
      <c r="G7737" t="s">
        <v>126</v>
      </c>
      <c r="H7737" t="s">
        <v>120</v>
      </c>
      <c r="I7737" t="s">
        <v>15</v>
      </c>
      <c r="J7737" s="10">
        <v>8.2737963709999995</v>
      </c>
    </row>
    <row r="7738" spans="1:10" x14ac:dyDescent="0.35">
      <c r="A7738" t="s">
        <v>28</v>
      </c>
      <c r="B7738" t="s">
        <v>49</v>
      </c>
      <c r="C7738" t="s">
        <v>117</v>
      </c>
      <c r="D7738" t="s">
        <v>118</v>
      </c>
      <c r="E7738">
        <v>2017</v>
      </c>
      <c r="F7738">
        <v>2017</v>
      </c>
      <c r="G7738" t="s">
        <v>126</v>
      </c>
      <c r="H7738" t="s">
        <v>121</v>
      </c>
      <c r="I7738" t="s">
        <v>15</v>
      </c>
      <c r="J7738" s="10">
        <v>30.1539368</v>
      </c>
    </row>
    <row r="7739" spans="1:10" x14ac:dyDescent="0.35">
      <c r="A7739" t="s">
        <v>28</v>
      </c>
      <c r="B7739" t="s">
        <v>49</v>
      </c>
      <c r="C7739" t="s">
        <v>117</v>
      </c>
      <c r="D7739" t="s">
        <v>118</v>
      </c>
      <c r="E7739">
        <v>2017</v>
      </c>
      <c r="F7739">
        <v>2017</v>
      </c>
      <c r="G7739" t="s">
        <v>126</v>
      </c>
      <c r="H7739" t="s">
        <v>122</v>
      </c>
      <c r="I7739" t="s">
        <v>15</v>
      </c>
      <c r="J7739" s="10">
        <v>21.853133979999999</v>
      </c>
    </row>
    <row r="7740" spans="1:10" x14ac:dyDescent="0.35">
      <c r="A7740" t="s">
        <v>28</v>
      </c>
      <c r="B7740" t="s">
        <v>49</v>
      </c>
      <c r="C7740" t="s">
        <v>117</v>
      </c>
      <c r="D7740" t="s">
        <v>118</v>
      </c>
      <c r="E7740">
        <v>2017</v>
      </c>
      <c r="F7740">
        <v>2017</v>
      </c>
      <c r="G7740" t="s">
        <v>126</v>
      </c>
      <c r="H7740" t="s">
        <v>123</v>
      </c>
      <c r="I7740" t="s">
        <v>15</v>
      </c>
      <c r="J7740" s="10">
        <v>19.211411460000001</v>
      </c>
    </row>
    <row r="7741" spans="1:10" x14ac:dyDescent="0.35">
      <c r="A7741" t="s">
        <v>28</v>
      </c>
      <c r="B7741" t="s">
        <v>49</v>
      </c>
      <c r="C7741" t="s">
        <v>117</v>
      </c>
      <c r="D7741" t="s">
        <v>118</v>
      </c>
      <c r="E7741">
        <v>2017</v>
      </c>
      <c r="F7741">
        <v>2017</v>
      </c>
      <c r="G7741" t="s">
        <v>126</v>
      </c>
      <c r="H7741" t="s">
        <v>124</v>
      </c>
      <c r="I7741" t="s">
        <v>15</v>
      </c>
      <c r="J7741" s="10">
        <v>2.9338832830000001</v>
      </c>
    </row>
    <row r="7742" spans="1:10" x14ac:dyDescent="0.35">
      <c r="A7742" t="s">
        <v>28</v>
      </c>
      <c r="B7742" t="s">
        <v>49</v>
      </c>
      <c r="C7742" t="s">
        <v>117</v>
      </c>
      <c r="D7742" t="s">
        <v>118</v>
      </c>
      <c r="E7742">
        <v>2016</v>
      </c>
      <c r="F7742">
        <v>2016</v>
      </c>
      <c r="G7742" t="s">
        <v>14</v>
      </c>
      <c r="H7742" t="s">
        <v>119</v>
      </c>
      <c r="I7742" t="s">
        <v>15</v>
      </c>
      <c r="J7742" s="10">
        <v>18.741911099999999</v>
      </c>
    </row>
    <row r="7743" spans="1:10" x14ac:dyDescent="0.35">
      <c r="A7743" t="s">
        <v>28</v>
      </c>
      <c r="B7743" t="s">
        <v>49</v>
      </c>
      <c r="C7743" t="s">
        <v>117</v>
      </c>
      <c r="D7743" t="s">
        <v>118</v>
      </c>
      <c r="E7743">
        <v>2016</v>
      </c>
      <c r="F7743">
        <v>2016</v>
      </c>
      <c r="G7743" t="s">
        <v>14</v>
      </c>
      <c r="H7743" t="s">
        <v>120</v>
      </c>
      <c r="I7743" t="s">
        <v>15</v>
      </c>
      <c r="J7743" s="10">
        <v>9.1197990749999995</v>
      </c>
    </row>
    <row r="7744" spans="1:10" x14ac:dyDescent="0.35">
      <c r="A7744" t="s">
        <v>28</v>
      </c>
      <c r="B7744" t="s">
        <v>49</v>
      </c>
      <c r="C7744" t="s">
        <v>117</v>
      </c>
      <c r="D7744" t="s">
        <v>118</v>
      </c>
      <c r="E7744">
        <v>2016</v>
      </c>
      <c r="F7744">
        <v>2016</v>
      </c>
      <c r="G7744" t="s">
        <v>14</v>
      </c>
      <c r="H7744" t="s">
        <v>121</v>
      </c>
      <c r="I7744" t="s">
        <v>15</v>
      </c>
      <c r="J7744" s="10">
        <v>29.923499790000001</v>
      </c>
    </row>
    <row r="7745" spans="1:10" x14ac:dyDescent="0.35">
      <c r="A7745" t="s">
        <v>28</v>
      </c>
      <c r="B7745" t="s">
        <v>49</v>
      </c>
      <c r="C7745" t="s">
        <v>117</v>
      </c>
      <c r="D7745" t="s">
        <v>118</v>
      </c>
      <c r="E7745">
        <v>2016</v>
      </c>
      <c r="F7745">
        <v>2016</v>
      </c>
      <c r="G7745" t="s">
        <v>14</v>
      </c>
      <c r="H7745" t="s">
        <v>122</v>
      </c>
      <c r="I7745" t="s">
        <v>15</v>
      </c>
      <c r="J7745" s="10">
        <v>21.795512500000001</v>
      </c>
    </row>
    <row r="7746" spans="1:10" x14ac:dyDescent="0.35">
      <c r="A7746" t="s">
        <v>28</v>
      </c>
      <c r="B7746" t="s">
        <v>49</v>
      </c>
      <c r="C7746" t="s">
        <v>117</v>
      </c>
      <c r="D7746" t="s">
        <v>118</v>
      </c>
      <c r="E7746">
        <v>2016</v>
      </c>
      <c r="F7746">
        <v>2016</v>
      </c>
      <c r="G7746" t="s">
        <v>14</v>
      </c>
      <c r="H7746" t="s">
        <v>123</v>
      </c>
      <c r="I7746" t="s">
        <v>15</v>
      </c>
      <c r="J7746" s="10">
        <v>18.039698099999999</v>
      </c>
    </row>
    <row r="7747" spans="1:10" x14ac:dyDescent="0.35">
      <c r="A7747" t="s">
        <v>28</v>
      </c>
      <c r="B7747" t="s">
        <v>49</v>
      </c>
      <c r="C7747" t="s">
        <v>117</v>
      </c>
      <c r="D7747" t="s">
        <v>118</v>
      </c>
      <c r="E7747">
        <v>2016</v>
      </c>
      <c r="F7747">
        <v>2016</v>
      </c>
      <c r="G7747" t="s">
        <v>14</v>
      </c>
      <c r="H7747" t="s">
        <v>124</v>
      </c>
      <c r="I7747" t="s">
        <v>15</v>
      </c>
      <c r="J7747" s="10">
        <v>2.3795794410000002</v>
      </c>
    </row>
    <row r="7748" spans="1:10" x14ac:dyDescent="0.35">
      <c r="A7748" t="s">
        <v>28</v>
      </c>
      <c r="B7748" t="s">
        <v>49</v>
      </c>
      <c r="C7748" t="s">
        <v>117</v>
      </c>
      <c r="D7748" t="s">
        <v>118</v>
      </c>
      <c r="E7748">
        <v>2016</v>
      </c>
      <c r="F7748">
        <v>2016</v>
      </c>
      <c r="G7748" t="s">
        <v>125</v>
      </c>
      <c r="H7748" t="s">
        <v>119</v>
      </c>
      <c r="I7748" t="s">
        <v>15</v>
      </c>
      <c r="J7748" s="10">
        <v>19.728504390000001</v>
      </c>
    </row>
    <row r="7749" spans="1:10" x14ac:dyDescent="0.35">
      <c r="A7749" t="s">
        <v>28</v>
      </c>
      <c r="B7749" t="s">
        <v>49</v>
      </c>
      <c r="C7749" t="s">
        <v>117</v>
      </c>
      <c r="D7749" t="s">
        <v>118</v>
      </c>
      <c r="E7749">
        <v>2016</v>
      </c>
      <c r="F7749">
        <v>2016</v>
      </c>
      <c r="G7749" t="s">
        <v>125</v>
      </c>
      <c r="H7749" t="s">
        <v>120</v>
      </c>
      <c r="I7749" t="s">
        <v>15</v>
      </c>
      <c r="J7749" s="10">
        <v>9.7568735580000006</v>
      </c>
    </row>
    <row r="7750" spans="1:10" x14ac:dyDescent="0.35">
      <c r="A7750" t="s">
        <v>28</v>
      </c>
      <c r="B7750" t="s">
        <v>49</v>
      </c>
      <c r="C7750" t="s">
        <v>117</v>
      </c>
      <c r="D7750" t="s">
        <v>118</v>
      </c>
      <c r="E7750">
        <v>2016</v>
      </c>
      <c r="F7750">
        <v>2016</v>
      </c>
      <c r="G7750" t="s">
        <v>125</v>
      </c>
      <c r="H7750" t="s">
        <v>121</v>
      </c>
      <c r="I7750" t="s">
        <v>15</v>
      </c>
      <c r="J7750" s="10">
        <v>29.352811729999999</v>
      </c>
    </row>
    <row r="7751" spans="1:10" x14ac:dyDescent="0.35">
      <c r="A7751" t="s">
        <v>28</v>
      </c>
      <c r="B7751" t="s">
        <v>49</v>
      </c>
      <c r="C7751" t="s">
        <v>117</v>
      </c>
      <c r="D7751" t="s">
        <v>118</v>
      </c>
      <c r="E7751">
        <v>2016</v>
      </c>
      <c r="F7751">
        <v>2016</v>
      </c>
      <c r="G7751" t="s">
        <v>125</v>
      </c>
      <c r="H7751" t="s">
        <v>122</v>
      </c>
      <c r="I7751" t="s">
        <v>15</v>
      </c>
      <c r="J7751" s="10">
        <v>22.215446620000002</v>
      </c>
    </row>
    <row r="7752" spans="1:10" x14ac:dyDescent="0.35">
      <c r="A7752" t="s">
        <v>28</v>
      </c>
      <c r="B7752" t="s">
        <v>49</v>
      </c>
      <c r="C7752" t="s">
        <v>117</v>
      </c>
      <c r="D7752" t="s">
        <v>118</v>
      </c>
      <c r="E7752">
        <v>2016</v>
      </c>
      <c r="F7752">
        <v>2016</v>
      </c>
      <c r="G7752" t="s">
        <v>125</v>
      </c>
      <c r="H7752" t="s">
        <v>123</v>
      </c>
      <c r="I7752" t="s">
        <v>15</v>
      </c>
      <c r="J7752" s="10">
        <v>17.127555210000001</v>
      </c>
    </row>
    <row r="7753" spans="1:10" x14ac:dyDescent="0.35">
      <c r="A7753" t="s">
        <v>28</v>
      </c>
      <c r="B7753" t="s">
        <v>49</v>
      </c>
      <c r="C7753" t="s">
        <v>117</v>
      </c>
      <c r="D7753" t="s">
        <v>118</v>
      </c>
      <c r="E7753">
        <v>2016</v>
      </c>
      <c r="F7753">
        <v>2016</v>
      </c>
      <c r="G7753" t="s">
        <v>125</v>
      </c>
      <c r="H7753" t="s">
        <v>124</v>
      </c>
      <c r="I7753" t="s">
        <v>15</v>
      </c>
      <c r="J7753" s="10">
        <v>1.8188084950000001</v>
      </c>
    </row>
    <row r="7754" spans="1:10" x14ac:dyDescent="0.35">
      <c r="A7754" t="s">
        <v>28</v>
      </c>
      <c r="B7754" t="s">
        <v>49</v>
      </c>
      <c r="C7754" t="s">
        <v>117</v>
      </c>
      <c r="D7754" t="s">
        <v>118</v>
      </c>
      <c r="E7754">
        <v>2016</v>
      </c>
      <c r="F7754">
        <v>2016</v>
      </c>
      <c r="G7754" t="s">
        <v>126</v>
      </c>
      <c r="H7754" t="s">
        <v>119</v>
      </c>
      <c r="I7754" t="s">
        <v>15</v>
      </c>
      <c r="J7754" s="10">
        <v>17.819056589999999</v>
      </c>
    </row>
    <row r="7755" spans="1:10" x14ac:dyDescent="0.35">
      <c r="A7755" t="s">
        <v>28</v>
      </c>
      <c r="B7755" t="s">
        <v>49</v>
      </c>
      <c r="C7755" t="s">
        <v>117</v>
      </c>
      <c r="D7755" t="s">
        <v>118</v>
      </c>
      <c r="E7755">
        <v>2016</v>
      </c>
      <c r="F7755">
        <v>2016</v>
      </c>
      <c r="G7755" t="s">
        <v>126</v>
      </c>
      <c r="H7755" t="s">
        <v>120</v>
      </c>
      <c r="I7755" t="s">
        <v>15</v>
      </c>
      <c r="J7755" s="10">
        <v>8.5238827439999998</v>
      </c>
    </row>
    <row r="7756" spans="1:10" x14ac:dyDescent="0.35">
      <c r="A7756" t="s">
        <v>28</v>
      </c>
      <c r="B7756" t="s">
        <v>49</v>
      </c>
      <c r="C7756" t="s">
        <v>117</v>
      </c>
      <c r="D7756" t="s">
        <v>118</v>
      </c>
      <c r="E7756">
        <v>2016</v>
      </c>
      <c r="F7756">
        <v>2016</v>
      </c>
      <c r="G7756" t="s">
        <v>126</v>
      </c>
      <c r="H7756" t="s">
        <v>121</v>
      </c>
      <c r="I7756" t="s">
        <v>15</v>
      </c>
      <c r="J7756" s="10">
        <v>30.45731859</v>
      </c>
    </row>
    <row r="7757" spans="1:10" x14ac:dyDescent="0.35">
      <c r="A7757" t="s">
        <v>28</v>
      </c>
      <c r="B7757" t="s">
        <v>49</v>
      </c>
      <c r="C7757" t="s">
        <v>117</v>
      </c>
      <c r="D7757" t="s">
        <v>118</v>
      </c>
      <c r="E7757">
        <v>2016</v>
      </c>
      <c r="F7757">
        <v>2016</v>
      </c>
      <c r="G7757" t="s">
        <v>126</v>
      </c>
      <c r="H7757" t="s">
        <v>122</v>
      </c>
      <c r="I7757" t="s">
        <v>15</v>
      </c>
      <c r="J7757" s="10">
        <v>21.402708199999999</v>
      </c>
    </row>
    <row r="7758" spans="1:10" x14ac:dyDescent="0.35">
      <c r="A7758" t="s">
        <v>28</v>
      </c>
      <c r="B7758" t="s">
        <v>49</v>
      </c>
      <c r="C7758" t="s">
        <v>117</v>
      </c>
      <c r="D7758" t="s">
        <v>118</v>
      </c>
      <c r="E7758">
        <v>2016</v>
      </c>
      <c r="F7758">
        <v>2016</v>
      </c>
      <c r="G7758" t="s">
        <v>126</v>
      </c>
      <c r="H7758" t="s">
        <v>123</v>
      </c>
      <c r="I7758" t="s">
        <v>15</v>
      </c>
      <c r="J7758" s="10">
        <v>18.89291206</v>
      </c>
    </row>
    <row r="7759" spans="1:10" x14ac:dyDescent="0.35">
      <c r="A7759" t="s">
        <v>28</v>
      </c>
      <c r="B7759" t="s">
        <v>49</v>
      </c>
      <c r="C7759" t="s">
        <v>117</v>
      </c>
      <c r="D7759" t="s">
        <v>118</v>
      </c>
      <c r="E7759">
        <v>2016</v>
      </c>
      <c r="F7759">
        <v>2016</v>
      </c>
      <c r="G7759" t="s">
        <v>126</v>
      </c>
      <c r="H7759" t="s">
        <v>124</v>
      </c>
      <c r="I7759" t="s">
        <v>15</v>
      </c>
      <c r="J7759" s="10">
        <v>2.9041218190000002</v>
      </c>
    </row>
    <row r="7760" spans="1:10" x14ac:dyDescent="0.35">
      <c r="A7760" t="s">
        <v>28</v>
      </c>
      <c r="B7760" t="s">
        <v>49</v>
      </c>
      <c r="C7760" t="s">
        <v>117</v>
      </c>
      <c r="D7760" t="s">
        <v>118</v>
      </c>
      <c r="E7760">
        <v>2015</v>
      </c>
      <c r="F7760">
        <v>2015</v>
      </c>
      <c r="G7760" t="s">
        <v>14</v>
      </c>
      <c r="H7760" t="s">
        <v>119</v>
      </c>
      <c r="I7760" t="s">
        <v>15</v>
      </c>
      <c r="J7760" s="10">
        <v>18.929998579999999</v>
      </c>
    </row>
    <row r="7761" spans="1:10" x14ac:dyDescent="0.35">
      <c r="A7761" t="s">
        <v>28</v>
      </c>
      <c r="B7761" t="s">
        <v>49</v>
      </c>
      <c r="C7761" t="s">
        <v>117</v>
      </c>
      <c r="D7761" t="s">
        <v>118</v>
      </c>
      <c r="E7761">
        <v>2015</v>
      </c>
      <c r="F7761">
        <v>2015</v>
      </c>
      <c r="G7761" t="s">
        <v>14</v>
      </c>
      <c r="H7761" t="s">
        <v>120</v>
      </c>
      <c r="I7761" t="s">
        <v>15</v>
      </c>
      <c r="J7761" s="10">
        <v>9.2361012319999993</v>
      </c>
    </row>
    <row r="7762" spans="1:10" x14ac:dyDescent="0.35">
      <c r="A7762" t="s">
        <v>28</v>
      </c>
      <c r="B7762" t="s">
        <v>49</v>
      </c>
      <c r="C7762" t="s">
        <v>117</v>
      </c>
      <c r="D7762" t="s">
        <v>118</v>
      </c>
      <c r="E7762">
        <v>2015</v>
      </c>
      <c r="F7762">
        <v>2015</v>
      </c>
      <c r="G7762" t="s">
        <v>14</v>
      </c>
      <c r="H7762" t="s">
        <v>121</v>
      </c>
      <c r="I7762" t="s">
        <v>15</v>
      </c>
      <c r="J7762" s="10">
        <v>30.12143236</v>
      </c>
    </row>
    <row r="7763" spans="1:10" x14ac:dyDescent="0.35">
      <c r="A7763" t="s">
        <v>28</v>
      </c>
      <c r="B7763" t="s">
        <v>49</v>
      </c>
      <c r="C7763" t="s">
        <v>117</v>
      </c>
      <c r="D7763" t="s">
        <v>118</v>
      </c>
      <c r="E7763">
        <v>2015</v>
      </c>
      <c r="F7763">
        <v>2015</v>
      </c>
      <c r="G7763" t="s">
        <v>14</v>
      </c>
      <c r="H7763" t="s">
        <v>122</v>
      </c>
      <c r="I7763" t="s">
        <v>15</v>
      </c>
      <c r="J7763" s="10">
        <v>21.57073209</v>
      </c>
    </row>
    <row r="7764" spans="1:10" x14ac:dyDescent="0.35">
      <c r="A7764" t="s">
        <v>28</v>
      </c>
      <c r="B7764" t="s">
        <v>49</v>
      </c>
      <c r="C7764" t="s">
        <v>117</v>
      </c>
      <c r="D7764" t="s">
        <v>118</v>
      </c>
      <c r="E7764">
        <v>2015</v>
      </c>
      <c r="F7764">
        <v>2015</v>
      </c>
      <c r="G7764" t="s">
        <v>14</v>
      </c>
      <c r="H7764" t="s">
        <v>123</v>
      </c>
      <c r="I7764" t="s">
        <v>15</v>
      </c>
      <c r="J7764" s="10">
        <v>17.80361323</v>
      </c>
    </row>
    <row r="7765" spans="1:10" x14ac:dyDescent="0.35">
      <c r="A7765" t="s">
        <v>28</v>
      </c>
      <c r="B7765" t="s">
        <v>49</v>
      </c>
      <c r="C7765" t="s">
        <v>117</v>
      </c>
      <c r="D7765" t="s">
        <v>118</v>
      </c>
      <c r="E7765">
        <v>2015</v>
      </c>
      <c r="F7765">
        <v>2015</v>
      </c>
      <c r="G7765" t="s">
        <v>14</v>
      </c>
      <c r="H7765" t="s">
        <v>124</v>
      </c>
      <c r="I7765" t="s">
        <v>15</v>
      </c>
      <c r="J7765" s="10">
        <v>2.3381225190000001</v>
      </c>
    </row>
    <row r="7766" spans="1:10" x14ac:dyDescent="0.35">
      <c r="A7766" t="s">
        <v>28</v>
      </c>
      <c r="B7766" t="s">
        <v>49</v>
      </c>
      <c r="C7766" t="s">
        <v>117</v>
      </c>
      <c r="D7766" t="s">
        <v>118</v>
      </c>
      <c r="E7766">
        <v>2015</v>
      </c>
      <c r="F7766">
        <v>2015</v>
      </c>
      <c r="G7766" t="s">
        <v>125</v>
      </c>
      <c r="H7766" t="s">
        <v>119</v>
      </c>
      <c r="I7766" t="s">
        <v>15</v>
      </c>
      <c r="J7766" s="10">
        <v>19.783691170000001</v>
      </c>
    </row>
    <row r="7767" spans="1:10" x14ac:dyDescent="0.35">
      <c r="A7767" t="s">
        <v>28</v>
      </c>
      <c r="B7767" t="s">
        <v>49</v>
      </c>
      <c r="C7767" t="s">
        <v>117</v>
      </c>
      <c r="D7767" t="s">
        <v>118</v>
      </c>
      <c r="E7767">
        <v>2015</v>
      </c>
      <c r="F7767">
        <v>2015</v>
      </c>
      <c r="G7767" t="s">
        <v>125</v>
      </c>
      <c r="H7767" t="s">
        <v>120</v>
      </c>
      <c r="I7767" t="s">
        <v>15</v>
      </c>
      <c r="J7767" s="10">
        <v>9.8704288699999996</v>
      </c>
    </row>
    <row r="7768" spans="1:10" x14ac:dyDescent="0.35">
      <c r="A7768" t="s">
        <v>28</v>
      </c>
      <c r="B7768" t="s">
        <v>49</v>
      </c>
      <c r="C7768" t="s">
        <v>117</v>
      </c>
      <c r="D7768" t="s">
        <v>118</v>
      </c>
      <c r="E7768">
        <v>2015</v>
      </c>
      <c r="F7768">
        <v>2015</v>
      </c>
      <c r="G7768" t="s">
        <v>125</v>
      </c>
      <c r="H7768" t="s">
        <v>121</v>
      </c>
      <c r="I7768" t="s">
        <v>15</v>
      </c>
      <c r="J7768" s="10">
        <v>29.6889222</v>
      </c>
    </row>
    <row r="7769" spans="1:10" x14ac:dyDescent="0.35">
      <c r="A7769" t="s">
        <v>28</v>
      </c>
      <c r="B7769" t="s">
        <v>49</v>
      </c>
      <c r="C7769" t="s">
        <v>117</v>
      </c>
      <c r="D7769" t="s">
        <v>118</v>
      </c>
      <c r="E7769">
        <v>2015</v>
      </c>
      <c r="F7769">
        <v>2015</v>
      </c>
      <c r="G7769" t="s">
        <v>125</v>
      </c>
      <c r="H7769" t="s">
        <v>122</v>
      </c>
      <c r="I7769" t="s">
        <v>15</v>
      </c>
      <c r="J7769" s="10">
        <v>21.88788349</v>
      </c>
    </row>
    <row r="7770" spans="1:10" x14ac:dyDescent="0.35">
      <c r="A7770" t="s">
        <v>28</v>
      </c>
      <c r="B7770" t="s">
        <v>49</v>
      </c>
      <c r="C7770" t="s">
        <v>117</v>
      </c>
      <c r="D7770" t="s">
        <v>118</v>
      </c>
      <c r="E7770">
        <v>2015</v>
      </c>
      <c r="F7770">
        <v>2015</v>
      </c>
      <c r="G7770" t="s">
        <v>125</v>
      </c>
      <c r="H7770" t="s">
        <v>123</v>
      </c>
      <c r="I7770" t="s">
        <v>15</v>
      </c>
      <c r="J7770" s="10">
        <v>17.015580660000001</v>
      </c>
    </row>
    <row r="7771" spans="1:10" x14ac:dyDescent="0.35">
      <c r="A7771" t="s">
        <v>28</v>
      </c>
      <c r="B7771" t="s">
        <v>49</v>
      </c>
      <c r="C7771" t="s">
        <v>117</v>
      </c>
      <c r="D7771" t="s">
        <v>118</v>
      </c>
      <c r="E7771">
        <v>2015</v>
      </c>
      <c r="F7771">
        <v>2015</v>
      </c>
      <c r="G7771" t="s">
        <v>125</v>
      </c>
      <c r="H7771" t="s">
        <v>124</v>
      </c>
      <c r="I7771" t="s">
        <v>15</v>
      </c>
      <c r="J7771" s="10">
        <v>1.753493602</v>
      </c>
    </row>
    <row r="7772" spans="1:10" x14ac:dyDescent="0.35">
      <c r="A7772" t="s">
        <v>28</v>
      </c>
      <c r="B7772" t="s">
        <v>49</v>
      </c>
      <c r="C7772" t="s">
        <v>117</v>
      </c>
      <c r="D7772" t="s">
        <v>118</v>
      </c>
      <c r="E7772">
        <v>2015</v>
      </c>
      <c r="F7772">
        <v>2015</v>
      </c>
      <c r="G7772" t="s">
        <v>126</v>
      </c>
      <c r="H7772" t="s">
        <v>119</v>
      </c>
      <c r="I7772" t="s">
        <v>15</v>
      </c>
      <c r="J7772" s="10">
        <v>18.132239259999999</v>
      </c>
    </row>
    <row r="7773" spans="1:10" x14ac:dyDescent="0.35">
      <c r="A7773" t="s">
        <v>28</v>
      </c>
      <c r="B7773" t="s">
        <v>49</v>
      </c>
      <c r="C7773" t="s">
        <v>117</v>
      </c>
      <c r="D7773" t="s">
        <v>118</v>
      </c>
      <c r="E7773">
        <v>2015</v>
      </c>
      <c r="F7773">
        <v>2015</v>
      </c>
      <c r="G7773" t="s">
        <v>126</v>
      </c>
      <c r="H7773" t="s">
        <v>120</v>
      </c>
      <c r="I7773" t="s">
        <v>15</v>
      </c>
      <c r="J7773" s="10">
        <v>8.6433342510000006</v>
      </c>
    </row>
    <row r="7774" spans="1:10" x14ac:dyDescent="0.35">
      <c r="A7774" t="s">
        <v>28</v>
      </c>
      <c r="B7774" t="s">
        <v>49</v>
      </c>
      <c r="C7774" t="s">
        <v>117</v>
      </c>
      <c r="D7774" t="s">
        <v>118</v>
      </c>
      <c r="E7774">
        <v>2015</v>
      </c>
      <c r="F7774">
        <v>2015</v>
      </c>
      <c r="G7774" t="s">
        <v>126</v>
      </c>
      <c r="H7774" t="s">
        <v>121</v>
      </c>
      <c r="I7774" t="s">
        <v>15</v>
      </c>
      <c r="J7774" s="10">
        <v>30.525604779999998</v>
      </c>
    </row>
    <row r="7775" spans="1:10" x14ac:dyDescent="0.35">
      <c r="A7775" t="s">
        <v>28</v>
      </c>
      <c r="B7775" t="s">
        <v>49</v>
      </c>
      <c r="C7775" t="s">
        <v>117</v>
      </c>
      <c r="D7775" t="s">
        <v>118</v>
      </c>
      <c r="E7775">
        <v>2015</v>
      </c>
      <c r="F7775">
        <v>2015</v>
      </c>
      <c r="G7775" t="s">
        <v>126</v>
      </c>
      <c r="H7775" t="s">
        <v>122</v>
      </c>
      <c r="I7775" t="s">
        <v>15</v>
      </c>
      <c r="J7775" s="10">
        <v>21.274360189999999</v>
      </c>
    </row>
    <row r="7776" spans="1:10" x14ac:dyDescent="0.35">
      <c r="A7776" t="s">
        <v>28</v>
      </c>
      <c r="B7776" t="s">
        <v>49</v>
      </c>
      <c r="C7776" t="s">
        <v>117</v>
      </c>
      <c r="D7776" t="s">
        <v>118</v>
      </c>
      <c r="E7776">
        <v>2015</v>
      </c>
      <c r="F7776">
        <v>2015</v>
      </c>
      <c r="G7776" t="s">
        <v>126</v>
      </c>
      <c r="H7776" t="s">
        <v>123</v>
      </c>
      <c r="I7776" t="s">
        <v>15</v>
      </c>
      <c r="J7776" s="10">
        <v>18.540014509999999</v>
      </c>
    </row>
    <row r="7777" spans="1:10" x14ac:dyDescent="0.35">
      <c r="A7777" t="s">
        <v>28</v>
      </c>
      <c r="B7777" t="s">
        <v>49</v>
      </c>
      <c r="C7777" t="s">
        <v>117</v>
      </c>
      <c r="D7777" t="s">
        <v>118</v>
      </c>
      <c r="E7777">
        <v>2015</v>
      </c>
      <c r="F7777">
        <v>2015</v>
      </c>
      <c r="G7777" t="s">
        <v>126</v>
      </c>
      <c r="H7777" t="s">
        <v>124</v>
      </c>
      <c r="I7777" t="s">
        <v>15</v>
      </c>
      <c r="J7777" s="10">
        <v>2.8844470019999999</v>
      </c>
    </row>
    <row r="7778" spans="1:10" x14ac:dyDescent="0.35">
      <c r="A7778" t="s">
        <v>28</v>
      </c>
      <c r="B7778" t="s">
        <v>49</v>
      </c>
      <c r="C7778" t="s">
        <v>117</v>
      </c>
      <c r="D7778" t="s">
        <v>118</v>
      </c>
      <c r="E7778">
        <v>2014</v>
      </c>
      <c r="F7778">
        <v>2014</v>
      </c>
      <c r="G7778" t="s">
        <v>14</v>
      </c>
      <c r="H7778" t="s">
        <v>119</v>
      </c>
      <c r="I7778" t="s">
        <v>15</v>
      </c>
      <c r="J7778" s="10">
        <v>19.037929779999999</v>
      </c>
    </row>
    <row r="7779" spans="1:10" x14ac:dyDescent="0.35">
      <c r="A7779" t="s">
        <v>28</v>
      </c>
      <c r="B7779" t="s">
        <v>49</v>
      </c>
      <c r="C7779" t="s">
        <v>117</v>
      </c>
      <c r="D7779" t="s">
        <v>118</v>
      </c>
      <c r="E7779">
        <v>2014</v>
      </c>
      <c r="F7779">
        <v>2014</v>
      </c>
      <c r="G7779" t="s">
        <v>14</v>
      </c>
      <c r="H7779" t="s">
        <v>120</v>
      </c>
      <c r="I7779" t="s">
        <v>15</v>
      </c>
      <c r="J7779" s="10">
        <v>9.2241874050000003</v>
      </c>
    </row>
    <row r="7780" spans="1:10" x14ac:dyDescent="0.35">
      <c r="A7780" t="s">
        <v>28</v>
      </c>
      <c r="B7780" t="s">
        <v>49</v>
      </c>
      <c r="C7780" t="s">
        <v>117</v>
      </c>
      <c r="D7780" t="s">
        <v>118</v>
      </c>
      <c r="E7780">
        <v>2014</v>
      </c>
      <c r="F7780">
        <v>2014</v>
      </c>
      <c r="G7780" t="s">
        <v>14</v>
      </c>
      <c r="H7780" t="s">
        <v>121</v>
      </c>
      <c r="I7780" t="s">
        <v>15</v>
      </c>
      <c r="J7780" s="10">
        <v>30.723378719999999</v>
      </c>
    </row>
    <row r="7781" spans="1:10" x14ac:dyDescent="0.35">
      <c r="A7781" t="s">
        <v>28</v>
      </c>
      <c r="B7781" t="s">
        <v>49</v>
      </c>
      <c r="C7781" t="s">
        <v>117</v>
      </c>
      <c r="D7781" t="s">
        <v>118</v>
      </c>
      <c r="E7781">
        <v>2014</v>
      </c>
      <c r="F7781">
        <v>2014</v>
      </c>
      <c r="G7781" t="s">
        <v>14</v>
      </c>
      <c r="H7781" t="s">
        <v>122</v>
      </c>
      <c r="I7781" t="s">
        <v>15</v>
      </c>
      <c r="J7781" s="10">
        <v>21.170501380000001</v>
      </c>
    </row>
    <row r="7782" spans="1:10" x14ac:dyDescent="0.35">
      <c r="A7782" t="s">
        <v>28</v>
      </c>
      <c r="B7782" t="s">
        <v>49</v>
      </c>
      <c r="C7782" t="s">
        <v>117</v>
      </c>
      <c r="D7782" t="s">
        <v>118</v>
      </c>
      <c r="E7782">
        <v>2014</v>
      </c>
      <c r="F7782">
        <v>2014</v>
      </c>
      <c r="G7782" t="s">
        <v>14</v>
      </c>
      <c r="H7782" t="s">
        <v>123</v>
      </c>
      <c r="I7782" t="s">
        <v>15</v>
      </c>
      <c r="J7782" s="10">
        <v>17.49752178</v>
      </c>
    </row>
    <row r="7783" spans="1:10" x14ac:dyDescent="0.35">
      <c r="A7783" t="s">
        <v>28</v>
      </c>
      <c r="B7783" t="s">
        <v>49</v>
      </c>
      <c r="C7783" t="s">
        <v>117</v>
      </c>
      <c r="D7783" t="s">
        <v>118</v>
      </c>
      <c r="E7783">
        <v>2014</v>
      </c>
      <c r="F7783">
        <v>2014</v>
      </c>
      <c r="G7783" t="s">
        <v>14</v>
      </c>
      <c r="H7783" t="s">
        <v>124</v>
      </c>
      <c r="I7783" t="s">
        <v>15</v>
      </c>
      <c r="J7783" s="10">
        <v>2.3464809309999999</v>
      </c>
    </row>
    <row r="7784" spans="1:10" x14ac:dyDescent="0.35">
      <c r="A7784" t="s">
        <v>28</v>
      </c>
      <c r="B7784" t="s">
        <v>49</v>
      </c>
      <c r="C7784" t="s">
        <v>117</v>
      </c>
      <c r="D7784" t="s">
        <v>118</v>
      </c>
      <c r="E7784">
        <v>2014</v>
      </c>
      <c r="F7784">
        <v>2014</v>
      </c>
      <c r="G7784" t="s">
        <v>125</v>
      </c>
      <c r="H7784" t="s">
        <v>119</v>
      </c>
      <c r="I7784" t="s">
        <v>15</v>
      </c>
      <c r="J7784" s="10">
        <v>19.844915159999999</v>
      </c>
    </row>
    <row r="7785" spans="1:10" x14ac:dyDescent="0.35">
      <c r="A7785" t="s">
        <v>28</v>
      </c>
      <c r="B7785" t="s">
        <v>49</v>
      </c>
      <c r="C7785" t="s">
        <v>117</v>
      </c>
      <c r="D7785" t="s">
        <v>118</v>
      </c>
      <c r="E7785">
        <v>2014</v>
      </c>
      <c r="F7785">
        <v>2014</v>
      </c>
      <c r="G7785" t="s">
        <v>125</v>
      </c>
      <c r="H7785" t="s">
        <v>120</v>
      </c>
      <c r="I7785" t="s">
        <v>15</v>
      </c>
      <c r="J7785" s="10">
        <v>9.7644007350000006</v>
      </c>
    </row>
    <row r="7786" spans="1:10" x14ac:dyDescent="0.35">
      <c r="A7786" t="s">
        <v>28</v>
      </c>
      <c r="B7786" t="s">
        <v>49</v>
      </c>
      <c r="C7786" t="s">
        <v>117</v>
      </c>
      <c r="D7786" t="s">
        <v>118</v>
      </c>
      <c r="E7786">
        <v>2014</v>
      </c>
      <c r="F7786">
        <v>2014</v>
      </c>
      <c r="G7786" t="s">
        <v>125</v>
      </c>
      <c r="H7786" t="s">
        <v>121</v>
      </c>
      <c r="I7786" t="s">
        <v>15</v>
      </c>
      <c r="J7786" s="10">
        <v>30.460391220000002</v>
      </c>
    </row>
    <row r="7787" spans="1:10" x14ac:dyDescent="0.35">
      <c r="A7787" t="s">
        <v>28</v>
      </c>
      <c r="B7787" t="s">
        <v>49</v>
      </c>
      <c r="C7787" t="s">
        <v>117</v>
      </c>
      <c r="D7787" t="s">
        <v>118</v>
      </c>
      <c r="E7787">
        <v>2014</v>
      </c>
      <c r="F7787">
        <v>2014</v>
      </c>
      <c r="G7787" t="s">
        <v>125</v>
      </c>
      <c r="H7787" t="s">
        <v>122</v>
      </c>
      <c r="I7787" t="s">
        <v>15</v>
      </c>
      <c r="J7787" s="10">
        <v>21.441694590000001</v>
      </c>
    </row>
    <row r="7788" spans="1:10" x14ac:dyDescent="0.35">
      <c r="A7788" t="s">
        <v>28</v>
      </c>
      <c r="B7788" t="s">
        <v>49</v>
      </c>
      <c r="C7788" t="s">
        <v>117</v>
      </c>
      <c r="D7788" t="s">
        <v>118</v>
      </c>
      <c r="E7788">
        <v>2014</v>
      </c>
      <c r="F7788">
        <v>2014</v>
      </c>
      <c r="G7788" t="s">
        <v>125</v>
      </c>
      <c r="H7788" t="s">
        <v>123</v>
      </c>
      <c r="I7788" t="s">
        <v>15</v>
      </c>
      <c r="J7788" s="10">
        <v>16.659461799999999</v>
      </c>
    </row>
    <row r="7789" spans="1:10" x14ac:dyDescent="0.35">
      <c r="A7789" t="s">
        <v>28</v>
      </c>
      <c r="B7789" t="s">
        <v>49</v>
      </c>
      <c r="C7789" t="s">
        <v>117</v>
      </c>
      <c r="D7789" t="s">
        <v>118</v>
      </c>
      <c r="E7789">
        <v>2014</v>
      </c>
      <c r="F7789">
        <v>2014</v>
      </c>
      <c r="G7789" t="s">
        <v>125</v>
      </c>
      <c r="H7789" t="s">
        <v>124</v>
      </c>
      <c r="I7789" t="s">
        <v>15</v>
      </c>
      <c r="J7789" s="10">
        <v>1.8291364960000001</v>
      </c>
    </row>
    <row r="7790" spans="1:10" x14ac:dyDescent="0.35">
      <c r="A7790" t="s">
        <v>28</v>
      </c>
      <c r="B7790" t="s">
        <v>49</v>
      </c>
      <c r="C7790" t="s">
        <v>117</v>
      </c>
      <c r="D7790" t="s">
        <v>118</v>
      </c>
      <c r="E7790">
        <v>2014</v>
      </c>
      <c r="F7790">
        <v>2014</v>
      </c>
      <c r="G7790" t="s">
        <v>126</v>
      </c>
      <c r="H7790" t="s">
        <v>119</v>
      </c>
      <c r="I7790" t="s">
        <v>15</v>
      </c>
      <c r="J7790" s="10">
        <v>18.284748839999999</v>
      </c>
    </row>
    <row r="7791" spans="1:10" x14ac:dyDescent="0.35">
      <c r="A7791" t="s">
        <v>28</v>
      </c>
      <c r="B7791" t="s">
        <v>49</v>
      </c>
      <c r="C7791" t="s">
        <v>117</v>
      </c>
      <c r="D7791" t="s">
        <v>118</v>
      </c>
      <c r="E7791">
        <v>2014</v>
      </c>
      <c r="F7791">
        <v>2014</v>
      </c>
      <c r="G7791" t="s">
        <v>126</v>
      </c>
      <c r="H7791" t="s">
        <v>120</v>
      </c>
      <c r="I7791" t="s">
        <v>15</v>
      </c>
      <c r="J7791" s="10">
        <v>8.7199919309999991</v>
      </c>
    </row>
    <row r="7792" spans="1:10" x14ac:dyDescent="0.35">
      <c r="A7792" t="s">
        <v>28</v>
      </c>
      <c r="B7792" t="s">
        <v>49</v>
      </c>
      <c r="C7792" t="s">
        <v>117</v>
      </c>
      <c r="D7792" t="s">
        <v>118</v>
      </c>
      <c r="E7792">
        <v>2014</v>
      </c>
      <c r="F7792">
        <v>2014</v>
      </c>
      <c r="G7792" t="s">
        <v>126</v>
      </c>
      <c r="H7792" t="s">
        <v>121</v>
      </c>
      <c r="I7792" t="s">
        <v>15</v>
      </c>
      <c r="J7792" s="10">
        <v>30.968831949999998</v>
      </c>
    </row>
    <row r="7793" spans="1:10" x14ac:dyDescent="0.35">
      <c r="A7793" t="s">
        <v>28</v>
      </c>
      <c r="B7793" t="s">
        <v>49</v>
      </c>
      <c r="C7793" t="s">
        <v>117</v>
      </c>
      <c r="D7793" t="s">
        <v>118</v>
      </c>
      <c r="E7793">
        <v>2014</v>
      </c>
      <c r="F7793">
        <v>2014</v>
      </c>
      <c r="G7793" t="s">
        <v>126</v>
      </c>
      <c r="H7793" t="s">
        <v>122</v>
      </c>
      <c r="I7793" t="s">
        <v>15</v>
      </c>
      <c r="J7793" s="10">
        <v>20.917389549999999</v>
      </c>
    </row>
    <row r="7794" spans="1:10" x14ac:dyDescent="0.35">
      <c r="A7794" t="s">
        <v>28</v>
      </c>
      <c r="B7794" t="s">
        <v>49</v>
      </c>
      <c r="C7794" t="s">
        <v>117</v>
      </c>
      <c r="D7794" t="s">
        <v>118</v>
      </c>
      <c r="E7794">
        <v>2014</v>
      </c>
      <c r="F7794">
        <v>2014</v>
      </c>
      <c r="G7794" t="s">
        <v>126</v>
      </c>
      <c r="H7794" t="s">
        <v>123</v>
      </c>
      <c r="I7794" t="s">
        <v>15</v>
      </c>
      <c r="J7794" s="10">
        <v>18.27970547</v>
      </c>
    </row>
    <row r="7795" spans="1:10" x14ac:dyDescent="0.35">
      <c r="A7795" t="s">
        <v>28</v>
      </c>
      <c r="B7795" t="s">
        <v>49</v>
      </c>
      <c r="C7795" t="s">
        <v>117</v>
      </c>
      <c r="D7795" t="s">
        <v>118</v>
      </c>
      <c r="E7795">
        <v>2014</v>
      </c>
      <c r="F7795">
        <v>2014</v>
      </c>
      <c r="G7795" t="s">
        <v>126</v>
      </c>
      <c r="H7795" t="s">
        <v>124</v>
      </c>
      <c r="I7795" t="s">
        <v>15</v>
      </c>
      <c r="J7795" s="10">
        <v>2.8293322569999999</v>
      </c>
    </row>
    <row r="7796" spans="1:10" x14ac:dyDescent="0.35">
      <c r="A7796" t="s">
        <v>28</v>
      </c>
      <c r="B7796" t="s">
        <v>49</v>
      </c>
      <c r="C7796" t="s">
        <v>117</v>
      </c>
      <c r="D7796" t="s">
        <v>118</v>
      </c>
      <c r="E7796">
        <v>2013</v>
      </c>
      <c r="F7796">
        <v>2013</v>
      </c>
      <c r="G7796" t="s">
        <v>14</v>
      </c>
      <c r="H7796" t="s">
        <v>119</v>
      </c>
      <c r="I7796" t="s">
        <v>15</v>
      </c>
      <c r="J7796" s="10">
        <v>19.074992439999999</v>
      </c>
    </row>
    <row r="7797" spans="1:10" x14ac:dyDescent="0.35">
      <c r="A7797" t="s">
        <v>28</v>
      </c>
      <c r="B7797" t="s">
        <v>49</v>
      </c>
      <c r="C7797" t="s">
        <v>117</v>
      </c>
      <c r="D7797" t="s">
        <v>118</v>
      </c>
      <c r="E7797">
        <v>2013</v>
      </c>
      <c r="F7797">
        <v>2013</v>
      </c>
      <c r="G7797" t="s">
        <v>14</v>
      </c>
      <c r="H7797" t="s">
        <v>120</v>
      </c>
      <c r="I7797" t="s">
        <v>15</v>
      </c>
      <c r="J7797" s="10">
        <v>9.2408676550000006</v>
      </c>
    </row>
    <row r="7798" spans="1:10" x14ac:dyDescent="0.35">
      <c r="A7798" t="s">
        <v>28</v>
      </c>
      <c r="B7798" t="s">
        <v>49</v>
      </c>
      <c r="C7798" t="s">
        <v>117</v>
      </c>
      <c r="D7798" t="s">
        <v>118</v>
      </c>
      <c r="E7798">
        <v>2013</v>
      </c>
      <c r="F7798">
        <v>2013</v>
      </c>
      <c r="G7798" t="s">
        <v>14</v>
      </c>
      <c r="H7798" t="s">
        <v>121</v>
      </c>
      <c r="I7798" t="s">
        <v>15</v>
      </c>
      <c r="J7798" s="10">
        <v>31.232159530000001</v>
      </c>
    </row>
    <row r="7799" spans="1:10" x14ac:dyDescent="0.35">
      <c r="A7799" t="s">
        <v>28</v>
      </c>
      <c r="B7799" t="s">
        <v>49</v>
      </c>
      <c r="C7799" t="s">
        <v>117</v>
      </c>
      <c r="D7799" t="s">
        <v>118</v>
      </c>
      <c r="E7799">
        <v>2013</v>
      </c>
      <c r="F7799">
        <v>2013</v>
      </c>
      <c r="G7799" t="s">
        <v>14</v>
      </c>
      <c r="H7799" t="s">
        <v>122</v>
      </c>
      <c r="I7799" t="s">
        <v>15</v>
      </c>
      <c r="J7799" s="10">
        <v>20.870548930000002</v>
      </c>
    </row>
    <row r="7800" spans="1:10" x14ac:dyDescent="0.35">
      <c r="A7800" t="s">
        <v>28</v>
      </c>
      <c r="B7800" t="s">
        <v>49</v>
      </c>
      <c r="C7800" t="s">
        <v>117</v>
      </c>
      <c r="D7800" t="s">
        <v>118</v>
      </c>
      <c r="E7800">
        <v>2013</v>
      </c>
      <c r="F7800">
        <v>2013</v>
      </c>
      <c r="G7800" t="s">
        <v>14</v>
      </c>
      <c r="H7800" t="s">
        <v>123</v>
      </c>
      <c r="I7800" t="s">
        <v>15</v>
      </c>
      <c r="J7800" s="10">
        <v>17.284697649999998</v>
      </c>
    </row>
    <row r="7801" spans="1:10" x14ac:dyDescent="0.35">
      <c r="A7801" t="s">
        <v>28</v>
      </c>
      <c r="B7801" t="s">
        <v>49</v>
      </c>
      <c r="C7801" t="s">
        <v>117</v>
      </c>
      <c r="D7801" t="s">
        <v>118</v>
      </c>
      <c r="E7801">
        <v>2013</v>
      </c>
      <c r="F7801">
        <v>2013</v>
      </c>
      <c r="G7801" t="s">
        <v>14</v>
      </c>
      <c r="H7801" t="s">
        <v>124</v>
      </c>
      <c r="I7801" t="s">
        <v>15</v>
      </c>
      <c r="J7801" s="10">
        <v>2.2967337969999999</v>
      </c>
    </row>
    <row r="7802" spans="1:10" x14ac:dyDescent="0.35">
      <c r="A7802" t="s">
        <v>28</v>
      </c>
      <c r="B7802" t="s">
        <v>49</v>
      </c>
      <c r="C7802" t="s">
        <v>117</v>
      </c>
      <c r="D7802" t="s">
        <v>118</v>
      </c>
      <c r="E7802">
        <v>2013</v>
      </c>
      <c r="F7802">
        <v>2013</v>
      </c>
      <c r="G7802" t="s">
        <v>125</v>
      </c>
      <c r="H7802" t="s">
        <v>119</v>
      </c>
      <c r="I7802" t="s">
        <v>15</v>
      </c>
      <c r="J7802" s="10">
        <v>19.808419730000001</v>
      </c>
    </row>
    <row r="7803" spans="1:10" x14ac:dyDescent="0.35">
      <c r="A7803" t="s">
        <v>28</v>
      </c>
      <c r="B7803" t="s">
        <v>49</v>
      </c>
      <c r="C7803" t="s">
        <v>117</v>
      </c>
      <c r="D7803" t="s">
        <v>118</v>
      </c>
      <c r="E7803">
        <v>2013</v>
      </c>
      <c r="F7803">
        <v>2013</v>
      </c>
      <c r="G7803" t="s">
        <v>125</v>
      </c>
      <c r="H7803" t="s">
        <v>120</v>
      </c>
      <c r="I7803" t="s">
        <v>15</v>
      </c>
      <c r="J7803" s="10">
        <v>9.7531771299999992</v>
      </c>
    </row>
    <row r="7804" spans="1:10" x14ac:dyDescent="0.35">
      <c r="A7804" t="s">
        <v>28</v>
      </c>
      <c r="B7804" t="s">
        <v>49</v>
      </c>
      <c r="C7804" t="s">
        <v>117</v>
      </c>
      <c r="D7804" t="s">
        <v>118</v>
      </c>
      <c r="E7804">
        <v>2013</v>
      </c>
      <c r="F7804">
        <v>2013</v>
      </c>
      <c r="G7804" t="s">
        <v>125</v>
      </c>
      <c r="H7804" t="s">
        <v>121</v>
      </c>
      <c r="I7804" t="s">
        <v>15</v>
      </c>
      <c r="J7804" s="10">
        <v>31.107301280000001</v>
      </c>
    </row>
    <row r="7805" spans="1:10" x14ac:dyDescent="0.35">
      <c r="A7805" t="s">
        <v>28</v>
      </c>
      <c r="B7805" t="s">
        <v>49</v>
      </c>
      <c r="C7805" t="s">
        <v>117</v>
      </c>
      <c r="D7805" t="s">
        <v>118</v>
      </c>
      <c r="E7805">
        <v>2013</v>
      </c>
      <c r="F7805">
        <v>2013</v>
      </c>
      <c r="G7805" t="s">
        <v>125</v>
      </c>
      <c r="H7805" t="s">
        <v>122</v>
      </c>
      <c r="I7805" t="s">
        <v>15</v>
      </c>
      <c r="J7805" s="10">
        <v>21.068386530000001</v>
      </c>
    </row>
    <row r="7806" spans="1:10" x14ac:dyDescent="0.35">
      <c r="A7806" t="s">
        <v>28</v>
      </c>
      <c r="B7806" t="s">
        <v>49</v>
      </c>
      <c r="C7806" t="s">
        <v>117</v>
      </c>
      <c r="D7806" t="s">
        <v>118</v>
      </c>
      <c r="E7806">
        <v>2013</v>
      </c>
      <c r="F7806">
        <v>2013</v>
      </c>
      <c r="G7806" t="s">
        <v>125</v>
      </c>
      <c r="H7806" t="s">
        <v>123</v>
      </c>
      <c r="I7806" t="s">
        <v>15</v>
      </c>
      <c r="J7806" s="10">
        <v>16.540125719999999</v>
      </c>
    </row>
    <row r="7807" spans="1:10" x14ac:dyDescent="0.35">
      <c r="A7807" t="s">
        <v>28</v>
      </c>
      <c r="B7807" t="s">
        <v>49</v>
      </c>
      <c r="C7807" t="s">
        <v>117</v>
      </c>
      <c r="D7807" t="s">
        <v>118</v>
      </c>
      <c r="E7807">
        <v>2013</v>
      </c>
      <c r="F7807">
        <v>2013</v>
      </c>
      <c r="G7807" t="s">
        <v>125</v>
      </c>
      <c r="H7807" t="s">
        <v>124</v>
      </c>
      <c r="I7807" t="s">
        <v>15</v>
      </c>
      <c r="J7807" s="10">
        <v>1.722589599</v>
      </c>
    </row>
    <row r="7808" spans="1:10" x14ac:dyDescent="0.35">
      <c r="A7808" t="s">
        <v>28</v>
      </c>
      <c r="B7808" t="s">
        <v>49</v>
      </c>
      <c r="C7808" t="s">
        <v>117</v>
      </c>
      <c r="D7808" t="s">
        <v>118</v>
      </c>
      <c r="E7808">
        <v>2013</v>
      </c>
      <c r="F7808">
        <v>2013</v>
      </c>
      <c r="G7808" t="s">
        <v>126</v>
      </c>
      <c r="H7808" t="s">
        <v>119</v>
      </c>
      <c r="I7808" t="s">
        <v>15</v>
      </c>
      <c r="J7808" s="10">
        <v>18.388755920000001</v>
      </c>
    </row>
    <row r="7809" spans="1:10" x14ac:dyDescent="0.35">
      <c r="A7809" t="s">
        <v>28</v>
      </c>
      <c r="B7809" t="s">
        <v>49</v>
      </c>
      <c r="C7809" t="s">
        <v>117</v>
      </c>
      <c r="D7809" t="s">
        <v>118</v>
      </c>
      <c r="E7809">
        <v>2013</v>
      </c>
      <c r="F7809">
        <v>2013</v>
      </c>
      <c r="G7809" t="s">
        <v>126</v>
      </c>
      <c r="H7809" t="s">
        <v>120</v>
      </c>
      <c r="I7809" t="s">
        <v>15</v>
      </c>
      <c r="J7809" s="10">
        <v>8.7615216169999997</v>
      </c>
    </row>
    <row r="7810" spans="1:10" x14ac:dyDescent="0.35">
      <c r="A7810" t="s">
        <v>28</v>
      </c>
      <c r="B7810" t="s">
        <v>49</v>
      </c>
      <c r="C7810" t="s">
        <v>117</v>
      </c>
      <c r="D7810" t="s">
        <v>118</v>
      </c>
      <c r="E7810">
        <v>2013</v>
      </c>
      <c r="F7810">
        <v>2013</v>
      </c>
      <c r="G7810" t="s">
        <v>126</v>
      </c>
      <c r="H7810" t="s">
        <v>121</v>
      </c>
      <c r="I7810" t="s">
        <v>15</v>
      </c>
      <c r="J7810" s="10">
        <v>31.348984059999999</v>
      </c>
    </row>
    <row r="7811" spans="1:10" x14ac:dyDescent="0.35">
      <c r="A7811" t="s">
        <v>28</v>
      </c>
      <c r="B7811" t="s">
        <v>49</v>
      </c>
      <c r="C7811" t="s">
        <v>117</v>
      </c>
      <c r="D7811" t="s">
        <v>118</v>
      </c>
      <c r="E7811">
        <v>2013</v>
      </c>
      <c r="F7811">
        <v>2013</v>
      </c>
      <c r="G7811" t="s">
        <v>126</v>
      </c>
      <c r="H7811" t="s">
        <v>122</v>
      </c>
      <c r="I7811" t="s">
        <v>15</v>
      </c>
      <c r="J7811" s="10">
        <v>20.685440750000001</v>
      </c>
    </row>
    <row r="7812" spans="1:10" x14ac:dyDescent="0.35">
      <c r="A7812" t="s">
        <v>28</v>
      </c>
      <c r="B7812" t="s">
        <v>49</v>
      </c>
      <c r="C7812" t="s">
        <v>117</v>
      </c>
      <c r="D7812" t="s">
        <v>118</v>
      </c>
      <c r="E7812">
        <v>2013</v>
      </c>
      <c r="F7812">
        <v>2013</v>
      </c>
      <c r="G7812" t="s">
        <v>126</v>
      </c>
      <c r="H7812" t="s">
        <v>123</v>
      </c>
      <c r="I7812" t="s">
        <v>15</v>
      </c>
      <c r="J7812" s="10">
        <v>17.981361719999999</v>
      </c>
    </row>
    <row r="7813" spans="1:10" x14ac:dyDescent="0.35">
      <c r="A7813" t="s">
        <v>28</v>
      </c>
      <c r="B7813" t="s">
        <v>49</v>
      </c>
      <c r="C7813" t="s">
        <v>117</v>
      </c>
      <c r="D7813" t="s">
        <v>118</v>
      </c>
      <c r="E7813">
        <v>2013</v>
      </c>
      <c r="F7813">
        <v>2013</v>
      </c>
      <c r="G7813" t="s">
        <v>126</v>
      </c>
      <c r="H7813" t="s">
        <v>124</v>
      </c>
      <c r="I7813" t="s">
        <v>15</v>
      </c>
      <c r="J7813" s="10">
        <v>2.8339359370000001</v>
      </c>
    </row>
    <row r="7814" spans="1:10" x14ac:dyDescent="0.35">
      <c r="A7814" t="s">
        <v>28</v>
      </c>
      <c r="B7814" t="s">
        <v>49</v>
      </c>
      <c r="C7814" t="s">
        <v>117</v>
      </c>
      <c r="D7814" t="s">
        <v>118</v>
      </c>
      <c r="E7814">
        <v>2012</v>
      </c>
      <c r="F7814">
        <v>2012</v>
      </c>
      <c r="G7814" t="s">
        <v>14</v>
      </c>
      <c r="H7814" t="s">
        <v>119</v>
      </c>
      <c r="I7814" t="s">
        <v>15</v>
      </c>
      <c r="J7814" s="10">
        <v>19.18875311</v>
      </c>
    </row>
    <row r="7815" spans="1:10" x14ac:dyDescent="0.35">
      <c r="A7815" t="s">
        <v>28</v>
      </c>
      <c r="B7815" t="s">
        <v>49</v>
      </c>
      <c r="C7815" t="s">
        <v>117</v>
      </c>
      <c r="D7815" t="s">
        <v>118</v>
      </c>
      <c r="E7815">
        <v>2012</v>
      </c>
      <c r="F7815">
        <v>2012</v>
      </c>
      <c r="G7815" t="s">
        <v>14</v>
      </c>
      <c r="H7815" t="s">
        <v>120</v>
      </c>
      <c r="I7815" t="s">
        <v>15</v>
      </c>
      <c r="J7815" s="10">
        <v>9.2683701000000003</v>
      </c>
    </row>
    <row r="7816" spans="1:10" x14ac:dyDescent="0.35">
      <c r="A7816" t="s">
        <v>28</v>
      </c>
      <c r="B7816" t="s">
        <v>49</v>
      </c>
      <c r="C7816" t="s">
        <v>117</v>
      </c>
      <c r="D7816" t="s">
        <v>118</v>
      </c>
      <c r="E7816">
        <v>2012</v>
      </c>
      <c r="F7816">
        <v>2012</v>
      </c>
      <c r="G7816" t="s">
        <v>14</v>
      </c>
      <c r="H7816" t="s">
        <v>121</v>
      </c>
      <c r="I7816" t="s">
        <v>15</v>
      </c>
      <c r="J7816" s="10">
        <v>31.676188960000001</v>
      </c>
    </row>
    <row r="7817" spans="1:10" x14ac:dyDescent="0.35">
      <c r="A7817" t="s">
        <v>28</v>
      </c>
      <c r="B7817" t="s">
        <v>49</v>
      </c>
      <c r="C7817" t="s">
        <v>117</v>
      </c>
      <c r="D7817" t="s">
        <v>118</v>
      </c>
      <c r="E7817">
        <v>2012</v>
      </c>
      <c r="F7817">
        <v>2012</v>
      </c>
      <c r="G7817" t="s">
        <v>14</v>
      </c>
      <c r="H7817" t="s">
        <v>122</v>
      </c>
      <c r="I7817" t="s">
        <v>15</v>
      </c>
      <c r="J7817" s="10">
        <v>20.76522245</v>
      </c>
    </row>
    <row r="7818" spans="1:10" x14ac:dyDescent="0.35">
      <c r="A7818" t="s">
        <v>28</v>
      </c>
      <c r="B7818" t="s">
        <v>49</v>
      </c>
      <c r="C7818" t="s">
        <v>117</v>
      </c>
      <c r="D7818" t="s">
        <v>118</v>
      </c>
      <c r="E7818">
        <v>2012</v>
      </c>
      <c r="F7818">
        <v>2012</v>
      </c>
      <c r="G7818" t="s">
        <v>14</v>
      </c>
      <c r="H7818" t="s">
        <v>123</v>
      </c>
      <c r="I7818" t="s">
        <v>15</v>
      </c>
      <c r="J7818" s="10">
        <v>16.796275720000001</v>
      </c>
    </row>
    <row r="7819" spans="1:10" x14ac:dyDescent="0.35">
      <c r="A7819" t="s">
        <v>28</v>
      </c>
      <c r="B7819" t="s">
        <v>49</v>
      </c>
      <c r="C7819" t="s">
        <v>117</v>
      </c>
      <c r="D7819" t="s">
        <v>118</v>
      </c>
      <c r="E7819">
        <v>2012</v>
      </c>
      <c r="F7819">
        <v>2012</v>
      </c>
      <c r="G7819" t="s">
        <v>14</v>
      </c>
      <c r="H7819" t="s">
        <v>124</v>
      </c>
      <c r="I7819" t="s">
        <v>15</v>
      </c>
      <c r="J7819" s="10">
        <v>2.3051896520000001</v>
      </c>
    </row>
    <row r="7820" spans="1:10" x14ac:dyDescent="0.35">
      <c r="A7820" t="s">
        <v>28</v>
      </c>
      <c r="B7820" t="s">
        <v>49</v>
      </c>
      <c r="C7820" t="s">
        <v>117</v>
      </c>
      <c r="D7820" t="s">
        <v>118</v>
      </c>
      <c r="E7820">
        <v>2012</v>
      </c>
      <c r="F7820">
        <v>2012</v>
      </c>
      <c r="G7820" t="s">
        <v>125</v>
      </c>
      <c r="H7820" t="s">
        <v>119</v>
      </c>
      <c r="I7820" t="s">
        <v>15</v>
      </c>
      <c r="J7820" s="10">
        <v>19.886953200000001</v>
      </c>
    </row>
    <row r="7821" spans="1:10" x14ac:dyDescent="0.35">
      <c r="A7821" t="s">
        <v>28</v>
      </c>
      <c r="B7821" t="s">
        <v>49</v>
      </c>
      <c r="C7821" t="s">
        <v>117</v>
      </c>
      <c r="D7821" t="s">
        <v>118</v>
      </c>
      <c r="E7821">
        <v>2012</v>
      </c>
      <c r="F7821">
        <v>2012</v>
      </c>
      <c r="G7821" t="s">
        <v>125</v>
      </c>
      <c r="H7821" t="s">
        <v>120</v>
      </c>
      <c r="I7821" t="s">
        <v>15</v>
      </c>
      <c r="J7821" s="10">
        <v>9.9011523130000008</v>
      </c>
    </row>
    <row r="7822" spans="1:10" x14ac:dyDescent="0.35">
      <c r="A7822" t="s">
        <v>28</v>
      </c>
      <c r="B7822" t="s">
        <v>49</v>
      </c>
      <c r="C7822" t="s">
        <v>117</v>
      </c>
      <c r="D7822" t="s">
        <v>118</v>
      </c>
      <c r="E7822">
        <v>2012</v>
      </c>
      <c r="F7822">
        <v>2012</v>
      </c>
      <c r="G7822" t="s">
        <v>125</v>
      </c>
      <c r="H7822" t="s">
        <v>121</v>
      </c>
      <c r="I7822" t="s">
        <v>15</v>
      </c>
      <c r="J7822" s="10">
        <v>31.598492709999999</v>
      </c>
    </row>
    <row r="7823" spans="1:10" x14ac:dyDescent="0.35">
      <c r="A7823" t="s">
        <v>28</v>
      </c>
      <c r="B7823" t="s">
        <v>49</v>
      </c>
      <c r="C7823" t="s">
        <v>117</v>
      </c>
      <c r="D7823" t="s">
        <v>118</v>
      </c>
      <c r="E7823">
        <v>2012</v>
      </c>
      <c r="F7823">
        <v>2012</v>
      </c>
      <c r="G7823" t="s">
        <v>125</v>
      </c>
      <c r="H7823" t="s">
        <v>122</v>
      </c>
      <c r="I7823" t="s">
        <v>15</v>
      </c>
      <c r="J7823" s="10">
        <v>20.910927860000001</v>
      </c>
    </row>
    <row r="7824" spans="1:10" x14ac:dyDescent="0.35">
      <c r="A7824" t="s">
        <v>28</v>
      </c>
      <c r="B7824" t="s">
        <v>49</v>
      </c>
      <c r="C7824" t="s">
        <v>117</v>
      </c>
      <c r="D7824" t="s">
        <v>118</v>
      </c>
      <c r="E7824">
        <v>2012</v>
      </c>
      <c r="F7824">
        <v>2012</v>
      </c>
      <c r="G7824" t="s">
        <v>125</v>
      </c>
      <c r="H7824" t="s">
        <v>123</v>
      </c>
      <c r="I7824" t="s">
        <v>15</v>
      </c>
      <c r="J7824" s="10">
        <v>16.00131069</v>
      </c>
    </row>
    <row r="7825" spans="1:10" x14ac:dyDescent="0.35">
      <c r="A7825" t="s">
        <v>28</v>
      </c>
      <c r="B7825" t="s">
        <v>49</v>
      </c>
      <c r="C7825" t="s">
        <v>117</v>
      </c>
      <c r="D7825" t="s">
        <v>118</v>
      </c>
      <c r="E7825">
        <v>2012</v>
      </c>
      <c r="F7825">
        <v>2012</v>
      </c>
      <c r="G7825" t="s">
        <v>125</v>
      </c>
      <c r="H7825" t="s">
        <v>124</v>
      </c>
      <c r="I7825" t="s">
        <v>15</v>
      </c>
      <c r="J7825" s="10">
        <v>1.7011632350000001</v>
      </c>
    </row>
    <row r="7826" spans="1:10" x14ac:dyDescent="0.35">
      <c r="A7826" t="s">
        <v>28</v>
      </c>
      <c r="B7826" t="s">
        <v>49</v>
      </c>
      <c r="C7826" t="s">
        <v>117</v>
      </c>
      <c r="D7826" t="s">
        <v>118</v>
      </c>
      <c r="E7826">
        <v>2012</v>
      </c>
      <c r="F7826">
        <v>2012</v>
      </c>
      <c r="G7826" t="s">
        <v>126</v>
      </c>
      <c r="H7826" t="s">
        <v>119</v>
      </c>
      <c r="I7826" t="s">
        <v>15</v>
      </c>
      <c r="J7826" s="10">
        <v>18.53295717</v>
      </c>
    </row>
    <row r="7827" spans="1:10" x14ac:dyDescent="0.35">
      <c r="A7827" t="s">
        <v>28</v>
      </c>
      <c r="B7827" t="s">
        <v>49</v>
      </c>
      <c r="C7827" t="s">
        <v>117</v>
      </c>
      <c r="D7827" t="s">
        <v>118</v>
      </c>
      <c r="E7827">
        <v>2012</v>
      </c>
      <c r="F7827">
        <v>2012</v>
      </c>
      <c r="G7827" t="s">
        <v>126</v>
      </c>
      <c r="H7827" t="s">
        <v>120</v>
      </c>
      <c r="I7827" t="s">
        <v>15</v>
      </c>
      <c r="J7827" s="10">
        <v>8.6740189789999995</v>
      </c>
    </row>
    <row r="7828" spans="1:10" x14ac:dyDescent="0.35">
      <c r="A7828" t="s">
        <v>28</v>
      </c>
      <c r="B7828" t="s">
        <v>49</v>
      </c>
      <c r="C7828" t="s">
        <v>117</v>
      </c>
      <c r="D7828" t="s">
        <v>118</v>
      </c>
      <c r="E7828">
        <v>2012</v>
      </c>
      <c r="F7828">
        <v>2012</v>
      </c>
      <c r="G7828" t="s">
        <v>126</v>
      </c>
      <c r="H7828" t="s">
        <v>121</v>
      </c>
      <c r="I7828" t="s">
        <v>15</v>
      </c>
      <c r="J7828" s="10">
        <v>31.749166450000001</v>
      </c>
    </row>
    <row r="7829" spans="1:10" x14ac:dyDescent="0.35">
      <c r="A7829" t="s">
        <v>28</v>
      </c>
      <c r="B7829" t="s">
        <v>49</v>
      </c>
      <c r="C7829" t="s">
        <v>117</v>
      </c>
      <c r="D7829" t="s">
        <v>118</v>
      </c>
      <c r="E7829">
        <v>2012</v>
      </c>
      <c r="F7829">
        <v>2012</v>
      </c>
      <c r="G7829" t="s">
        <v>126</v>
      </c>
      <c r="H7829" t="s">
        <v>122</v>
      </c>
      <c r="I7829" t="s">
        <v>15</v>
      </c>
      <c r="J7829" s="10">
        <v>20.628366249999999</v>
      </c>
    </row>
    <row r="7830" spans="1:10" x14ac:dyDescent="0.35">
      <c r="A7830" t="s">
        <v>28</v>
      </c>
      <c r="B7830" t="s">
        <v>49</v>
      </c>
      <c r="C7830" t="s">
        <v>117</v>
      </c>
      <c r="D7830" t="s">
        <v>118</v>
      </c>
      <c r="E7830">
        <v>2012</v>
      </c>
      <c r="F7830">
        <v>2012</v>
      </c>
      <c r="G7830" t="s">
        <v>126</v>
      </c>
      <c r="H7830" t="s">
        <v>123</v>
      </c>
      <c r="I7830" t="s">
        <v>15</v>
      </c>
      <c r="J7830" s="10">
        <v>17.54295973</v>
      </c>
    </row>
    <row r="7831" spans="1:10" x14ac:dyDescent="0.35">
      <c r="A7831" t="s">
        <v>28</v>
      </c>
      <c r="B7831" t="s">
        <v>49</v>
      </c>
      <c r="C7831" t="s">
        <v>117</v>
      </c>
      <c r="D7831" t="s">
        <v>118</v>
      </c>
      <c r="E7831">
        <v>2012</v>
      </c>
      <c r="F7831">
        <v>2012</v>
      </c>
      <c r="G7831" t="s">
        <v>126</v>
      </c>
      <c r="H7831" t="s">
        <v>124</v>
      </c>
      <c r="I7831" t="s">
        <v>15</v>
      </c>
      <c r="J7831" s="10">
        <v>2.8725314179999999</v>
      </c>
    </row>
    <row r="7832" spans="1:10" x14ac:dyDescent="0.35">
      <c r="A7832" t="s">
        <v>28</v>
      </c>
      <c r="B7832" t="s">
        <v>49</v>
      </c>
      <c r="C7832" t="s">
        <v>117</v>
      </c>
      <c r="D7832" t="s">
        <v>118</v>
      </c>
      <c r="E7832">
        <v>2011</v>
      </c>
      <c r="F7832">
        <v>2011</v>
      </c>
      <c r="G7832" t="s">
        <v>14</v>
      </c>
      <c r="H7832" t="s">
        <v>119</v>
      </c>
      <c r="I7832" t="s">
        <v>15</v>
      </c>
      <c r="J7832" s="10">
        <v>19.220148609999999</v>
      </c>
    </row>
    <row r="7833" spans="1:10" x14ac:dyDescent="0.35">
      <c r="A7833" t="s">
        <v>28</v>
      </c>
      <c r="B7833" t="s">
        <v>49</v>
      </c>
      <c r="C7833" t="s">
        <v>117</v>
      </c>
      <c r="D7833" t="s">
        <v>118</v>
      </c>
      <c r="E7833">
        <v>2011</v>
      </c>
      <c r="F7833">
        <v>2011</v>
      </c>
      <c r="G7833" t="s">
        <v>14</v>
      </c>
      <c r="H7833" t="s">
        <v>120</v>
      </c>
      <c r="I7833" t="s">
        <v>15</v>
      </c>
      <c r="J7833" s="10">
        <v>9.2632365300000004</v>
      </c>
    </row>
    <row r="7834" spans="1:10" x14ac:dyDescent="0.35">
      <c r="A7834" t="s">
        <v>28</v>
      </c>
      <c r="B7834" t="s">
        <v>49</v>
      </c>
      <c r="C7834" t="s">
        <v>117</v>
      </c>
      <c r="D7834" t="s">
        <v>118</v>
      </c>
      <c r="E7834">
        <v>2011</v>
      </c>
      <c r="F7834">
        <v>2011</v>
      </c>
      <c r="G7834" t="s">
        <v>14</v>
      </c>
      <c r="H7834" t="s">
        <v>121</v>
      </c>
      <c r="I7834" t="s">
        <v>15</v>
      </c>
      <c r="J7834" s="10">
        <v>32.162533519999997</v>
      </c>
    </row>
    <row r="7835" spans="1:10" x14ac:dyDescent="0.35">
      <c r="A7835" t="s">
        <v>28</v>
      </c>
      <c r="B7835" t="s">
        <v>49</v>
      </c>
      <c r="C7835" t="s">
        <v>117</v>
      </c>
      <c r="D7835" t="s">
        <v>118</v>
      </c>
      <c r="E7835">
        <v>2011</v>
      </c>
      <c r="F7835">
        <v>2011</v>
      </c>
      <c r="G7835" t="s">
        <v>14</v>
      </c>
      <c r="H7835" t="s">
        <v>122</v>
      </c>
      <c r="I7835" t="s">
        <v>15</v>
      </c>
      <c r="J7835" s="10">
        <v>20.790256530000001</v>
      </c>
    </row>
    <row r="7836" spans="1:10" x14ac:dyDescent="0.35">
      <c r="A7836" t="s">
        <v>28</v>
      </c>
      <c r="B7836" t="s">
        <v>49</v>
      </c>
      <c r="C7836" t="s">
        <v>117</v>
      </c>
      <c r="D7836" t="s">
        <v>118</v>
      </c>
      <c r="E7836">
        <v>2011</v>
      </c>
      <c r="F7836">
        <v>2011</v>
      </c>
      <c r="G7836" t="s">
        <v>14</v>
      </c>
      <c r="H7836" t="s">
        <v>123</v>
      </c>
      <c r="I7836" t="s">
        <v>15</v>
      </c>
      <c r="J7836" s="10">
        <v>16.32672118</v>
      </c>
    </row>
    <row r="7837" spans="1:10" x14ac:dyDescent="0.35">
      <c r="A7837" t="s">
        <v>28</v>
      </c>
      <c r="B7837" t="s">
        <v>49</v>
      </c>
      <c r="C7837" t="s">
        <v>117</v>
      </c>
      <c r="D7837" t="s">
        <v>118</v>
      </c>
      <c r="E7837">
        <v>2011</v>
      </c>
      <c r="F7837">
        <v>2011</v>
      </c>
      <c r="G7837" t="s">
        <v>14</v>
      </c>
      <c r="H7837" t="s">
        <v>124</v>
      </c>
      <c r="I7837" t="s">
        <v>15</v>
      </c>
      <c r="J7837" s="10">
        <v>2.2371036379999998</v>
      </c>
    </row>
    <row r="7838" spans="1:10" x14ac:dyDescent="0.35">
      <c r="A7838" t="s">
        <v>28</v>
      </c>
      <c r="B7838" t="s">
        <v>49</v>
      </c>
      <c r="C7838" t="s">
        <v>117</v>
      </c>
      <c r="D7838" t="s">
        <v>118</v>
      </c>
      <c r="E7838">
        <v>2011</v>
      </c>
      <c r="F7838">
        <v>2011</v>
      </c>
      <c r="G7838" t="s">
        <v>125</v>
      </c>
      <c r="H7838" t="s">
        <v>119</v>
      </c>
      <c r="I7838" t="s">
        <v>15</v>
      </c>
      <c r="J7838" s="10">
        <v>20.00110093</v>
      </c>
    </row>
    <row r="7839" spans="1:10" x14ac:dyDescent="0.35">
      <c r="A7839" t="s">
        <v>28</v>
      </c>
      <c r="B7839" t="s">
        <v>49</v>
      </c>
      <c r="C7839" t="s">
        <v>117</v>
      </c>
      <c r="D7839" t="s">
        <v>118</v>
      </c>
      <c r="E7839">
        <v>2011</v>
      </c>
      <c r="F7839">
        <v>2011</v>
      </c>
      <c r="G7839" t="s">
        <v>125</v>
      </c>
      <c r="H7839" t="s">
        <v>120</v>
      </c>
      <c r="I7839" t="s">
        <v>15</v>
      </c>
      <c r="J7839" s="10">
        <v>9.894586189</v>
      </c>
    </row>
    <row r="7840" spans="1:10" x14ac:dyDescent="0.35">
      <c r="A7840" t="s">
        <v>28</v>
      </c>
      <c r="B7840" t="s">
        <v>49</v>
      </c>
      <c r="C7840" t="s">
        <v>117</v>
      </c>
      <c r="D7840" t="s">
        <v>118</v>
      </c>
      <c r="E7840">
        <v>2011</v>
      </c>
      <c r="F7840">
        <v>2011</v>
      </c>
      <c r="G7840" t="s">
        <v>125</v>
      </c>
      <c r="H7840" t="s">
        <v>121</v>
      </c>
      <c r="I7840" t="s">
        <v>15</v>
      </c>
      <c r="J7840" s="10">
        <v>32.105799140000002</v>
      </c>
    </row>
    <row r="7841" spans="1:10" x14ac:dyDescent="0.35">
      <c r="A7841" t="s">
        <v>28</v>
      </c>
      <c r="B7841" t="s">
        <v>49</v>
      </c>
      <c r="C7841" t="s">
        <v>117</v>
      </c>
      <c r="D7841" t="s">
        <v>118</v>
      </c>
      <c r="E7841">
        <v>2011</v>
      </c>
      <c r="F7841">
        <v>2011</v>
      </c>
      <c r="G7841" t="s">
        <v>125</v>
      </c>
      <c r="H7841" t="s">
        <v>122</v>
      </c>
      <c r="I7841" t="s">
        <v>15</v>
      </c>
      <c r="J7841" s="10">
        <v>20.9176231</v>
      </c>
    </row>
    <row r="7842" spans="1:10" x14ac:dyDescent="0.35">
      <c r="A7842" t="s">
        <v>28</v>
      </c>
      <c r="B7842" t="s">
        <v>49</v>
      </c>
      <c r="C7842" t="s">
        <v>117</v>
      </c>
      <c r="D7842" t="s">
        <v>118</v>
      </c>
      <c r="E7842">
        <v>2011</v>
      </c>
      <c r="F7842">
        <v>2011</v>
      </c>
      <c r="G7842" t="s">
        <v>125</v>
      </c>
      <c r="H7842" t="s">
        <v>123</v>
      </c>
      <c r="I7842" t="s">
        <v>15</v>
      </c>
      <c r="J7842" s="10">
        <v>15.48179341</v>
      </c>
    </row>
    <row r="7843" spans="1:10" x14ac:dyDescent="0.35">
      <c r="A7843" t="s">
        <v>28</v>
      </c>
      <c r="B7843" t="s">
        <v>49</v>
      </c>
      <c r="C7843" t="s">
        <v>117</v>
      </c>
      <c r="D7843" t="s">
        <v>118</v>
      </c>
      <c r="E7843">
        <v>2011</v>
      </c>
      <c r="F7843">
        <v>2011</v>
      </c>
      <c r="G7843" t="s">
        <v>125</v>
      </c>
      <c r="H7843" t="s">
        <v>124</v>
      </c>
      <c r="I7843" t="s">
        <v>15</v>
      </c>
      <c r="J7843" s="10">
        <v>1.599097239</v>
      </c>
    </row>
    <row r="7844" spans="1:10" x14ac:dyDescent="0.35">
      <c r="A7844" t="s">
        <v>28</v>
      </c>
      <c r="B7844" t="s">
        <v>49</v>
      </c>
      <c r="C7844" t="s">
        <v>117</v>
      </c>
      <c r="D7844" t="s">
        <v>118</v>
      </c>
      <c r="E7844">
        <v>2011</v>
      </c>
      <c r="F7844">
        <v>2011</v>
      </c>
      <c r="G7844" t="s">
        <v>126</v>
      </c>
      <c r="H7844" t="s">
        <v>119</v>
      </c>
      <c r="I7844" t="s">
        <v>15</v>
      </c>
      <c r="J7844" s="10">
        <v>18.485632930000001</v>
      </c>
    </row>
    <row r="7845" spans="1:10" x14ac:dyDescent="0.35">
      <c r="A7845" t="s">
        <v>28</v>
      </c>
      <c r="B7845" t="s">
        <v>49</v>
      </c>
      <c r="C7845" t="s">
        <v>117</v>
      </c>
      <c r="D7845" t="s">
        <v>118</v>
      </c>
      <c r="E7845">
        <v>2011</v>
      </c>
      <c r="F7845">
        <v>2011</v>
      </c>
      <c r="G7845" t="s">
        <v>126</v>
      </c>
      <c r="H7845" t="s">
        <v>120</v>
      </c>
      <c r="I7845" t="s">
        <v>15</v>
      </c>
      <c r="J7845" s="10">
        <v>8.6694279059999992</v>
      </c>
    </row>
    <row r="7846" spans="1:10" x14ac:dyDescent="0.35">
      <c r="A7846" t="s">
        <v>28</v>
      </c>
      <c r="B7846" t="s">
        <v>49</v>
      </c>
      <c r="C7846" t="s">
        <v>117</v>
      </c>
      <c r="D7846" t="s">
        <v>118</v>
      </c>
      <c r="E7846">
        <v>2011</v>
      </c>
      <c r="F7846">
        <v>2011</v>
      </c>
      <c r="G7846" t="s">
        <v>126</v>
      </c>
      <c r="H7846" t="s">
        <v>121</v>
      </c>
      <c r="I7846" t="s">
        <v>15</v>
      </c>
      <c r="J7846" s="10">
        <v>32.215894380000002</v>
      </c>
    </row>
    <row r="7847" spans="1:10" x14ac:dyDescent="0.35">
      <c r="A7847" t="s">
        <v>28</v>
      </c>
      <c r="B7847" t="s">
        <v>49</v>
      </c>
      <c r="C7847" t="s">
        <v>117</v>
      </c>
      <c r="D7847" t="s">
        <v>118</v>
      </c>
      <c r="E7847">
        <v>2011</v>
      </c>
      <c r="F7847">
        <v>2011</v>
      </c>
      <c r="G7847" t="s">
        <v>126</v>
      </c>
      <c r="H7847" t="s">
        <v>122</v>
      </c>
      <c r="I7847" t="s">
        <v>15</v>
      </c>
      <c r="J7847" s="10">
        <v>20.67046337</v>
      </c>
    </row>
    <row r="7848" spans="1:10" x14ac:dyDescent="0.35">
      <c r="A7848" t="s">
        <v>28</v>
      </c>
      <c r="B7848" t="s">
        <v>49</v>
      </c>
      <c r="C7848" t="s">
        <v>117</v>
      </c>
      <c r="D7848" t="s">
        <v>118</v>
      </c>
      <c r="E7848">
        <v>2011</v>
      </c>
      <c r="F7848">
        <v>2011</v>
      </c>
      <c r="G7848" t="s">
        <v>126</v>
      </c>
      <c r="H7848" t="s">
        <v>123</v>
      </c>
      <c r="I7848" t="s">
        <v>15</v>
      </c>
      <c r="J7848" s="10">
        <v>17.12140823</v>
      </c>
    </row>
    <row r="7849" spans="1:10" x14ac:dyDescent="0.35">
      <c r="A7849" t="s">
        <v>28</v>
      </c>
      <c r="B7849" t="s">
        <v>49</v>
      </c>
      <c r="C7849" t="s">
        <v>117</v>
      </c>
      <c r="D7849" t="s">
        <v>118</v>
      </c>
      <c r="E7849">
        <v>2011</v>
      </c>
      <c r="F7849">
        <v>2011</v>
      </c>
      <c r="G7849" t="s">
        <v>126</v>
      </c>
      <c r="H7849" t="s">
        <v>124</v>
      </c>
      <c r="I7849" t="s">
        <v>15</v>
      </c>
      <c r="J7849" s="10">
        <v>2.8371731809999998</v>
      </c>
    </row>
    <row r="7850" spans="1:10" x14ac:dyDescent="0.35">
      <c r="A7850" t="s">
        <v>35</v>
      </c>
      <c r="B7850" t="s">
        <v>50</v>
      </c>
      <c r="C7850" t="s">
        <v>117</v>
      </c>
      <c r="D7850" t="s">
        <v>118</v>
      </c>
      <c r="E7850">
        <v>2020</v>
      </c>
      <c r="F7850">
        <v>2020</v>
      </c>
      <c r="G7850" t="s">
        <v>14</v>
      </c>
      <c r="H7850" t="s">
        <v>119</v>
      </c>
      <c r="I7850" t="s">
        <v>15</v>
      </c>
      <c r="J7850" s="10">
        <v>21.264936769999998</v>
      </c>
    </row>
    <row r="7851" spans="1:10" x14ac:dyDescent="0.35">
      <c r="A7851" t="s">
        <v>35</v>
      </c>
      <c r="B7851" t="s">
        <v>50</v>
      </c>
      <c r="C7851" t="s">
        <v>117</v>
      </c>
      <c r="D7851" t="s">
        <v>118</v>
      </c>
      <c r="E7851">
        <v>2020</v>
      </c>
      <c r="F7851">
        <v>2020</v>
      </c>
      <c r="G7851" t="s">
        <v>14</v>
      </c>
      <c r="H7851" t="s">
        <v>120</v>
      </c>
      <c r="I7851" t="s">
        <v>15</v>
      </c>
      <c r="J7851" s="10">
        <v>9.8160877870000007</v>
      </c>
    </row>
    <row r="7852" spans="1:10" x14ac:dyDescent="0.35">
      <c r="A7852" t="s">
        <v>35</v>
      </c>
      <c r="B7852" t="s">
        <v>50</v>
      </c>
      <c r="C7852" t="s">
        <v>117</v>
      </c>
      <c r="D7852" t="s">
        <v>118</v>
      </c>
      <c r="E7852">
        <v>2020</v>
      </c>
      <c r="F7852">
        <v>2020</v>
      </c>
      <c r="G7852" t="s">
        <v>14</v>
      </c>
      <c r="H7852" t="s">
        <v>121</v>
      </c>
      <c r="I7852" t="s">
        <v>15</v>
      </c>
      <c r="J7852" s="10">
        <v>27.724870679999999</v>
      </c>
    </row>
    <row r="7853" spans="1:10" x14ac:dyDescent="0.35">
      <c r="A7853" t="s">
        <v>35</v>
      </c>
      <c r="B7853" t="s">
        <v>50</v>
      </c>
      <c r="C7853" t="s">
        <v>117</v>
      </c>
      <c r="D7853" t="s">
        <v>118</v>
      </c>
      <c r="E7853">
        <v>2020</v>
      </c>
      <c r="F7853">
        <v>2020</v>
      </c>
      <c r="G7853" t="s">
        <v>14</v>
      </c>
      <c r="H7853" t="s">
        <v>122</v>
      </c>
      <c r="I7853" t="s">
        <v>15</v>
      </c>
      <c r="J7853" s="10">
        <v>20.626333330000001</v>
      </c>
    </row>
    <row r="7854" spans="1:10" x14ac:dyDescent="0.35">
      <c r="A7854" t="s">
        <v>35</v>
      </c>
      <c r="B7854" t="s">
        <v>50</v>
      </c>
      <c r="C7854" t="s">
        <v>117</v>
      </c>
      <c r="D7854" t="s">
        <v>118</v>
      </c>
      <c r="E7854">
        <v>2020</v>
      </c>
      <c r="F7854">
        <v>2020</v>
      </c>
      <c r="G7854" t="s">
        <v>14</v>
      </c>
      <c r="H7854" t="s">
        <v>123</v>
      </c>
      <c r="I7854" t="s">
        <v>15</v>
      </c>
      <c r="J7854" s="10">
        <v>17.547651250000001</v>
      </c>
    </row>
    <row r="7855" spans="1:10" x14ac:dyDescent="0.35">
      <c r="A7855" t="s">
        <v>35</v>
      </c>
      <c r="B7855" t="s">
        <v>50</v>
      </c>
      <c r="C7855" t="s">
        <v>117</v>
      </c>
      <c r="D7855" t="s">
        <v>118</v>
      </c>
      <c r="E7855">
        <v>2020</v>
      </c>
      <c r="F7855">
        <v>2020</v>
      </c>
      <c r="G7855" t="s">
        <v>14</v>
      </c>
      <c r="H7855" t="s">
        <v>124</v>
      </c>
      <c r="I7855" t="s">
        <v>15</v>
      </c>
      <c r="J7855" s="10">
        <v>3.0201201910000002</v>
      </c>
    </row>
    <row r="7856" spans="1:10" x14ac:dyDescent="0.35">
      <c r="A7856" t="s">
        <v>35</v>
      </c>
      <c r="B7856" t="s">
        <v>50</v>
      </c>
      <c r="C7856" t="s">
        <v>117</v>
      </c>
      <c r="D7856" t="s">
        <v>118</v>
      </c>
      <c r="E7856">
        <v>2020</v>
      </c>
      <c r="F7856">
        <v>2020</v>
      </c>
      <c r="G7856" t="s">
        <v>125</v>
      </c>
      <c r="H7856" t="s">
        <v>119</v>
      </c>
      <c r="I7856" t="s">
        <v>15</v>
      </c>
      <c r="J7856" s="10">
        <v>22.899634720000002</v>
      </c>
    </row>
    <row r="7857" spans="1:10" x14ac:dyDescent="0.35">
      <c r="A7857" t="s">
        <v>35</v>
      </c>
      <c r="B7857" t="s">
        <v>50</v>
      </c>
      <c r="C7857" t="s">
        <v>117</v>
      </c>
      <c r="D7857" t="s">
        <v>118</v>
      </c>
      <c r="E7857">
        <v>2020</v>
      </c>
      <c r="F7857">
        <v>2020</v>
      </c>
      <c r="G7857" t="s">
        <v>125</v>
      </c>
      <c r="H7857" t="s">
        <v>120</v>
      </c>
      <c r="I7857" t="s">
        <v>15</v>
      </c>
      <c r="J7857" s="10">
        <v>10.94393228</v>
      </c>
    </row>
    <row r="7858" spans="1:10" x14ac:dyDescent="0.35">
      <c r="A7858" t="s">
        <v>35</v>
      </c>
      <c r="B7858" t="s">
        <v>50</v>
      </c>
      <c r="C7858" t="s">
        <v>117</v>
      </c>
      <c r="D7858" t="s">
        <v>118</v>
      </c>
      <c r="E7858">
        <v>2020</v>
      </c>
      <c r="F7858">
        <v>2020</v>
      </c>
      <c r="G7858" t="s">
        <v>125</v>
      </c>
      <c r="H7858" t="s">
        <v>121</v>
      </c>
      <c r="I7858" t="s">
        <v>15</v>
      </c>
      <c r="J7858" s="10">
        <v>27.422160380000001</v>
      </c>
    </row>
    <row r="7859" spans="1:10" x14ac:dyDescent="0.35">
      <c r="A7859" t="s">
        <v>35</v>
      </c>
      <c r="B7859" t="s">
        <v>50</v>
      </c>
      <c r="C7859" t="s">
        <v>117</v>
      </c>
      <c r="D7859" t="s">
        <v>118</v>
      </c>
      <c r="E7859">
        <v>2020</v>
      </c>
      <c r="F7859">
        <v>2020</v>
      </c>
      <c r="G7859" t="s">
        <v>125</v>
      </c>
      <c r="H7859" t="s">
        <v>122</v>
      </c>
      <c r="I7859" t="s">
        <v>15</v>
      </c>
      <c r="J7859" s="10">
        <v>20.328173020000001</v>
      </c>
    </row>
    <row r="7860" spans="1:10" x14ac:dyDescent="0.35">
      <c r="A7860" t="s">
        <v>35</v>
      </c>
      <c r="B7860" t="s">
        <v>50</v>
      </c>
      <c r="C7860" t="s">
        <v>117</v>
      </c>
      <c r="D7860" t="s">
        <v>118</v>
      </c>
      <c r="E7860">
        <v>2020</v>
      </c>
      <c r="F7860">
        <v>2020</v>
      </c>
      <c r="G7860" t="s">
        <v>125</v>
      </c>
      <c r="H7860" t="s">
        <v>123</v>
      </c>
      <c r="I7860" t="s">
        <v>15</v>
      </c>
      <c r="J7860" s="10">
        <v>16.281092359999999</v>
      </c>
    </row>
    <row r="7861" spans="1:10" x14ac:dyDescent="0.35">
      <c r="A7861" t="s">
        <v>35</v>
      </c>
      <c r="B7861" t="s">
        <v>50</v>
      </c>
      <c r="C7861" t="s">
        <v>117</v>
      </c>
      <c r="D7861" t="s">
        <v>118</v>
      </c>
      <c r="E7861">
        <v>2020</v>
      </c>
      <c r="F7861">
        <v>2020</v>
      </c>
      <c r="G7861" t="s">
        <v>125</v>
      </c>
      <c r="H7861" t="s">
        <v>124</v>
      </c>
      <c r="I7861" t="s">
        <v>15</v>
      </c>
      <c r="J7861" s="10">
        <v>2.1250072480000002</v>
      </c>
    </row>
    <row r="7862" spans="1:10" x14ac:dyDescent="0.35">
      <c r="A7862" t="s">
        <v>35</v>
      </c>
      <c r="B7862" t="s">
        <v>50</v>
      </c>
      <c r="C7862" t="s">
        <v>117</v>
      </c>
      <c r="D7862" t="s">
        <v>118</v>
      </c>
      <c r="E7862">
        <v>2020</v>
      </c>
      <c r="F7862">
        <v>2020</v>
      </c>
      <c r="G7862" t="s">
        <v>126</v>
      </c>
      <c r="H7862" t="s">
        <v>119</v>
      </c>
      <c r="I7862" t="s">
        <v>15</v>
      </c>
      <c r="J7862" s="10">
        <v>19.750167900000001</v>
      </c>
    </row>
    <row r="7863" spans="1:10" x14ac:dyDescent="0.35">
      <c r="A7863" t="s">
        <v>35</v>
      </c>
      <c r="B7863" t="s">
        <v>50</v>
      </c>
      <c r="C7863" t="s">
        <v>117</v>
      </c>
      <c r="D7863" t="s">
        <v>118</v>
      </c>
      <c r="E7863">
        <v>2020</v>
      </c>
      <c r="F7863">
        <v>2020</v>
      </c>
      <c r="G7863" t="s">
        <v>126</v>
      </c>
      <c r="H7863" t="s">
        <v>120</v>
      </c>
      <c r="I7863" t="s">
        <v>15</v>
      </c>
      <c r="J7863" s="10">
        <v>8.7709872400000002</v>
      </c>
    </row>
    <row r="7864" spans="1:10" x14ac:dyDescent="0.35">
      <c r="A7864" t="s">
        <v>35</v>
      </c>
      <c r="B7864" t="s">
        <v>50</v>
      </c>
      <c r="C7864" t="s">
        <v>117</v>
      </c>
      <c r="D7864" t="s">
        <v>118</v>
      </c>
      <c r="E7864">
        <v>2020</v>
      </c>
      <c r="F7864">
        <v>2020</v>
      </c>
      <c r="G7864" t="s">
        <v>126</v>
      </c>
      <c r="H7864" t="s">
        <v>121</v>
      </c>
      <c r="I7864" t="s">
        <v>15</v>
      </c>
      <c r="J7864" s="10">
        <v>28.005372730000001</v>
      </c>
    </row>
    <row r="7865" spans="1:10" x14ac:dyDescent="0.35">
      <c r="A7865" t="s">
        <v>35</v>
      </c>
      <c r="B7865" t="s">
        <v>50</v>
      </c>
      <c r="C7865" t="s">
        <v>117</v>
      </c>
      <c r="D7865" t="s">
        <v>118</v>
      </c>
      <c r="E7865">
        <v>2020</v>
      </c>
      <c r="F7865">
        <v>2020</v>
      </c>
      <c r="G7865" t="s">
        <v>126</v>
      </c>
      <c r="H7865" t="s">
        <v>122</v>
      </c>
      <c r="I7865" t="s">
        <v>15</v>
      </c>
      <c r="J7865" s="10">
        <v>20.902619210000001</v>
      </c>
    </row>
    <row r="7866" spans="1:10" x14ac:dyDescent="0.35">
      <c r="A7866" t="s">
        <v>35</v>
      </c>
      <c r="B7866" t="s">
        <v>50</v>
      </c>
      <c r="C7866" t="s">
        <v>117</v>
      </c>
      <c r="D7866" t="s">
        <v>118</v>
      </c>
      <c r="E7866">
        <v>2020</v>
      </c>
      <c r="F7866">
        <v>2020</v>
      </c>
      <c r="G7866" t="s">
        <v>126</v>
      </c>
      <c r="H7866" t="s">
        <v>123</v>
      </c>
      <c r="I7866" t="s">
        <v>15</v>
      </c>
      <c r="J7866" s="10">
        <v>18.721289460000001</v>
      </c>
    </row>
    <row r="7867" spans="1:10" x14ac:dyDescent="0.35">
      <c r="A7867" t="s">
        <v>35</v>
      </c>
      <c r="B7867" t="s">
        <v>50</v>
      </c>
      <c r="C7867" t="s">
        <v>117</v>
      </c>
      <c r="D7867" t="s">
        <v>118</v>
      </c>
      <c r="E7867">
        <v>2020</v>
      </c>
      <c r="F7867">
        <v>2020</v>
      </c>
      <c r="G7867" t="s">
        <v>126</v>
      </c>
      <c r="H7867" t="s">
        <v>124</v>
      </c>
      <c r="I7867" t="s">
        <v>15</v>
      </c>
      <c r="J7867" s="10">
        <v>3.8495634650000001</v>
      </c>
    </row>
    <row r="7868" spans="1:10" x14ac:dyDescent="0.35">
      <c r="A7868" t="s">
        <v>35</v>
      </c>
      <c r="B7868" t="s">
        <v>50</v>
      </c>
      <c r="C7868" t="s">
        <v>117</v>
      </c>
      <c r="D7868" t="s">
        <v>118</v>
      </c>
      <c r="E7868">
        <v>2019</v>
      </c>
      <c r="F7868">
        <v>2019</v>
      </c>
      <c r="G7868" t="s">
        <v>14</v>
      </c>
      <c r="H7868" t="s">
        <v>119</v>
      </c>
      <c r="I7868" t="s">
        <v>15</v>
      </c>
      <c r="J7868" s="10">
        <v>21.310004490000001</v>
      </c>
    </row>
    <row r="7869" spans="1:10" x14ac:dyDescent="0.35">
      <c r="A7869" t="s">
        <v>35</v>
      </c>
      <c r="B7869" t="s">
        <v>50</v>
      </c>
      <c r="C7869" t="s">
        <v>117</v>
      </c>
      <c r="D7869" t="s">
        <v>118</v>
      </c>
      <c r="E7869">
        <v>2019</v>
      </c>
      <c r="F7869">
        <v>2019</v>
      </c>
      <c r="G7869" t="s">
        <v>14</v>
      </c>
      <c r="H7869" t="s">
        <v>120</v>
      </c>
      <c r="I7869" t="s">
        <v>15</v>
      </c>
      <c r="J7869" s="10">
        <v>9.7969941679999994</v>
      </c>
    </row>
    <row r="7870" spans="1:10" x14ac:dyDescent="0.35">
      <c r="A7870" t="s">
        <v>35</v>
      </c>
      <c r="B7870" t="s">
        <v>50</v>
      </c>
      <c r="C7870" t="s">
        <v>117</v>
      </c>
      <c r="D7870" t="s">
        <v>118</v>
      </c>
      <c r="E7870">
        <v>2019</v>
      </c>
      <c r="F7870">
        <v>2019</v>
      </c>
      <c r="G7870" t="s">
        <v>14</v>
      </c>
      <c r="H7870" t="s">
        <v>121</v>
      </c>
      <c r="I7870" t="s">
        <v>15</v>
      </c>
      <c r="J7870" s="10">
        <v>27.76469269</v>
      </c>
    </row>
    <row r="7871" spans="1:10" x14ac:dyDescent="0.35">
      <c r="A7871" t="s">
        <v>35</v>
      </c>
      <c r="B7871" t="s">
        <v>50</v>
      </c>
      <c r="C7871" t="s">
        <v>117</v>
      </c>
      <c r="D7871" t="s">
        <v>118</v>
      </c>
      <c r="E7871">
        <v>2019</v>
      </c>
      <c r="F7871">
        <v>2019</v>
      </c>
      <c r="G7871" t="s">
        <v>14</v>
      </c>
      <c r="H7871" t="s">
        <v>122</v>
      </c>
      <c r="I7871" t="s">
        <v>15</v>
      </c>
      <c r="J7871" s="10">
        <v>20.71696949</v>
      </c>
    </row>
    <row r="7872" spans="1:10" x14ac:dyDescent="0.35">
      <c r="A7872" t="s">
        <v>35</v>
      </c>
      <c r="B7872" t="s">
        <v>50</v>
      </c>
      <c r="C7872" t="s">
        <v>117</v>
      </c>
      <c r="D7872" t="s">
        <v>118</v>
      </c>
      <c r="E7872">
        <v>2019</v>
      </c>
      <c r="F7872">
        <v>2019</v>
      </c>
      <c r="G7872" t="s">
        <v>14</v>
      </c>
      <c r="H7872" t="s">
        <v>123</v>
      </c>
      <c r="I7872" t="s">
        <v>15</v>
      </c>
      <c r="J7872" s="10">
        <v>17.32699641</v>
      </c>
    </row>
    <row r="7873" spans="1:10" x14ac:dyDescent="0.35">
      <c r="A7873" t="s">
        <v>35</v>
      </c>
      <c r="B7873" t="s">
        <v>50</v>
      </c>
      <c r="C7873" t="s">
        <v>117</v>
      </c>
      <c r="D7873" t="s">
        <v>118</v>
      </c>
      <c r="E7873">
        <v>2019</v>
      </c>
      <c r="F7873">
        <v>2019</v>
      </c>
      <c r="G7873" t="s">
        <v>14</v>
      </c>
      <c r="H7873" t="s">
        <v>124</v>
      </c>
      <c r="I7873" t="s">
        <v>15</v>
      </c>
      <c r="J7873" s="10">
        <v>3.0843427550000002</v>
      </c>
    </row>
    <row r="7874" spans="1:10" x14ac:dyDescent="0.35">
      <c r="A7874" t="s">
        <v>35</v>
      </c>
      <c r="B7874" t="s">
        <v>50</v>
      </c>
      <c r="C7874" t="s">
        <v>117</v>
      </c>
      <c r="D7874" t="s">
        <v>118</v>
      </c>
      <c r="E7874">
        <v>2019</v>
      </c>
      <c r="F7874">
        <v>2019</v>
      </c>
      <c r="G7874" t="s">
        <v>125</v>
      </c>
      <c r="H7874" t="s">
        <v>119</v>
      </c>
      <c r="I7874" t="s">
        <v>15</v>
      </c>
      <c r="J7874" s="10">
        <v>22.9312763</v>
      </c>
    </row>
    <row r="7875" spans="1:10" x14ac:dyDescent="0.35">
      <c r="A7875" t="s">
        <v>35</v>
      </c>
      <c r="B7875" t="s">
        <v>50</v>
      </c>
      <c r="C7875" t="s">
        <v>117</v>
      </c>
      <c r="D7875" t="s">
        <v>118</v>
      </c>
      <c r="E7875">
        <v>2019</v>
      </c>
      <c r="F7875">
        <v>2019</v>
      </c>
      <c r="G7875" t="s">
        <v>125</v>
      </c>
      <c r="H7875" t="s">
        <v>120</v>
      </c>
      <c r="I7875" t="s">
        <v>15</v>
      </c>
      <c r="J7875" s="10">
        <v>10.91923796</v>
      </c>
    </row>
    <row r="7876" spans="1:10" x14ac:dyDescent="0.35">
      <c r="A7876" t="s">
        <v>35</v>
      </c>
      <c r="B7876" t="s">
        <v>50</v>
      </c>
      <c r="C7876" t="s">
        <v>117</v>
      </c>
      <c r="D7876" t="s">
        <v>118</v>
      </c>
      <c r="E7876">
        <v>2019</v>
      </c>
      <c r="F7876">
        <v>2019</v>
      </c>
      <c r="G7876" t="s">
        <v>125</v>
      </c>
      <c r="H7876" t="s">
        <v>121</v>
      </c>
      <c r="I7876" t="s">
        <v>15</v>
      </c>
      <c r="J7876" s="10">
        <v>27.43104254</v>
      </c>
    </row>
    <row r="7877" spans="1:10" x14ac:dyDescent="0.35">
      <c r="A7877" t="s">
        <v>35</v>
      </c>
      <c r="B7877" t="s">
        <v>50</v>
      </c>
      <c r="C7877" t="s">
        <v>117</v>
      </c>
      <c r="D7877" t="s">
        <v>118</v>
      </c>
      <c r="E7877">
        <v>2019</v>
      </c>
      <c r="F7877">
        <v>2019</v>
      </c>
      <c r="G7877" t="s">
        <v>125</v>
      </c>
      <c r="H7877" t="s">
        <v>122</v>
      </c>
      <c r="I7877" t="s">
        <v>15</v>
      </c>
      <c r="J7877" s="10">
        <v>20.51192146</v>
      </c>
    </row>
    <row r="7878" spans="1:10" x14ac:dyDescent="0.35">
      <c r="A7878" t="s">
        <v>35</v>
      </c>
      <c r="B7878" t="s">
        <v>50</v>
      </c>
      <c r="C7878" t="s">
        <v>117</v>
      </c>
      <c r="D7878" t="s">
        <v>118</v>
      </c>
      <c r="E7878">
        <v>2019</v>
      </c>
      <c r="F7878">
        <v>2019</v>
      </c>
      <c r="G7878" t="s">
        <v>125</v>
      </c>
      <c r="H7878" t="s">
        <v>123</v>
      </c>
      <c r="I7878" t="s">
        <v>15</v>
      </c>
      <c r="J7878" s="10">
        <v>16.0559841</v>
      </c>
    </row>
    <row r="7879" spans="1:10" x14ac:dyDescent="0.35">
      <c r="A7879" t="s">
        <v>35</v>
      </c>
      <c r="B7879" t="s">
        <v>50</v>
      </c>
      <c r="C7879" t="s">
        <v>117</v>
      </c>
      <c r="D7879" t="s">
        <v>118</v>
      </c>
      <c r="E7879">
        <v>2019</v>
      </c>
      <c r="F7879">
        <v>2019</v>
      </c>
      <c r="G7879" t="s">
        <v>125</v>
      </c>
      <c r="H7879" t="s">
        <v>124</v>
      </c>
      <c r="I7879" t="s">
        <v>15</v>
      </c>
      <c r="J7879" s="10">
        <v>2.150537634</v>
      </c>
    </row>
    <row r="7880" spans="1:10" x14ac:dyDescent="0.35">
      <c r="A7880" t="s">
        <v>35</v>
      </c>
      <c r="B7880" t="s">
        <v>50</v>
      </c>
      <c r="C7880" t="s">
        <v>117</v>
      </c>
      <c r="D7880" t="s">
        <v>118</v>
      </c>
      <c r="E7880">
        <v>2019</v>
      </c>
      <c r="F7880">
        <v>2019</v>
      </c>
      <c r="G7880" t="s">
        <v>126</v>
      </c>
      <c r="H7880" t="s">
        <v>119</v>
      </c>
      <c r="I7880" t="s">
        <v>15</v>
      </c>
      <c r="J7880" s="10">
        <v>19.814575250000001</v>
      </c>
    </row>
    <row r="7881" spans="1:10" x14ac:dyDescent="0.35">
      <c r="A7881" t="s">
        <v>35</v>
      </c>
      <c r="B7881" t="s">
        <v>50</v>
      </c>
      <c r="C7881" t="s">
        <v>117</v>
      </c>
      <c r="D7881" t="s">
        <v>118</v>
      </c>
      <c r="E7881">
        <v>2019</v>
      </c>
      <c r="F7881">
        <v>2019</v>
      </c>
      <c r="G7881" t="s">
        <v>126</v>
      </c>
      <c r="H7881" t="s">
        <v>120</v>
      </c>
      <c r="I7881" t="s">
        <v>15</v>
      </c>
      <c r="J7881" s="10">
        <v>8.7618585600000003</v>
      </c>
    </row>
    <row r="7882" spans="1:10" x14ac:dyDescent="0.35">
      <c r="A7882" t="s">
        <v>35</v>
      </c>
      <c r="B7882" t="s">
        <v>50</v>
      </c>
      <c r="C7882" t="s">
        <v>117</v>
      </c>
      <c r="D7882" t="s">
        <v>118</v>
      </c>
      <c r="E7882">
        <v>2019</v>
      </c>
      <c r="F7882">
        <v>2019</v>
      </c>
      <c r="G7882" t="s">
        <v>126</v>
      </c>
      <c r="H7882" t="s">
        <v>121</v>
      </c>
      <c r="I7882" t="s">
        <v>15</v>
      </c>
      <c r="J7882" s="10">
        <v>28.07244502</v>
      </c>
    </row>
    <row r="7883" spans="1:10" x14ac:dyDescent="0.35">
      <c r="A7883" t="s">
        <v>35</v>
      </c>
      <c r="B7883" t="s">
        <v>50</v>
      </c>
      <c r="C7883" t="s">
        <v>117</v>
      </c>
      <c r="D7883" t="s">
        <v>118</v>
      </c>
      <c r="E7883">
        <v>2019</v>
      </c>
      <c r="F7883">
        <v>2019</v>
      </c>
      <c r="G7883" t="s">
        <v>126</v>
      </c>
      <c r="H7883" t="s">
        <v>122</v>
      </c>
      <c r="I7883" t="s">
        <v>15</v>
      </c>
      <c r="J7883" s="10">
        <v>20.906101769999999</v>
      </c>
    </row>
    <row r="7884" spans="1:10" x14ac:dyDescent="0.35">
      <c r="A7884" t="s">
        <v>35</v>
      </c>
      <c r="B7884" t="s">
        <v>50</v>
      </c>
      <c r="C7884" t="s">
        <v>117</v>
      </c>
      <c r="D7884" t="s">
        <v>118</v>
      </c>
      <c r="E7884">
        <v>2019</v>
      </c>
      <c r="F7884">
        <v>2019</v>
      </c>
      <c r="G7884" t="s">
        <v>126</v>
      </c>
      <c r="H7884" t="s">
        <v>123</v>
      </c>
      <c r="I7884" t="s">
        <v>15</v>
      </c>
      <c r="J7884" s="10">
        <v>18.499353169999999</v>
      </c>
    </row>
    <row r="7885" spans="1:10" x14ac:dyDescent="0.35">
      <c r="A7885" t="s">
        <v>35</v>
      </c>
      <c r="B7885" t="s">
        <v>50</v>
      </c>
      <c r="C7885" t="s">
        <v>117</v>
      </c>
      <c r="D7885" t="s">
        <v>118</v>
      </c>
      <c r="E7885">
        <v>2019</v>
      </c>
      <c r="F7885">
        <v>2019</v>
      </c>
      <c r="G7885" t="s">
        <v>126</v>
      </c>
      <c r="H7885" t="s">
        <v>124</v>
      </c>
      <c r="I7885" t="s">
        <v>15</v>
      </c>
      <c r="J7885" s="10">
        <v>3.945666235</v>
      </c>
    </row>
    <row r="7886" spans="1:10" x14ac:dyDescent="0.35">
      <c r="A7886" t="s">
        <v>35</v>
      </c>
      <c r="B7886" t="s">
        <v>50</v>
      </c>
      <c r="C7886" t="s">
        <v>117</v>
      </c>
      <c r="D7886" t="s">
        <v>118</v>
      </c>
      <c r="E7886">
        <v>2018</v>
      </c>
      <c r="F7886">
        <v>2018</v>
      </c>
      <c r="G7886" t="s">
        <v>14</v>
      </c>
      <c r="H7886" t="s">
        <v>119</v>
      </c>
      <c r="I7886" t="s">
        <v>15</v>
      </c>
      <c r="J7886" s="10">
        <v>21.156389829999998</v>
      </c>
    </row>
    <row r="7887" spans="1:10" x14ac:dyDescent="0.35">
      <c r="A7887" t="s">
        <v>35</v>
      </c>
      <c r="B7887" t="s">
        <v>50</v>
      </c>
      <c r="C7887" t="s">
        <v>117</v>
      </c>
      <c r="D7887" t="s">
        <v>118</v>
      </c>
      <c r="E7887">
        <v>2018</v>
      </c>
      <c r="F7887">
        <v>2018</v>
      </c>
      <c r="G7887" t="s">
        <v>14</v>
      </c>
      <c r="H7887" t="s">
        <v>120</v>
      </c>
      <c r="I7887" t="s">
        <v>15</v>
      </c>
      <c r="J7887" s="10">
        <v>9.9541271489999996</v>
      </c>
    </row>
    <row r="7888" spans="1:10" x14ac:dyDescent="0.35">
      <c r="A7888" t="s">
        <v>35</v>
      </c>
      <c r="B7888" t="s">
        <v>50</v>
      </c>
      <c r="C7888" t="s">
        <v>117</v>
      </c>
      <c r="D7888" t="s">
        <v>118</v>
      </c>
      <c r="E7888">
        <v>2018</v>
      </c>
      <c r="F7888">
        <v>2018</v>
      </c>
      <c r="G7888" t="s">
        <v>14</v>
      </c>
      <c r="H7888" t="s">
        <v>121</v>
      </c>
      <c r="I7888" t="s">
        <v>15</v>
      </c>
      <c r="J7888" s="10">
        <v>28.11189598</v>
      </c>
    </row>
    <row r="7889" spans="1:10" x14ac:dyDescent="0.35">
      <c r="A7889" t="s">
        <v>35</v>
      </c>
      <c r="B7889" t="s">
        <v>50</v>
      </c>
      <c r="C7889" t="s">
        <v>117</v>
      </c>
      <c r="D7889" t="s">
        <v>118</v>
      </c>
      <c r="E7889">
        <v>2018</v>
      </c>
      <c r="F7889">
        <v>2018</v>
      </c>
      <c r="G7889" t="s">
        <v>14</v>
      </c>
      <c r="H7889" t="s">
        <v>122</v>
      </c>
      <c r="I7889" t="s">
        <v>15</v>
      </c>
      <c r="J7889" s="10">
        <v>20.540061349999998</v>
      </c>
    </row>
    <row r="7890" spans="1:10" x14ac:dyDescent="0.35">
      <c r="A7890" t="s">
        <v>35</v>
      </c>
      <c r="B7890" t="s">
        <v>50</v>
      </c>
      <c r="C7890" t="s">
        <v>117</v>
      </c>
      <c r="D7890" t="s">
        <v>118</v>
      </c>
      <c r="E7890">
        <v>2018</v>
      </c>
      <c r="F7890">
        <v>2018</v>
      </c>
      <c r="G7890" t="s">
        <v>14</v>
      </c>
      <c r="H7890" t="s">
        <v>123</v>
      </c>
      <c r="I7890" t="s">
        <v>15</v>
      </c>
      <c r="J7890" s="10">
        <v>17.193876119999999</v>
      </c>
    </row>
    <row r="7891" spans="1:10" x14ac:dyDescent="0.35">
      <c r="A7891" t="s">
        <v>35</v>
      </c>
      <c r="B7891" t="s">
        <v>50</v>
      </c>
      <c r="C7891" t="s">
        <v>117</v>
      </c>
      <c r="D7891" t="s">
        <v>118</v>
      </c>
      <c r="E7891">
        <v>2018</v>
      </c>
      <c r="F7891">
        <v>2018</v>
      </c>
      <c r="G7891" t="s">
        <v>14</v>
      </c>
      <c r="H7891" t="s">
        <v>124</v>
      </c>
      <c r="I7891" t="s">
        <v>15</v>
      </c>
      <c r="J7891" s="10">
        <v>3.0436495649999999</v>
      </c>
    </row>
    <row r="7892" spans="1:10" x14ac:dyDescent="0.35">
      <c r="A7892" t="s">
        <v>35</v>
      </c>
      <c r="B7892" t="s">
        <v>50</v>
      </c>
      <c r="C7892" t="s">
        <v>117</v>
      </c>
      <c r="D7892" t="s">
        <v>118</v>
      </c>
      <c r="E7892">
        <v>2018</v>
      </c>
      <c r="F7892">
        <v>2018</v>
      </c>
      <c r="G7892" t="s">
        <v>125</v>
      </c>
      <c r="H7892" t="s">
        <v>119</v>
      </c>
      <c r="I7892" t="s">
        <v>15</v>
      </c>
      <c r="J7892" s="10">
        <v>22.634530139999999</v>
      </c>
    </row>
    <row r="7893" spans="1:10" x14ac:dyDescent="0.35">
      <c r="A7893" t="s">
        <v>35</v>
      </c>
      <c r="B7893" t="s">
        <v>50</v>
      </c>
      <c r="C7893" t="s">
        <v>117</v>
      </c>
      <c r="D7893" t="s">
        <v>118</v>
      </c>
      <c r="E7893">
        <v>2018</v>
      </c>
      <c r="F7893">
        <v>2018</v>
      </c>
      <c r="G7893" t="s">
        <v>125</v>
      </c>
      <c r="H7893" t="s">
        <v>120</v>
      </c>
      <c r="I7893" t="s">
        <v>15</v>
      </c>
      <c r="J7893" s="10">
        <v>11.27322902</v>
      </c>
    </row>
    <row r="7894" spans="1:10" x14ac:dyDescent="0.35">
      <c r="A7894" t="s">
        <v>35</v>
      </c>
      <c r="B7894" t="s">
        <v>50</v>
      </c>
      <c r="C7894" t="s">
        <v>117</v>
      </c>
      <c r="D7894" t="s">
        <v>118</v>
      </c>
      <c r="E7894">
        <v>2018</v>
      </c>
      <c r="F7894">
        <v>2018</v>
      </c>
      <c r="G7894" t="s">
        <v>125</v>
      </c>
      <c r="H7894" t="s">
        <v>121</v>
      </c>
      <c r="I7894" t="s">
        <v>15</v>
      </c>
      <c r="J7894" s="10">
        <v>27.66638288</v>
      </c>
    </row>
    <row r="7895" spans="1:10" x14ac:dyDescent="0.35">
      <c r="A7895" t="s">
        <v>35</v>
      </c>
      <c r="B7895" t="s">
        <v>50</v>
      </c>
      <c r="C7895" t="s">
        <v>117</v>
      </c>
      <c r="D7895" t="s">
        <v>118</v>
      </c>
      <c r="E7895">
        <v>2018</v>
      </c>
      <c r="F7895">
        <v>2018</v>
      </c>
      <c r="G7895" t="s">
        <v>125</v>
      </c>
      <c r="H7895" t="s">
        <v>122</v>
      </c>
      <c r="I7895" t="s">
        <v>15</v>
      </c>
      <c r="J7895" s="10">
        <v>20.35933417</v>
      </c>
    </row>
    <row r="7896" spans="1:10" x14ac:dyDescent="0.35">
      <c r="A7896" t="s">
        <v>35</v>
      </c>
      <c r="B7896" t="s">
        <v>50</v>
      </c>
      <c r="C7896" t="s">
        <v>117</v>
      </c>
      <c r="D7896" t="s">
        <v>118</v>
      </c>
      <c r="E7896">
        <v>2018</v>
      </c>
      <c r="F7896">
        <v>2018</v>
      </c>
      <c r="G7896" t="s">
        <v>125</v>
      </c>
      <c r="H7896" t="s">
        <v>123</v>
      </c>
      <c r="I7896" t="s">
        <v>15</v>
      </c>
      <c r="J7896" s="10">
        <v>15.95866483</v>
      </c>
    </row>
    <row r="7897" spans="1:10" x14ac:dyDescent="0.35">
      <c r="A7897" t="s">
        <v>35</v>
      </c>
      <c r="B7897" t="s">
        <v>50</v>
      </c>
      <c r="C7897" t="s">
        <v>117</v>
      </c>
      <c r="D7897" t="s">
        <v>118</v>
      </c>
      <c r="E7897">
        <v>2018</v>
      </c>
      <c r="F7897">
        <v>2018</v>
      </c>
      <c r="G7897" t="s">
        <v>125</v>
      </c>
      <c r="H7897" t="s">
        <v>124</v>
      </c>
      <c r="I7897" t="s">
        <v>15</v>
      </c>
      <c r="J7897" s="10">
        <v>2.1078589669999999</v>
      </c>
    </row>
    <row r="7898" spans="1:10" x14ac:dyDescent="0.35">
      <c r="A7898" t="s">
        <v>35</v>
      </c>
      <c r="B7898" t="s">
        <v>50</v>
      </c>
      <c r="C7898" t="s">
        <v>117</v>
      </c>
      <c r="D7898" t="s">
        <v>118</v>
      </c>
      <c r="E7898">
        <v>2018</v>
      </c>
      <c r="F7898">
        <v>2018</v>
      </c>
      <c r="G7898" t="s">
        <v>126</v>
      </c>
      <c r="H7898" t="s">
        <v>119</v>
      </c>
      <c r="I7898" t="s">
        <v>15</v>
      </c>
      <c r="J7898" s="10">
        <v>19.795692240000001</v>
      </c>
    </row>
    <row r="7899" spans="1:10" x14ac:dyDescent="0.35">
      <c r="A7899" t="s">
        <v>35</v>
      </c>
      <c r="B7899" t="s">
        <v>50</v>
      </c>
      <c r="C7899" t="s">
        <v>117</v>
      </c>
      <c r="D7899" t="s">
        <v>118</v>
      </c>
      <c r="E7899">
        <v>2018</v>
      </c>
      <c r="F7899">
        <v>2018</v>
      </c>
      <c r="G7899" t="s">
        <v>126</v>
      </c>
      <c r="H7899" t="s">
        <v>120</v>
      </c>
      <c r="I7899" t="s">
        <v>15</v>
      </c>
      <c r="J7899" s="10">
        <v>8.7398319059999992</v>
      </c>
    </row>
    <row r="7900" spans="1:10" x14ac:dyDescent="0.35">
      <c r="A7900" t="s">
        <v>35</v>
      </c>
      <c r="B7900" t="s">
        <v>50</v>
      </c>
      <c r="C7900" t="s">
        <v>117</v>
      </c>
      <c r="D7900" t="s">
        <v>118</v>
      </c>
      <c r="E7900">
        <v>2018</v>
      </c>
      <c r="F7900">
        <v>2018</v>
      </c>
      <c r="G7900" t="s">
        <v>126</v>
      </c>
      <c r="H7900" t="s">
        <v>121</v>
      </c>
      <c r="I7900" t="s">
        <v>15</v>
      </c>
      <c r="J7900" s="10">
        <v>28.522011729999999</v>
      </c>
    </row>
    <row r="7901" spans="1:10" x14ac:dyDescent="0.35">
      <c r="A7901" t="s">
        <v>35</v>
      </c>
      <c r="B7901" t="s">
        <v>50</v>
      </c>
      <c r="C7901" t="s">
        <v>117</v>
      </c>
      <c r="D7901" t="s">
        <v>118</v>
      </c>
      <c r="E7901">
        <v>2018</v>
      </c>
      <c r="F7901">
        <v>2018</v>
      </c>
      <c r="G7901" t="s">
        <v>126</v>
      </c>
      <c r="H7901" t="s">
        <v>122</v>
      </c>
      <c r="I7901" t="s">
        <v>15</v>
      </c>
      <c r="J7901" s="10">
        <v>20.70642921</v>
      </c>
    </row>
    <row r="7902" spans="1:10" x14ac:dyDescent="0.35">
      <c r="A7902" t="s">
        <v>35</v>
      </c>
      <c r="B7902" t="s">
        <v>50</v>
      </c>
      <c r="C7902" t="s">
        <v>117</v>
      </c>
      <c r="D7902" t="s">
        <v>118</v>
      </c>
      <c r="E7902">
        <v>2018</v>
      </c>
      <c r="F7902">
        <v>2018</v>
      </c>
      <c r="G7902" t="s">
        <v>126</v>
      </c>
      <c r="H7902" t="s">
        <v>123</v>
      </c>
      <c r="I7902" t="s">
        <v>15</v>
      </c>
      <c r="J7902" s="10">
        <v>18.330946140000002</v>
      </c>
    </row>
    <row r="7903" spans="1:10" x14ac:dyDescent="0.35">
      <c r="A7903" t="s">
        <v>35</v>
      </c>
      <c r="B7903" t="s">
        <v>50</v>
      </c>
      <c r="C7903" t="s">
        <v>117</v>
      </c>
      <c r="D7903" t="s">
        <v>118</v>
      </c>
      <c r="E7903">
        <v>2018</v>
      </c>
      <c r="F7903">
        <v>2018</v>
      </c>
      <c r="G7903" t="s">
        <v>126</v>
      </c>
      <c r="H7903" t="s">
        <v>124</v>
      </c>
      <c r="I7903" t="s">
        <v>15</v>
      </c>
      <c r="J7903" s="10">
        <v>3.905088777</v>
      </c>
    </row>
    <row r="7904" spans="1:10" x14ac:dyDescent="0.35">
      <c r="A7904" t="s">
        <v>35</v>
      </c>
      <c r="B7904" t="s">
        <v>50</v>
      </c>
      <c r="C7904" t="s">
        <v>117</v>
      </c>
      <c r="D7904" t="s">
        <v>118</v>
      </c>
      <c r="E7904">
        <v>2017</v>
      </c>
      <c r="F7904">
        <v>2017</v>
      </c>
      <c r="G7904" t="s">
        <v>14</v>
      </c>
      <c r="H7904" t="s">
        <v>119</v>
      </c>
      <c r="I7904" t="s">
        <v>15</v>
      </c>
      <c r="J7904" s="10">
        <v>20.952879729999999</v>
      </c>
    </row>
    <row r="7905" spans="1:10" x14ac:dyDescent="0.35">
      <c r="A7905" t="s">
        <v>35</v>
      </c>
      <c r="B7905" t="s">
        <v>50</v>
      </c>
      <c r="C7905" t="s">
        <v>117</v>
      </c>
      <c r="D7905" t="s">
        <v>118</v>
      </c>
      <c r="E7905">
        <v>2017</v>
      </c>
      <c r="F7905">
        <v>2017</v>
      </c>
      <c r="G7905" t="s">
        <v>14</v>
      </c>
      <c r="H7905" t="s">
        <v>120</v>
      </c>
      <c r="I7905" t="s">
        <v>15</v>
      </c>
      <c r="J7905" s="10">
        <v>10.09214568</v>
      </c>
    </row>
    <row r="7906" spans="1:10" x14ac:dyDescent="0.35">
      <c r="A7906" t="s">
        <v>35</v>
      </c>
      <c r="B7906" t="s">
        <v>50</v>
      </c>
      <c r="C7906" t="s">
        <v>117</v>
      </c>
      <c r="D7906" t="s">
        <v>118</v>
      </c>
      <c r="E7906">
        <v>2017</v>
      </c>
      <c r="F7906">
        <v>2017</v>
      </c>
      <c r="G7906" t="s">
        <v>14</v>
      </c>
      <c r="H7906" t="s">
        <v>121</v>
      </c>
      <c r="I7906" t="s">
        <v>15</v>
      </c>
      <c r="J7906" s="10">
        <v>28.14335659</v>
      </c>
    </row>
    <row r="7907" spans="1:10" x14ac:dyDescent="0.35">
      <c r="A7907" t="s">
        <v>35</v>
      </c>
      <c r="B7907" t="s">
        <v>50</v>
      </c>
      <c r="C7907" t="s">
        <v>117</v>
      </c>
      <c r="D7907" t="s">
        <v>118</v>
      </c>
      <c r="E7907">
        <v>2017</v>
      </c>
      <c r="F7907">
        <v>2017</v>
      </c>
      <c r="G7907" t="s">
        <v>14</v>
      </c>
      <c r="H7907" t="s">
        <v>122</v>
      </c>
      <c r="I7907" t="s">
        <v>15</v>
      </c>
      <c r="J7907" s="10">
        <v>20.672620989999999</v>
      </c>
    </row>
    <row r="7908" spans="1:10" x14ac:dyDescent="0.35">
      <c r="A7908" t="s">
        <v>35</v>
      </c>
      <c r="B7908" t="s">
        <v>50</v>
      </c>
      <c r="C7908" t="s">
        <v>117</v>
      </c>
      <c r="D7908" t="s">
        <v>118</v>
      </c>
      <c r="E7908">
        <v>2017</v>
      </c>
      <c r="F7908">
        <v>2017</v>
      </c>
      <c r="G7908" t="s">
        <v>14</v>
      </c>
      <c r="H7908" t="s">
        <v>123</v>
      </c>
      <c r="I7908" t="s">
        <v>15</v>
      </c>
      <c r="J7908" s="10">
        <v>17.091537039999999</v>
      </c>
    </row>
    <row r="7909" spans="1:10" x14ac:dyDescent="0.35">
      <c r="A7909" t="s">
        <v>35</v>
      </c>
      <c r="B7909" t="s">
        <v>50</v>
      </c>
      <c r="C7909" t="s">
        <v>117</v>
      </c>
      <c r="D7909" t="s">
        <v>118</v>
      </c>
      <c r="E7909">
        <v>2017</v>
      </c>
      <c r="F7909">
        <v>2017</v>
      </c>
      <c r="G7909" t="s">
        <v>14</v>
      </c>
      <c r="H7909" t="s">
        <v>124</v>
      </c>
      <c r="I7909" t="s">
        <v>15</v>
      </c>
      <c r="J7909" s="10">
        <v>3.047459978</v>
      </c>
    </row>
    <row r="7910" spans="1:10" x14ac:dyDescent="0.35">
      <c r="A7910" t="s">
        <v>35</v>
      </c>
      <c r="B7910" t="s">
        <v>50</v>
      </c>
      <c r="C7910" t="s">
        <v>117</v>
      </c>
      <c r="D7910" t="s">
        <v>118</v>
      </c>
      <c r="E7910">
        <v>2017</v>
      </c>
      <c r="F7910">
        <v>2017</v>
      </c>
      <c r="G7910" t="s">
        <v>125</v>
      </c>
      <c r="H7910" t="s">
        <v>119</v>
      </c>
      <c r="I7910" t="s">
        <v>15</v>
      </c>
      <c r="J7910" s="10">
        <v>22.390577369999999</v>
      </c>
    </row>
    <row r="7911" spans="1:10" x14ac:dyDescent="0.35">
      <c r="A7911" t="s">
        <v>35</v>
      </c>
      <c r="B7911" t="s">
        <v>50</v>
      </c>
      <c r="C7911" t="s">
        <v>117</v>
      </c>
      <c r="D7911" t="s">
        <v>118</v>
      </c>
      <c r="E7911">
        <v>2017</v>
      </c>
      <c r="F7911">
        <v>2017</v>
      </c>
      <c r="G7911" t="s">
        <v>125</v>
      </c>
      <c r="H7911" t="s">
        <v>120</v>
      </c>
      <c r="I7911" t="s">
        <v>15</v>
      </c>
      <c r="J7911" s="10">
        <v>11.52377852</v>
      </c>
    </row>
    <row r="7912" spans="1:10" x14ac:dyDescent="0.35">
      <c r="A7912" t="s">
        <v>35</v>
      </c>
      <c r="B7912" t="s">
        <v>50</v>
      </c>
      <c r="C7912" t="s">
        <v>117</v>
      </c>
      <c r="D7912" t="s">
        <v>118</v>
      </c>
      <c r="E7912">
        <v>2017</v>
      </c>
      <c r="F7912">
        <v>2017</v>
      </c>
      <c r="G7912" t="s">
        <v>125</v>
      </c>
      <c r="H7912" t="s">
        <v>121</v>
      </c>
      <c r="I7912" t="s">
        <v>15</v>
      </c>
      <c r="J7912" s="10">
        <v>27.54283685</v>
      </c>
    </row>
    <row r="7913" spans="1:10" x14ac:dyDescent="0.35">
      <c r="A7913" t="s">
        <v>35</v>
      </c>
      <c r="B7913" t="s">
        <v>50</v>
      </c>
      <c r="C7913" t="s">
        <v>117</v>
      </c>
      <c r="D7913" t="s">
        <v>118</v>
      </c>
      <c r="E7913">
        <v>2017</v>
      </c>
      <c r="F7913">
        <v>2017</v>
      </c>
      <c r="G7913" t="s">
        <v>125</v>
      </c>
      <c r="H7913" t="s">
        <v>122</v>
      </c>
      <c r="I7913" t="s">
        <v>15</v>
      </c>
      <c r="J7913" s="10">
        <v>20.620875380000001</v>
      </c>
    </row>
    <row r="7914" spans="1:10" x14ac:dyDescent="0.35">
      <c r="A7914" t="s">
        <v>35</v>
      </c>
      <c r="B7914" t="s">
        <v>50</v>
      </c>
      <c r="C7914" t="s">
        <v>117</v>
      </c>
      <c r="D7914" t="s">
        <v>118</v>
      </c>
      <c r="E7914">
        <v>2017</v>
      </c>
      <c r="F7914">
        <v>2017</v>
      </c>
      <c r="G7914" t="s">
        <v>125</v>
      </c>
      <c r="H7914" t="s">
        <v>123</v>
      </c>
      <c r="I7914" t="s">
        <v>15</v>
      </c>
      <c r="J7914" s="10">
        <v>15.817821309999999</v>
      </c>
    </row>
    <row r="7915" spans="1:10" x14ac:dyDescent="0.35">
      <c r="A7915" t="s">
        <v>35</v>
      </c>
      <c r="B7915" t="s">
        <v>50</v>
      </c>
      <c r="C7915" t="s">
        <v>117</v>
      </c>
      <c r="D7915" t="s">
        <v>118</v>
      </c>
      <c r="E7915">
        <v>2017</v>
      </c>
      <c r="F7915">
        <v>2017</v>
      </c>
      <c r="G7915" t="s">
        <v>125</v>
      </c>
      <c r="H7915" t="s">
        <v>124</v>
      </c>
      <c r="I7915" t="s">
        <v>15</v>
      </c>
      <c r="J7915" s="10">
        <v>2.1041105619999998</v>
      </c>
    </row>
    <row r="7916" spans="1:10" x14ac:dyDescent="0.35">
      <c r="A7916" t="s">
        <v>35</v>
      </c>
      <c r="B7916" t="s">
        <v>50</v>
      </c>
      <c r="C7916" t="s">
        <v>117</v>
      </c>
      <c r="D7916" t="s">
        <v>118</v>
      </c>
      <c r="E7916">
        <v>2017</v>
      </c>
      <c r="F7916">
        <v>2017</v>
      </c>
      <c r="G7916" t="s">
        <v>126</v>
      </c>
      <c r="H7916" t="s">
        <v>119</v>
      </c>
      <c r="I7916" t="s">
        <v>15</v>
      </c>
      <c r="J7916" s="10">
        <v>19.634814689999999</v>
      </c>
    </row>
    <row r="7917" spans="1:10" x14ac:dyDescent="0.35">
      <c r="A7917" t="s">
        <v>35</v>
      </c>
      <c r="B7917" t="s">
        <v>50</v>
      </c>
      <c r="C7917" t="s">
        <v>117</v>
      </c>
      <c r="D7917" t="s">
        <v>118</v>
      </c>
      <c r="E7917">
        <v>2017</v>
      </c>
      <c r="F7917">
        <v>2017</v>
      </c>
      <c r="G7917" t="s">
        <v>126</v>
      </c>
      <c r="H7917" t="s">
        <v>120</v>
      </c>
      <c r="I7917" t="s">
        <v>15</v>
      </c>
      <c r="J7917" s="10">
        <v>8.7796407839999997</v>
      </c>
    </row>
    <row r="7918" spans="1:10" x14ac:dyDescent="0.35">
      <c r="A7918" t="s">
        <v>35</v>
      </c>
      <c r="B7918" t="s">
        <v>50</v>
      </c>
      <c r="C7918" t="s">
        <v>117</v>
      </c>
      <c r="D7918" t="s">
        <v>118</v>
      </c>
      <c r="E7918">
        <v>2017</v>
      </c>
      <c r="F7918">
        <v>2017</v>
      </c>
      <c r="G7918" t="s">
        <v>126</v>
      </c>
      <c r="H7918" t="s">
        <v>121</v>
      </c>
      <c r="I7918" t="s">
        <v>15</v>
      </c>
      <c r="J7918" s="10">
        <v>28.693906340000002</v>
      </c>
    </row>
    <row r="7919" spans="1:10" x14ac:dyDescent="0.35">
      <c r="A7919" t="s">
        <v>35</v>
      </c>
      <c r="B7919" t="s">
        <v>50</v>
      </c>
      <c r="C7919" t="s">
        <v>117</v>
      </c>
      <c r="D7919" t="s">
        <v>118</v>
      </c>
      <c r="E7919">
        <v>2017</v>
      </c>
      <c r="F7919">
        <v>2017</v>
      </c>
      <c r="G7919" t="s">
        <v>126</v>
      </c>
      <c r="H7919" t="s">
        <v>122</v>
      </c>
      <c r="I7919" t="s">
        <v>15</v>
      </c>
      <c r="J7919" s="10">
        <v>20.72006077</v>
      </c>
    </row>
    <row r="7920" spans="1:10" x14ac:dyDescent="0.35">
      <c r="A7920" t="s">
        <v>35</v>
      </c>
      <c r="B7920" t="s">
        <v>50</v>
      </c>
      <c r="C7920" t="s">
        <v>117</v>
      </c>
      <c r="D7920" t="s">
        <v>118</v>
      </c>
      <c r="E7920">
        <v>2017</v>
      </c>
      <c r="F7920">
        <v>2017</v>
      </c>
      <c r="G7920" t="s">
        <v>126</v>
      </c>
      <c r="H7920" t="s">
        <v>123</v>
      </c>
      <c r="I7920" t="s">
        <v>15</v>
      </c>
      <c r="J7920" s="10">
        <v>18.259265289999998</v>
      </c>
    </row>
    <row r="7921" spans="1:10" x14ac:dyDescent="0.35">
      <c r="A7921" t="s">
        <v>35</v>
      </c>
      <c r="B7921" t="s">
        <v>50</v>
      </c>
      <c r="C7921" t="s">
        <v>117</v>
      </c>
      <c r="D7921" t="s">
        <v>118</v>
      </c>
      <c r="E7921">
        <v>2017</v>
      </c>
      <c r="F7921">
        <v>2017</v>
      </c>
      <c r="G7921" t="s">
        <v>126</v>
      </c>
      <c r="H7921" t="s">
        <v>124</v>
      </c>
      <c r="I7921" t="s">
        <v>15</v>
      </c>
      <c r="J7921" s="10">
        <v>3.9123121169999999</v>
      </c>
    </row>
    <row r="7922" spans="1:10" x14ac:dyDescent="0.35">
      <c r="A7922" t="s">
        <v>35</v>
      </c>
      <c r="B7922" t="s">
        <v>50</v>
      </c>
      <c r="C7922" t="s">
        <v>117</v>
      </c>
      <c r="D7922" t="s">
        <v>118</v>
      </c>
      <c r="E7922">
        <v>2016</v>
      </c>
      <c r="F7922">
        <v>2016</v>
      </c>
      <c r="G7922" t="s">
        <v>14</v>
      </c>
      <c r="H7922" t="s">
        <v>119</v>
      </c>
      <c r="I7922" t="s">
        <v>15</v>
      </c>
      <c r="J7922" s="10">
        <v>20.739923170000001</v>
      </c>
    </row>
    <row r="7923" spans="1:10" x14ac:dyDescent="0.35">
      <c r="A7923" t="s">
        <v>35</v>
      </c>
      <c r="B7923" t="s">
        <v>50</v>
      </c>
      <c r="C7923" t="s">
        <v>117</v>
      </c>
      <c r="D7923" t="s">
        <v>118</v>
      </c>
      <c r="E7923">
        <v>2016</v>
      </c>
      <c r="F7923">
        <v>2016</v>
      </c>
      <c r="G7923" t="s">
        <v>14</v>
      </c>
      <c r="H7923" t="s">
        <v>120</v>
      </c>
      <c r="I7923" t="s">
        <v>15</v>
      </c>
      <c r="J7923" s="10">
        <v>10.40077977</v>
      </c>
    </row>
    <row r="7924" spans="1:10" x14ac:dyDescent="0.35">
      <c r="A7924" t="s">
        <v>35</v>
      </c>
      <c r="B7924" t="s">
        <v>50</v>
      </c>
      <c r="C7924" t="s">
        <v>117</v>
      </c>
      <c r="D7924" t="s">
        <v>118</v>
      </c>
      <c r="E7924">
        <v>2016</v>
      </c>
      <c r="F7924">
        <v>2016</v>
      </c>
      <c r="G7924" t="s">
        <v>14</v>
      </c>
      <c r="H7924" t="s">
        <v>121</v>
      </c>
      <c r="I7924" t="s">
        <v>15</v>
      </c>
      <c r="J7924" s="10">
        <v>28.232326130000001</v>
      </c>
    </row>
    <row r="7925" spans="1:10" x14ac:dyDescent="0.35">
      <c r="A7925" t="s">
        <v>35</v>
      </c>
      <c r="B7925" t="s">
        <v>50</v>
      </c>
      <c r="C7925" t="s">
        <v>117</v>
      </c>
      <c r="D7925" t="s">
        <v>118</v>
      </c>
      <c r="E7925">
        <v>2016</v>
      </c>
      <c r="F7925">
        <v>2016</v>
      </c>
      <c r="G7925" t="s">
        <v>14</v>
      </c>
      <c r="H7925" t="s">
        <v>122</v>
      </c>
      <c r="I7925" t="s">
        <v>15</v>
      </c>
      <c r="J7925" s="10">
        <v>20.62668425</v>
      </c>
    </row>
    <row r="7926" spans="1:10" x14ac:dyDescent="0.35">
      <c r="A7926" t="s">
        <v>35</v>
      </c>
      <c r="B7926" t="s">
        <v>50</v>
      </c>
      <c r="C7926" t="s">
        <v>117</v>
      </c>
      <c r="D7926" t="s">
        <v>118</v>
      </c>
      <c r="E7926">
        <v>2016</v>
      </c>
      <c r="F7926">
        <v>2016</v>
      </c>
      <c r="G7926" t="s">
        <v>14</v>
      </c>
      <c r="H7926" t="s">
        <v>123</v>
      </c>
      <c r="I7926" t="s">
        <v>15</v>
      </c>
      <c r="J7926" s="10">
        <v>17.04030732</v>
      </c>
    </row>
    <row r="7927" spans="1:10" x14ac:dyDescent="0.35">
      <c r="A7927" t="s">
        <v>35</v>
      </c>
      <c r="B7927" t="s">
        <v>50</v>
      </c>
      <c r="C7927" t="s">
        <v>117</v>
      </c>
      <c r="D7927" t="s">
        <v>118</v>
      </c>
      <c r="E7927">
        <v>2016</v>
      </c>
      <c r="F7927">
        <v>2016</v>
      </c>
      <c r="G7927" t="s">
        <v>14</v>
      </c>
      <c r="H7927" t="s">
        <v>124</v>
      </c>
      <c r="I7927" t="s">
        <v>15</v>
      </c>
      <c r="J7927" s="10">
        <v>2.9599793590000001</v>
      </c>
    </row>
    <row r="7928" spans="1:10" x14ac:dyDescent="0.35">
      <c r="A7928" t="s">
        <v>35</v>
      </c>
      <c r="B7928" t="s">
        <v>50</v>
      </c>
      <c r="C7928" t="s">
        <v>117</v>
      </c>
      <c r="D7928" t="s">
        <v>118</v>
      </c>
      <c r="E7928">
        <v>2016</v>
      </c>
      <c r="F7928">
        <v>2016</v>
      </c>
      <c r="G7928" t="s">
        <v>125</v>
      </c>
      <c r="H7928" t="s">
        <v>119</v>
      </c>
      <c r="I7928" t="s">
        <v>15</v>
      </c>
      <c r="J7928" s="10">
        <v>22.234250490000001</v>
      </c>
    </row>
    <row r="7929" spans="1:10" x14ac:dyDescent="0.35">
      <c r="A7929" t="s">
        <v>35</v>
      </c>
      <c r="B7929" t="s">
        <v>50</v>
      </c>
      <c r="C7929" t="s">
        <v>117</v>
      </c>
      <c r="D7929" t="s">
        <v>118</v>
      </c>
      <c r="E7929">
        <v>2016</v>
      </c>
      <c r="F7929">
        <v>2016</v>
      </c>
      <c r="G7929" t="s">
        <v>125</v>
      </c>
      <c r="H7929" t="s">
        <v>120</v>
      </c>
      <c r="I7929" t="s">
        <v>15</v>
      </c>
      <c r="J7929" s="10">
        <v>11.700496169999999</v>
      </c>
    </row>
    <row r="7930" spans="1:10" x14ac:dyDescent="0.35">
      <c r="A7930" t="s">
        <v>35</v>
      </c>
      <c r="B7930" t="s">
        <v>50</v>
      </c>
      <c r="C7930" t="s">
        <v>117</v>
      </c>
      <c r="D7930" t="s">
        <v>118</v>
      </c>
      <c r="E7930">
        <v>2016</v>
      </c>
      <c r="F7930">
        <v>2016</v>
      </c>
      <c r="G7930" t="s">
        <v>125</v>
      </c>
      <c r="H7930" t="s">
        <v>121</v>
      </c>
      <c r="I7930" t="s">
        <v>15</v>
      </c>
      <c r="J7930" s="10">
        <v>27.70711171</v>
      </c>
    </row>
    <row r="7931" spans="1:10" x14ac:dyDescent="0.35">
      <c r="A7931" t="s">
        <v>35</v>
      </c>
      <c r="B7931" t="s">
        <v>50</v>
      </c>
      <c r="C7931" t="s">
        <v>117</v>
      </c>
      <c r="D7931" t="s">
        <v>118</v>
      </c>
      <c r="E7931">
        <v>2016</v>
      </c>
      <c r="F7931">
        <v>2016</v>
      </c>
      <c r="G7931" t="s">
        <v>125</v>
      </c>
      <c r="H7931" t="s">
        <v>122</v>
      </c>
      <c r="I7931" t="s">
        <v>15</v>
      </c>
      <c r="J7931" s="10">
        <v>20.634491050000001</v>
      </c>
    </row>
    <row r="7932" spans="1:10" x14ac:dyDescent="0.35">
      <c r="A7932" t="s">
        <v>35</v>
      </c>
      <c r="B7932" t="s">
        <v>50</v>
      </c>
      <c r="C7932" t="s">
        <v>117</v>
      </c>
      <c r="D7932" t="s">
        <v>118</v>
      </c>
      <c r="E7932">
        <v>2016</v>
      </c>
      <c r="F7932">
        <v>2016</v>
      </c>
      <c r="G7932" t="s">
        <v>125</v>
      </c>
      <c r="H7932" t="s">
        <v>123</v>
      </c>
      <c r="I7932" t="s">
        <v>15</v>
      </c>
      <c r="J7932" s="10">
        <v>15.71192302</v>
      </c>
    </row>
    <row r="7933" spans="1:10" x14ac:dyDescent="0.35">
      <c r="A7933" t="s">
        <v>35</v>
      </c>
      <c r="B7933" t="s">
        <v>50</v>
      </c>
      <c r="C7933" t="s">
        <v>117</v>
      </c>
      <c r="D7933" t="s">
        <v>118</v>
      </c>
      <c r="E7933">
        <v>2016</v>
      </c>
      <c r="F7933">
        <v>2016</v>
      </c>
      <c r="G7933" t="s">
        <v>125</v>
      </c>
      <c r="H7933" t="s">
        <v>124</v>
      </c>
      <c r="I7933" t="s">
        <v>15</v>
      </c>
      <c r="J7933" s="10">
        <v>2.0117275600000002</v>
      </c>
    </row>
    <row r="7934" spans="1:10" x14ac:dyDescent="0.35">
      <c r="A7934" t="s">
        <v>35</v>
      </c>
      <c r="B7934" t="s">
        <v>50</v>
      </c>
      <c r="C7934" t="s">
        <v>117</v>
      </c>
      <c r="D7934" t="s">
        <v>118</v>
      </c>
      <c r="E7934">
        <v>2016</v>
      </c>
      <c r="F7934">
        <v>2016</v>
      </c>
      <c r="G7934" t="s">
        <v>126</v>
      </c>
      <c r="H7934" t="s">
        <v>119</v>
      </c>
      <c r="I7934" t="s">
        <v>15</v>
      </c>
      <c r="J7934" s="10">
        <v>19.378783309999999</v>
      </c>
    </row>
    <row r="7935" spans="1:10" x14ac:dyDescent="0.35">
      <c r="A7935" t="s">
        <v>35</v>
      </c>
      <c r="B7935" t="s">
        <v>50</v>
      </c>
      <c r="C7935" t="s">
        <v>117</v>
      </c>
      <c r="D7935" t="s">
        <v>118</v>
      </c>
      <c r="E7935">
        <v>2016</v>
      </c>
      <c r="F7935">
        <v>2016</v>
      </c>
      <c r="G7935" t="s">
        <v>126</v>
      </c>
      <c r="H7935" t="s">
        <v>120</v>
      </c>
      <c r="I7935" t="s">
        <v>15</v>
      </c>
      <c r="J7935" s="10">
        <v>9.2169054209999999</v>
      </c>
    </row>
    <row r="7936" spans="1:10" x14ac:dyDescent="0.35">
      <c r="A7936" t="s">
        <v>35</v>
      </c>
      <c r="B7936" t="s">
        <v>50</v>
      </c>
      <c r="C7936" t="s">
        <v>117</v>
      </c>
      <c r="D7936" t="s">
        <v>118</v>
      </c>
      <c r="E7936">
        <v>2016</v>
      </c>
      <c r="F7936">
        <v>2016</v>
      </c>
      <c r="G7936" t="s">
        <v>126</v>
      </c>
      <c r="H7936" t="s">
        <v>121</v>
      </c>
      <c r="I7936" t="s">
        <v>15</v>
      </c>
      <c r="J7936" s="10">
        <v>28.71072886</v>
      </c>
    </row>
    <row r="7937" spans="1:10" x14ac:dyDescent="0.35">
      <c r="A7937" t="s">
        <v>35</v>
      </c>
      <c r="B7937" t="s">
        <v>50</v>
      </c>
      <c r="C7937" t="s">
        <v>117</v>
      </c>
      <c r="D7937" t="s">
        <v>118</v>
      </c>
      <c r="E7937">
        <v>2016</v>
      </c>
      <c r="F7937">
        <v>2016</v>
      </c>
      <c r="G7937" t="s">
        <v>126</v>
      </c>
      <c r="H7937" t="s">
        <v>122</v>
      </c>
      <c r="I7937" t="s">
        <v>15</v>
      </c>
      <c r="J7937" s="10">
        <v>20.619573259999999</v>
      </c>
    </row>
    <row r="7938" spans="1:10" x14ac:dyDescent="0.35">
      <c r="A7938" t="s">
        <v>35</v>
      </c>
      <c r="B7938" t="s">
        <v>50</v>
      </c>
      <c r="C7938" t="s">
        <v>117</v>
      </c>
      <c r="D7938" t="s">
        <v>118</v>
      </c>
      <c r="E7938">
        <v>2016</v>
      </c>
      <c r="F7938">
        <v>2016</v>
      </c>
      <c r="G7938" t="s">
        <v>126</v>
      </c>
      <c r="H7938" t="s">
        <v>123</v>
      </c>
      <c r="I7938" t="s">
        <v>15</v>
      </c>
      <c r="J7938" s="10">
        <v>18.250294449999998</v>
      </c>
    </row>
    <row r="7939" spans="1:10" x14ac:dyDescent="0.35">
      <c r="A7939" t="s">
        <v>35</v>
      </c>
      <c r="B7939" t="s">
        <v>50</v>
      </c>
      <c r="C7939" t="s">
        <v>117</v>
      </c>
      <c r="D7939" t="s">
        <v>118</v>
      </c>
      <c r="E7939">
        <v>2016</v>
      </c>
      <c r="F7939">
        <v>2016</v>
      </c>
      <c r="G7939" t="s">
        <v>126</v>
      </c>
      <c r="H7939" t="s">
        <v>124</v>
      </c>
      <c r="I7939" t="s">
        <v>15</v>
      </c>
      <c r="J7939" s="10">
        <v>3.8237147</v>
      </c>
    </row>
    <row r="7940" spans="1:10" x14ac:dyDescent="0.35">
      <c r="A7940" t="s">
        <v>35</v>
      </c>
      <c r="B7940" t="s">
        <v>50</v>
      </c>
      <c r="C7940" t="s">
        <v>117</v>
      </c>
      <c r="D7940" t="s">
        <v>118</v>
      </c>
      <c r="E7940">
        <v>2015</v>
      </c>
      <c r="F7940">
        <v>2015</v>
      </c>
      <c r="G7940" t="s">
        <v>14</v>
      </c>
      <c r="H7940" t="s">
        <v>119</v>
      </c>
      <c r="I7940" t="s">
        <v>15</v>
      </c>
      <c r="J7940" s="10">
        <v>20.53957565</v>
      </c>
    </row>
    <row r="7941" spans="1:10" x14ac:dyDescent="0.35">
      <c r="A7941" t="s">
        <v>35</v>
      </c>
      <c r="B7941" t="s">
        <v>50</v>
      </c>
      <c r="C7941" t="s">
        <v>117</v>
      </c>
      <c r="D7941" t="s">
        <v>118</v>
      </c>
      <c r="E7941">
        <v>2015</v>
      </c>
      <c r="F7941">
        <v>2015</v>
      </c>
      <c r="G7941" t="s">
        <v>14</v>
      </c>
      <c r="H7941" t="s">
        <v>120</v>
      </c>
      <c r="I7941" t="s">
        <v>15</v>
      </c>
      <c r="J7941" s="10">
        <v>10.47514005</v>
      </c>
    </row>
    <row r="7942" spans="1:10" x14ac:dyDescent="0.35">
      <c r="A7942" t="s">
        <v>35</v>
      </c>
      <c r="B7942" t="s">
        <v>50</v>
      </c>
      <c r="C7942" t="s">
        <v>117</v>
      </c>
      <c r="D7942" t="s">
        <v>118</v>
      </c>
      <c r="E7942">
        <v>2015</v>
      </c>
      <c r="F7942">
        <v>2015</v>
      </c>
      <c r="G7942" t="s">
        <v>14</v>
      </c>
      <c r="H7942" t="s">
        <v>121</v>
      </c>
      <c r="I7942" t="s">
        <v>15</v>
      </c>
      <c r="J7942" s="10">
        <v>28.276202359999999</v>
      </c>
    </row>
    <row r="7943" spans="1:10" x14ac:dyDescent="0.35">
      <c r="A7943" t="s">
        <v>35</v>
      </c>
      <c r="B7943" t="s">
        <v>50</v>
      </c>
      <c r="C7943" t="s">
        <v>117</v>
      </c>
      <c r="D7943" t="s">
        <v>118</v>
      </c>
      <c r="E7943">
        <v>2015</v>
      </c>
      <c r="F7943">
        <v>2015</v>
      </c>
      <c r="G7943" t="s">
        <v>14</v>
      </c>
      <c r="H7943" t="s">
        <v>122</v>
      </c>
      <c r="I7943" t="s">
        <v>15</v>
      </c>
      <c r="J7943" s="10">
        <v>20.799349840000001</v>
      </c>
    </row>
    <row r="7944" spans="1:10" x14ac:dyDescent="0.35">
      <c r="A7944" t="s">
        <v>35</v>
      </c>
      <c r="B7944" t="s">
        <v>50</v>
      </c>
      <c r="C7944" t="s">
        <v>117</v>
      </c>
      <c r="D7944" t="s">
        <v>118</v>
      </c>
      <c r="E7944">
        <v>2015</v>
      </c>
      <c r="F7944">
        <v>2015</v>
      </c>
      <c r="G7944" t="s">
        <v>14</v>
      </c>
      <c r="H7944" t="s">
        <v>123</v>
      </c>
      <c r="I7944" t="s">
        <v>15</v>
      </c>
      <c r="J7944" s="10">
        <v>17.018837260000002</v>
      </c>
    </row>
    <row r="7945" spans="1:10" x14ac:dyDescent="0.35">
      <c r="A7945" t="s">
        <v>35</v>
      </c>
      <c r="B7945" t="s">
        <v>50</v>
      </c>
      <c r="C7945" t="s">
        <v>117</v>
      </c>
      <c r="D7945" t="s">
        <v>118</v>
      </c>
      <c r="E7945">
        <v>2015</v>
      </c>
      <c r="F7945">
        <v>2015</v>
      </c>
      <c r="G7945" t="s">
        <v>14</v>
      </c>
      <c r="H7945" t="s">
        <v>124</v>
      </c>
      <c r="I7945" t="s">
        <v>15</v>
      </c>
      <c r="J7945" s="10">
        <v>2.8908948419999998</v>
      </c>
    </row>
    <row r="7946" spans="1:10" x14ac:dyDescent="0.35">
      <c r="A7946" t="s">
        <v>35</v>
      </c>
      <c r="B7946" t="s">
        <v>50</v>
      </c>
      <c r="C7946" t="s">
        <v>117</v>
      </c>
      <c r="D7946" t="s">
        <v>118</v>
      </c>
      <c r="E7946">
        <v>2015</v>
      </c>
      <c r="F7946">
        <v>2015</v>
      </c>
      <c r="G7946" t="s">
        <v>125</v>
      </c>
      <c r="H7946" t="s">
        <v>119</v>
      </c>
      <c r="I7946" t="s">
        <v>15</v>
      </c>
      <c r="J7946" s="10">
        <v>22.107953510000002</v>
      </c>
    </row>
    <row r="7947" spans="1:10" x14ac:dyDescent="0.35">
      <c r="A7947" t="s">
        <v>35</v>
      </c>
      <c r="B7947" t="s">
        <v>50</v>
      </c>
      <c r="C7947" t="s">
        <v>117</v>
      </c>
      <c r="D7947" t="s">
        <v>118</v>
      </c>
      <c r="E7947">
        <v>2015</v>
      </c>
      <c r="F7947">
        <v>2015</v>
      </c>
      <c r="G7947" t="s">
        <v>125</v>
      </c>
      <c r="H7947" t="s">
        <v>120</v>
      </c>
      <c r="I7947" t="s">
        <v>15</v>
      </c>
      <c r="J7947" s="10">
        <v>11.756830770000001</v>
      </c>
    </row>
    <row r="7948" spans="1:10" x14ac:dyDescent="0.35">
      <c r="A7948" t="s">
        <v>35</v>
      </c>
      <c r="B7948" t="s">
        <v>50</v>
      </c>
      <c r="C7948" t="s">
        <v>117</v>
      </c>
      <c r="D7948" t="s">
        <v>118</v>
      </c>
      <c r="E7948">
        <v>2015</v>
      </c>
      <c r="F7948">
        <v>2015</v>
      </c>
      <c r="G7948" t="s">
        <v>125</v>
      </c>
      <c r="H7948" t="s">
        <v>121</v>
      </c>
      <c r="I7948" t="s">
        <v>15</v>
      </c>
      <c r="J7948" s="10">
        <v>27.7459989</v>
      </c>
    </row>
    <row r="7949" spans="1:10" x14ac:dyDescent="0.35">
      <c r="A7949" t="s">
        <v>35</v>
      </c>
      <c r="B7949" t="s">
        <v>50</v>
      </c>
      <c r="C7949" t="s">
        <v>117</v>
      </c>
      <c r="D7949" t="s">
        <v>118</v>
      </c>
      <c r="E7949">
        <v>2015</v>
      </c>
      <c r="F7949">
        <v>2015</v>
      </c>
      <c r="G7949" t="s">
        <v>125</v>
      </c>
      <c r="H7949" t="s">
        <v>122</v>
      </c>
      <c r="I7949" t="s">
        <v>15</v>
      </c>
      <c r="J7949" s="10">
        <v>20.735714720000001</v>
      </c>
    </row>
    <row r="7950" spans="1:10" x14ac:dyDescent="0.35">
      <c r="A7950" t="s">
        <v>35</v>
      </c>
      <c r="B7950" t="s">
        <v>50</v>
      </c>
      <c r="C7950" t="s">
        <v>117</v>
      </c>
      <c r="D7950" t="s">
        <v>118</v>
      </c>
      <c r="E7950">
        <v>2015</v>
      </c>
      <c r="F7950">
        <v>2015</v>
      </c>
      <c r="G7950" t="s">
        <v>125</v>
      </c>
      <c r="H7950" t="s">
        <v>123</v>
      </c>
      <c r="I7950" t="s">
        <v>15</v>
      </c>
      <c r="J7950" s="10">
        <v>15.64534778</v>
      </c>
    </row>
    <row r="7951" spans="1:10" x14ac:dyDescent="0.35">
      <c r="A7951" t="s">
        <v>35</v>
      </c>
      <c r="B7951" t="s">
        <v>50</v>
      </c>
      <c r="C7951" t="s">
        <v>117</v>
      </c>
      <c r="D7951" t="s">
        <v>118</v>
      </c>
      <c r="E7951">
        <v>2015</v>
      </c>
      <c r="F7951">
        <v>2015</v>
      </c>
      <c r="G7951" t="s">
        <v>125</v>
      </c>
      <c r="H7951" t="s">
        <v>124</v>
      </c>
      <c r="I7951" t="s">
        <v>15</v>
      </c>
      <c r="J7951" s="10">
        <v>2.0081543239999999</v>
      </c>
    </row>
    <row r="7952" spans="1:10" x14ac:dyDescent="0.35">
      <c r="A7952" t="s">
        <v>35</v>
      </c>
      <c r="B7952" t="s">
        <v>50</v>
      </c>
      <c r="C7952" t="s">
        <v>117</v>
      </c>
      <c r="D7952" t="s">
        <v>118</v>
      </c>
      <c r="E7952">
        <v>2015</v>
      </c>
      <c r="F7952">
        <v>2015</v>
      </c>
      <c r="G7952" t="s">
        <v>126</v>
      </c>
      <c r="H7952" t="s">
        <v>119</v>
      </c>
      <c r="I7952" t="s">
        <v>15</v>
      </c>
      <c r="J7952" s="10">
        <v>19.109322970000001</v>
      </c>
    </row>
    <row r="7953" spans="1:10" x14ac:dyDescent="0.35">
      <c r="A7953" t="s">
        <v>35</v>
      </c>
      <c r="B7953" t="s">
        <v>50</v>
      </c>
      <c r="C7953" t="s">
        <v>117</v>
      </c>
      <c r="D7953" t="s">
        <v>118</v>
      </c>
      <c r="E7953">
        <v>2015</v>
      </c>
      <c r="F7953">
        <v>2015</v>
      </c>
      <c r="G7953" t="s">
        <v>126</v>
      </c>
      <c r="H7953" t="s">
        <v>120</v>
      </c>
      <c r="I7953" t="s">
        <v>15</v>
      </c>
      <c r="J7953" s="10">
        <v>9.3063263040000006</v>
      </c>
    </row>
    <row r="7954" spans="1:10" x14ac:dyDescent="0.35">
      <c r="A7954" t="s">
        <v>35</v>
      </c>
      <c r="B7954" t="s">
        <v>50</v>
      </c>
      <c r="C7954" t="s">
        <v>117</v>
      </c>
      <c r="D7954" t="s">
        <v>118</v>
      </c>
      <c r="E7954">
        <v>2015</v>
      </c>
      <c r="F7954">
        <v>2015</v>
      </c>
      <c r="G7954" t="s">
        <v>126</v>
      </c>
      <c r="H7954" t="s">
        <v>121</v>
      </c>
      <c r="I7954" t="s">
        <v>15</v>
      </c>
      <c r="J7954" s="10">
        <v>28.759711429999999</v>
      </c>
    </row>
    <row r="7955" spans="1:10" x14ac:dyDescent="0.35">
      <c r="A7955" t="s">
        <v>35</v>
      </c>
      <c r="B7955" t="s">
        <v>50</v>
      </c>
      <c r="C7955" t="s">
        <v>117</v>
      </c>
      <c r="D7955" t="s">
        <v>118</v>
      </c>
      <c r="E7955">
        <v>2015</v>
      </c>
      <c r="F7955">
        <v>2015</v>
      </c>
      <c r="G7955" t="s">
        <v>126</v>
      </c>
      <c r="H7955" t="s">
        <v>122</v>
      </c>
      <c r="I7955" t="s">
        <v>15</v>
      </c>
      <c r="J7955" s="10">
        <v>20.857380689999999</v>
      </c>
    </row>
    <row r="7956" spans="1:10" x14ac:dyDescent="0.35">
      <c r="A7956" t="s">
        <v>35</v>
      </c>
      <c r="B7956" t="s">
        <v>50</v>
      </c>
      <c r="C7956" t="s">
        <v>117</v>
      </c>
      <c r="D7956" t="s">
        <v>118</v>
      </c>
      <c r="E7956">
        <v>2015</v>
      </c>
      <c r="F7956">
        <v>2015</v>
      </c>
      <c r="G7956" t="s">
        <v>126</v>
      </c>
      <c r="H7956" t="s">
        <v>123</v>
      </c>
      <c r="I7956" t="s">
        <v>15</v>
      </c>
      <c r="J7956" s="10">
        <v>18.271365150000001</v>
      </c>
    </row>
    <row r="7957" spans="1:10" x14ac:dyDescent="0.35">
      <c r="A7957" t="s">
        <v>35</v>
      </c>
      <c r="B7957" t="s">
        <v>50</v>
      </c>
      <c r="C7957" t="s">
        <v>117</v>
      </c>
      <c r="D7957" t="s">
        <v>118</v>
      </c>
      <c r="E7957">
        <v>2015</v>
      </c>
      <c r="F7957">
        <v>2015</v>
      </c>
      <c r="G7957" t="s">
        <v>126</v>
      </c>
      <c r="H7957" t="s">
        <v>124</v>
      </c>
      <c r="I7957" t="s">
        <v>15</v>
      </c>
      <c r="J7957" s="10">
        <v>3.695893452</v>
      </c>
    </row>
    <row r="7958" spans="1:10" x14ac:dyDescent="0.35">
      <c r="A7958" t="s">
        <v>35</v>
      </c>
      <c r="B7958" t="s">
        <v>50</v>
      </c>
      <c r="C7958" t="s">
        <v>117</v>
      </c>
      <c r="D7958" t="s">
        <v>118</v>
      </c>
      <c r="E7958">
        <v>2014</v>
      </c>
      <c r="F7958">
        <v>2014</v>
      </c>
      <c r="G7958" t="s">
        <v>14</v>
      </c>
      <c r="H7958" t="s">
        <v>119</v>
      </c>
      <c r="I7958" t="s">
        <v>15</v>
      </c>
      <c r="J7958" s="10">
        <v>20.363860079999998</v>
      </c>
    </row>
    <row r="7959" spans="1:10" x14ac:dyDescent="0.35">
      <c r="A7959" t="s">
        <v>35</v>
      </c>
      <c r="B7959" t="s">
        <v>50</v>
      </c>
      <c r="C7959" t="s">
        <v>117</v>
      </c>
      <c r="D7959" t="s">
        <v>118</v>
      </c>
      <c r="E7959">
        <v>2014</v>
      </c>
      <c r="F7959">
        <v>2014</v>
      </c>
      <c r="G7959" t="s">
        <v>14</v>
      </c>
      <c r="H7959" t="s">
        <v>120</v>
      </c>
      <c r="I7959" t="s">
        <v>15</v>
      </c>
      <c r="J7959" s="10">
        <v>10.722446830000001</v>
      </c>
    </row>
    <row r="7960" spans="1:10" x14ac:dyDescent="0.35">
      <c r="A7960" t="s">
        <v>35</v>
      </c>
      <c r="B7960" t="s">
        <v>50</v>
      </c>
      <c r="C7960" t="s">
        <v>117</v>
      </c>
      <c r="D7960" t="s">
        <v>118</v>
      </c>
      <c r="E7960">
        <v>2014</v>
      </c>
      <c r="F7960">
        <v>2014</v>
      </c>
      <c r="G7960" t="s">
        <v>14</v>
      </c>
      <c r="H7960" t="s">
        <v>121</v>
      </c>
      <c r="I7960" t="s">
        <v>15</v>
      </c>
      <c r="J7960" s="10">
        <v>28.344172969999999</v>
      </c>
    </row>
    <row r="7961" spans="1:10" x14ac:dyDescent="0.35">
      <c r="A7961" t="s">
        <v>35</v>
      </c>
      <c r="B7961" t="s">
        <v>50</v>
      </c>
      <c r="C7961" t="s">
        <v>117</v>
      </c>
      <c r="D7961" t="s">
        <v>118</v>
      </c>
      <c r="E7961">
        <v>2014</v>
      </c>
      <c r="F7961">
        <v>2014</v>
      </c>
      <c r="G7961" t="s">
        <v>14</v>
      </c>
      <c r="H7961" t="s">
        <v>122</v>
      </c>
      <c r="I7961" t="s">
        <v>15</v>
      </c>
      <c r="J7961" s="10">
        <v>20.89705279</v>
      </c>
    </row>
    <row r="7962" spans="1:10" x14ac:dyDescent="0.35">
      <c r="A7962" t="s">
        <v>35</v>
      </c>
      <c r="B7962" t="s">
        <v>50</v>
      </c>
      <c r="C7962" t="s">
        <v>117</v>
      </c>
      <c r="D7962" t="s">
        <v>118</v>
      </c>
      <c r="E7962">
        <v>2014</v>
      </c>
      <c r="F7962">
        <v>2014</v>
      </c>
      <c r="G7962" t="s">
        <v>14</v>
      </c>
      <c r="H7962" t="s">
        <v>123</v>
      </c>
      <c r="I7962" t="s">
        <v>15</v>
      </c>
      <c r="J7962" s="10">
        <v>16.85709263</v>
      </c>
    </row>
    <row r="7963" spans="1:10" x14ac:dyDescent="0.35">
      <c r="A7963" t="s">
        <v>35</v>
      </c>
      <c r="B7963" t="s">
        <v>50</v>
      </c>
      <c r="C7963" t="s">
        <v>117</v>
      </c>
      <c r="D7963" t="s">
        <v>118</v>
      </c>
      <c r="E7963">
        <v>2014</v>
      </c>
      <c r="F7963">
        <v>2014</v>
      </c>
      <c r="G7963" t="s">
        <v>14</v>
      </c>
      <c r="H7963" t="s">
        <v>124</v>
      </c>
      <c r="I7963" t="s">
        <v>15</v>
      </c>
      <c r="J7963" s="10">
        <v>2.8153747</v>
      </c>
    </row>
    <row r="7964" spans="1:10" x14ac:dyDescent="0.35">
      <c r="A7964" t="s">
        <v>35</v>
      </c>
      <c r="B7964" t="s">
        <v>50</v>
      </c>
      <c r="C7964" t="s">
        <v>117</v>
      </c>
      <c r="D7964" t="s">
        <v>118</v>
      </c>
      <c r="E7964">
        <v>2014</v>
      </c>
      <c r="F7964">
        <v>2014</v>
      </c>
      <c r="G7964" t="s">
        <v>125</v>
      </c>
      <c r="H7964" t="s">
        <v>119</v>
      </c>
      <c r="I7964" t="s">
        <v>15</v>
      </c>
      <c r="J7964" s="10">
        <v>21.747942510000001</v>
      </c>
    </row>
    <row r="7965" spans="1:10" x14ac:dyDescent="0.35">
      <c r="A7965" t="s">
        <v>35</v>
      </c>
      <c r="B7965" t="s">
        <v>50</v>
      </c>
      <c r="C7965" t="s">
        <v>117</v>
      </c>
      <c r="D7965" t="s">
        <v>118</v>
      </c>
      <c r="E7965">
        <v>2014</v>
      </c>
      <c r="F7965">
        <v>2014</v>
      </c>
      <c r="G7965" t="s">
        <v>125</v>
      </c>
      <c r="H7965" t="s">
        <v>120</v>
      </c>
      <c r="I7965" t="s">
        <v>15</v>
      </c>
      <c r="J7965" s="10">
        <v>12.047045819999999</v>
      </c>
    </row>
    <row r="7966" spans="1:10" x14ac:dyDescent="0.35">
      <c r="A7966" t="s">
        <v>35</v>
      </c>
      <c r="B7966" t="s">
        <v>50</v>
      </c>
      <c r="C7966" t="s">
        <v>117</v>
      </c>
      <c r="D7966" t="s">
        <v>118</v>
      </c>
      <c r="E7966">
        <v>2014</v>
      </c>
      <c r="F7966">
        <v>2014</v>
      </c>
      <c r="G7966" t="s">
        <v>125</v>
      </c>
      <c r="H7966" t="s">
        <v>121</v>
      </c>
      <c r="I7966" t="s">
        <v>15</v>
      </c>
      <c r="J7966" s="10">
        <v>27.751504730000001</v>
      </c>
    </row>
    <row r="7967" spans="1:10" x14ac:dyDescent="0.35">
      <c r="A7967" t="s">
        <v>35</v>
      </c>
      <c r="B7967" t="s">
        <v>50</v>
      </c>
      <c r="C7967" t="s">
        <v>117</v>
      </c>
      <c r="D7967" t="s">
        <v>118</v>
      </c>
      <c r="E7967">
        <v>2014</v>
      </c>
      <c r="F7967">
        <v>2014</v>
      </c>
      <c r="G7967" t="s">
        <v>125</v>
      </c>
      <c r="H7967" t="s">
        <v>122</v>
      </c>
      <c r="I7967" t="s">
        <v>15</v>
      </c>
      <c r="J7967" s="10">
        <v>20.989436189999999</v>
      </c>
    </row>
    <row r="7968" spans="1:10" x14ac:dyDescent="0.35">
      <c r="A7968" t="s">
        <v>35</v>
      </c>
      <c r="B7968" t="s">
        <v>50</v>
      </c>
      <c r="C7968" t="s">
        <v>117</v>
      </c>
      <c r="D7968" t="s">
        <v>118</v>
      </c>
      <c r="E7968">
        <v>2014</v>
      </c>
      <c r="F7968">
        <v>2014</v>
      </c>
      <c r="G7968" t="s">
        <v>125</v>
      </c>
      <c r="H7968" t="s">
        <v>123</v>
      </c>
      <c r="I7968" t="s">
        <v>15</v>
      </c>
      <c r="J7968" s="10">
        <v>15.523277240000001</v>
      </c>
    </row>
    <row r="7969" spans="1:10" x14ac:dyDescent="0.35">
      <c r="A7969" t="s">
        <v>35</v>
      </c>
      <c r="B7969" t="s">
        <v>50</v>
      </c>
      <c r="C7969" t="s">
        <v>117</v>
      </c>
      <c r="D7969" t="s">
        <v>118</v>
      </c>
      <c r="E7969">
        <v>2014</v>
      </c>
      <c r="F7969">
        <v>2014</v>
      </c>
      <c r="G7969" t="s">
        <v>125</v>
      </c>
      <c r="H7969" t="s">
        <v>124</v>
      </c>
      <c r="I7969" t="s">
        <v>15</v>
      </c>
      <c r="J7969" s="10">
        <v>1.9407935140000001</v>
      </c>
    </row>
    <row r="7970" spans="1:10" x14ac:dyDescent="0.35">
      <c r="A7970" t="s">
        <v>35</v>
      </c>
      <c r="B7970" t="s">
        <v>50</v>
      </c>
      <c r="C7970" t="s">
        <v>117</v>
      </c>
      <c r="D7970" t="s">
        <v>118</v>
      </c>
      <c r="E7970">
        <v>2014</v>
      </c>
      <c r="F7970">
        <v>2014</v>
      </c>
      <c r="G7970" t="s">
        <v>126</v>
      </c>
      <c r="H7970" t="s">
        <v>119</v>
      </c>
      <c r="I7970" t="s">
        <v>15</v>
      </c>
      <c r="J7970" s="10">
        <v>19.10150123</v>
      </c>
    </row>
    <row r="7971" spans="1:10" x14ac:dyDescent="0.35">
      <c r="A7971" t="s">
        <v>35</v>
      </c>
      <c r="B7971" t="s">
        <v>50</v>
      </c>
      <c r="C7971" t="s">
        <v>117</v>
      </c>
      <c r="D7971" t="s">
        <v>118</v>
      </c>
      <c r="E7971">
        <v>2014</v>
      </c>
      <c r="F7971">
        <v>2014</v>
      </c>
      <c r="G7971" t="s">
        <v>126</v>
      </c>
      <c r="H7971" t="s">
        <v>120</v>
      </c>
      <c r="I7971" t="s">
        <v>15</v>
      </c>
      <c r="J7971" s="10">
        <v>9.5143401300000008</v>
      </c>
    </row>
    <row r="7972" spans="1:10" x14ac:dyDescent="0.35">
      <c r="A7972" t="s">
        <v>35</v>
      </c>
      <c r="B7972" t="s">
        <v>50</v>
      </c>
      <c r="C7972" t="s">
        <v>117</v>
      </c>
      <c r="D7972" t="s">
        <v>118</v>
      </c>
      <c r="E7972">
        <v>2014</v>
      </c>
      <c r="F7972">
        <v>2014</v>
      </c>
      <c r="G7972" t="s">
        <v>126</v>
      </c>
      <c r="H7972" t="s">
        <v>121</v>
      </c>
      <c r="I7972" t="s">
        <v>15</v>
      </c>
      <c r="J7972" s="10">
        <v>28.884718800000002</v>
      </c>
    </row>
    <row r="7973" spans="1:10" x14ac:dyDescent="0.35">
      <c r="A7973" t="s">
        <v>35</v>
      </c>
      <c r="B7973" t="s">
        <v>50</v>
      </c>
      <c r="C7973" t="s">
        <v>117</v>
      </c>
      <c r="D7973" t="s">
        <v>118</v>
      </c>
      <c r="E7973">
        <v>2014</v>
      </c>
      <c r="F7973">
        <v>2014</v>
      </c>
      <c r="G7973" t="s">
        <v>126</v>
      </c>
      <c r="H7973" t="s">
        <v>122</v>
      </c>
      <c r="I7973" t="s">
        <v>15</v>
      </c>
      <c r="J7973" s="10">
        <v>20.81279408</v>
      </c>
    </row>
    <row r="7974" spans="1:10" x14ac:dyDescent="0.35">
      <c r="A7974" t="s">
        <v>35</v>
      </c>
      <c r="B7974" t="s">
        <v>50</v>
      </c>
      <c r="C7974" t="s">
        <v>117</v>
      </c>
      <c r="D7974" t="s">
        <v>118</v>
      </c>
      <c r="E7974">
        <v>2014</v>
      </c>
      <c r="F7974">
        <v>2014</v>
      </c>
      <c r="G7974" t="s">
        <v>126</v>
      </c>
      <c r="H7974" t="s">
        <v>123</v>
      </c>
      <c r="I7974" t="s">
        <v>15</v>
      </c>
      <c r="J7974" s="10">
        <v>18.073605199999999</v>
      </c>
    </row>
    <row r="7975" spans="1:10" x14ac:dyDescent="0.35">
      <c r="A7975" t="s">
        <v>35</v>
      </c>
      <c r="B7975" t="s">
        <v>50</v>
      </c>
      <c r="C7975" t="s">
        <v>117</v>
      </c>
      <c r="D7975" t="s">
        <v>118</v>
      </c>
      <c r="E7975">
        <v>2014</v>
      </c>
      <c r="F7975">
        <v>2014</v>
      </c>
      <c r="G7975" t="s">
        <v>126</v>
      </c>
      <c r="H7975" t="s">
        <v>124</v>
      </c>
      <c r="I7975" t="s">
        <v>15</v>
      </c>
      <c r="J7975" s="10">
        <v>3.6130405560000001</v>
      </c>
    </row>
    <row r="7976" spans="1:10" x14ac:dyDescent="0.35">
      <c r="A7976" t="s">
        <v>35</v>
      </c>
      <c r="B7976" t="s">
        <v>50</v>
      </c>
      <c r="C7976" t="s">
        <v>117</v>
      </c>
      <c r="D7976" t="s">
        <v>118</v>
      </c>
      <c r="E7976">
        <v>2013</v>
      </c>
      <c r="F7976">
        <v>2013</v>
      </c>
      <c r="G7976" t="s">
        <v>14</v>
      </c>
      <c r="H7976" t="s">
        <v>119</v>
      </c>
      <c r="I7976" t="s">
        <v>15</v>
      </c>
      <c r="J7976" s="10">
        <v>20.220457509999999</v>
      </c>
    </row>
    <row r="7977" spans="1:10" x14ac:dyDescent="0.35">
      <c r="A7977" t="s">
        <v>35</v>
      </c>
      <c r="B7977" t="s">
        <v>50</v>
      </c>
      <c r="C7977" t="s">
        <v>117</v>
      </c>
      <c r="D7977" t="s">
        <v>118</v>
      </c>
      <c r="E7977">
        <v>2013</v>
      </c>
      <c r="F7977">
        <v>2013</v>
      </c>
      <c r="G7977" t="s">
        <v>14</v>
      </c>
      <c r="H7977" t="s">
        <v>120</v>
      </c>
      <c r="I7977" t="s">
        <v>15</v>
      </c>
      <c r="J7977" s="10">
        <v>10.7398957</v>
      </c>
    </row>
    <row r="7978" spans="1:10" x14ac:dyDescent="0.35">
      <c r="A7978" t="s">
        <v>35</v>
      </c>
      <c r="B7978" t="s">
        <v>50</v>
      </c>
      <c r="C7978" t="s">
        <v>117</v>
      </c>
      <c r="D7978" t="s">
        <v>118</v>
      </c>
      <c r="E7978">
        <v>2013</v>
      </c>
      <c r="F7978">
        <v>2013</v>
      </c>
      <c r="G7978" t="s">
        <v>14</v>
      </c>
      <c r="H7978" t="s">
        <v>121</v>
      </c>
      <c r="I7978" t="s">
        <v>15</v>
      </c>
      <c r="J7978" s="10">
        <v>28.589842359999999</v>
      </c>
    </row>
    <row r="7979" spans="1:10" x14ac:dyDescent="0.35">
      <c r="A7979" t="s">
        <v>35</v>
      </c>
      <c r="B7979" t="s">
        <v>50</v>
      </c>
      <c r="C7979" t="s">
        <v>117</v>
      </c>
      <c r="D7979" t="s">
        <v>118</v>
      </c>
      <c r="E7979">
        <v>2013</v>
      </c>
      <c r="F7979">
        <v>2013</v>
      </c>
      <c r="G7979" t="s">
        <v>14</v>
      </c>
      <c r="H7979" t="s">
        <v>122</v>
      </c>
      <c r="I7979" t="s">
        <v>15</v>
      </c>
      <c r="J7979" s="10">
        <v>20.971613130000001</v>
      </c>
    </row>
    <row r="7980" spans="1:10" x14ac:dyDescent="0.35">
      <c r="A7980" t="s">
        <v>35</v>
      </c>
      <c r="B7980" t="s">
        <v>50</v>
      </c>
      <c r="C7980" t="s">
        <v>117</v>
      </c>
      <c r="D7980" t="s">
        <v>118</v>
      </c>
      <c r="E7980">
        <v>2013</v>
      </c>
      <c r="F7980">
        <v>2013</v>
      </c>
      <c r="G7980" t="s">
        <v>14</v>
      </c>
      <c r="H7980" t="s">
        <v>123</v>
      </c>
      <c r="I7980" t="s">
        <v>15</v>
      </c>
      <c r="J7980" s="10">
        <v>16.713583029999999</v>
      </c>
    </row>
    <row r="7981" spans="1:10" x14ac:dyDescent="0.35">
      <c r="A7981" t="s">
        <v>35</v>
      </c>
      <c r="B7981" t="s">
        <v>50</v>
      </c>
      <c r="C7981" t="s">
        <v>117</v>
      </c>
      <c r="D7981" t="s">
        <v>118</v>
      </c>
      <c r="E7981">
        <v>2013</v>
      </c>
      <c r="F7981">
        <v>2013</v>
      </c>
      <c r="G7981" t="s">
        <v>14</v>
      </c>
      <c r="H7981" t="s">
        <v>124</v>
      </c>
      <c r="I7981" t="s">
        <v>15</v>
      </c>
      <c r="J7981" s="10">
        <v>2.7646082729999999</v>
      </c>
    </row>
    <row r="7982" spans="1:10" x14ac:dyDescent="0.35">
      <c r="A7982" t="s">
        <v>35</v>
      </c>
      <c r="B7982" t="s">
        <v>50</v>
      </c>
      <c r="C7982" t="s">
        <v>117</v>
      </c>
      <c r="D7982" t="s">
        <v>118</v>
      </c>
      <c r="E7982">
        <v>2013</v>
      </c>
      <c r="F7982">
        <v>2013</v>
      </c>
      <c r="G7982" t="s">
        <v>125</v>
      </c>
      <c r="H7982" t="s">
        <v>119</v>
      </c>
      <c r="I7982" t="s">
        <v>15</v>
      </c>
      <c r="J7982" s="10">
        <v>21.617341079999999</v>
      </c>
    </row>
    <row r="7983" spans="1:10" x14ac:dyDescent="0.35">
      <c r="A7983" t="s">
        <v>35</v>
      </c>
      <c r="B7983" t="s">
        <v>50</v>
      </c>
      <c r="C7983" t="s">
        <v>117</v>
      </c>
      <c r="D7983" t="s">
        <v>118</v>
      </c>
      <c r="E7983">
        <v>2013</v>
      </c>
      <c r="F7983">
        <v>2013</v>
      </c>
      <c r="G7983" t="s">
        <v>125</v>
      </c>
      <c r="H7983" t="s">
        <v>120</v>
      </c>
      <c r="I7983" t="s">
        <v>15</v>
      </c>
      <c r="J7983" s="10">
        <v>12.036893259999999</v>
      </c>
    </row>
    <row r="7984" spans="1:10" x14ac:dyDescent="0.35">
      <c r="A7984" t="s">
        <v>35</v>
      </c>
      <c r="B7984" t="s">
        <v>50</v>
      </c>
      <c r="C7984" t="s">
        <v>117</v>
      </c>
      <c r="D7984" t="s">
        <v>118</v>
      </c>
      <c r="E7984">
        <v>2013</v>
      </c>
      <c r="F7984">
        <v>2013</v>
      </c>
      <c r="G7984" t="s">
        <v>125</v>
      </c>
      <c r="H7984" t="s">
        <v>121</v>
      </c>
      <c r="I7984" t="s">
        <v>15</v>
      </c>
      <c r="J7984" s="10">
        <v>27.95875904</v>
      </c>
    </row>
    <row r="7985" spans="1:10" x14ac:dyDescent="0.35">
      <c r="A7985" t="s">
        <v>35</v>
      </c>
      <c r="B7985" t="s">
        <v>50</v>
      </c>
      <c r="C7985" t="s">
        <v>117</v>
      </c>
      <c r="D7985" t="s">
        <v>118</v>
      </c>
      <c r="E7985">
        <v>2013</v>
      </c>
      <c r="F7985">
        <v>2013</v>
      </c>
      <c r="G7985" t="s">
        <v>125</v>
      </c>
      <c r="H7985" t="s">
        <v>122</v>
      </c>
      <c r="I7985" t="s">
        <v>15</v>
      </c>
      <c r="J7985" s="10">
        <v>21.132884069999999</v>
      </c>
    </row>
    <row r="7986" spans="1:10" x14ac:dyDescent="0.35">
      <c r="A7986" t="s">
        <v>35</v>
      </c>
      <c r="B7986" t="s">
        <v>50</v>
      </c>
      <c r="C7986" t="s">
        <v>117</v>
      </c>
      <c r="D7986" t="s">
        <v>118</v>
      </c>
      <c r="E7986">
        <v>2013</v>
      </c>
      <c r="F7986">
        <v>2013</v>
      </c>
      <c r="G7986" t="s">
        <v>125</v>
      </c>
      <c r="H7986" t="s">
        <v>123</v>
      </c>
      <c r="I7986" t="s">
        <v>15</v>
      </c>
      <c r="J7986" s="10">
        <v>15.34734946</v>
      </c>
    </row>
    <row r="7987" spans="1:10" x14ac:dyDescent="0.35">
      <c r="A7987" t="s">
        <v>35</v>
      </c>
      <c r="B7987" t="s">
        <v>50</v>
      </c>
      <c r="C7987" t="s">
        <v>117</v>
      </c>
      <c r="D7987" t="s">
        <v>118</v>
      </c>
      <c r="E7987">
        <v>2013</v>
      </c>
      <c r="F7987">
        <v>2013</v>
      </c>
      <c r="G7987" t="s">
        <v>125</v>
      </c>
      <c r="H7987" t="s">
        <v>124</v>
      </c>
      <c r="I7987" t="s">
        <v>15</v>
      </c>
      <c r="J7987" s="10">
        <v>1.906773082</v>
      </c>
    </row>
    <row r="7988" spans="1:10" x14ac:dyDescent="0.35">
      <c r="A7988" t="s">
        <v>35</v>
      </c>
      <c r="B7988" t="s">
        <v>50</v>
      </c>
      <c r="C7988" t="s">
        <v>117</v>
      </c>
      <c r="D7988" t="s">
        <v>118</v>
      </c>
      <c r="E7988">
        <v>2013</v>
      </c>
      <c r="F7988">
        <v>2013</v>
      </c>
      <c r="G7988" t="s">
        <v>126</v>
      </c>
      <c r="H7988" t="s">
        <v>119</v>
      </c>
      <c r="I7988" t="s">
        <v>15</v>
      </c>
      <c r="J7988" s="10">
        <v>18.94602635</v>
      </c>
    </row>
    <row r="7989" spans="1:10" x14ac:dyDescent="0.35">
      <c r="A7989" t="s">
        <v>35</v>
      </c>
      <c r="B7989" t="s">
        <v>50</v>
      </c>
      <c r="C7989" t="s">
        <v>117</v>
      </c>
      <c r="D7989" t="s">
        <v>118</v>
      </c>
      <c r="E7989">
        <v>2013</v>
      </c>
      <c r="F7989">
        <v>2013</v>
      </c>
      <c r="G7989" t="s">
        <v>126</v>
      </c>
      <c r="H7989" t="s">
        <v>120</v>
      </c>
      <c r="I7989" t="s">
        <v>15</v>
      </c>
      <c r="J7989" s="10">
        <v>9.5565944179999995</v>
      </c>
    </row>
    <row r="7990" spans="1:10" x14ac:dyDescent="0.35">
      <c r="A7990" t="s">
        <v>35</v>
      </c>
      <c r="B7990" t="s">
        <v>50</v>
      </c>
      <c r="C7990" t="s">
        <v>117</v>
      </c>
      <c r="D7990" t="s">
        <v>118</v>
      </c>
      <c r="E7990">
        <v>2013</v>
      </c>
      <c r="F7990">
        <v>2013</v>
      </c>
      <c r="G7990" t="s">
        <v>126</v>
      </c>
      <c r="H7990" t="s">
        <v>121</v>
      </c>
      <c r="I7990" t="s">
        <v>15</v>
      </c>
      <c r="J7990" s="10">
        <v>29.16560419</v>
      </c>
    </row>
    <row r="7991" spans="1:10" x14ac:dyDescent="0.35">
      <c r="A7991" t="s">
        <v>35</v>
      </c>
      <c r="B7991" t="s">
        <v>50</v>
      </c>
      <c r="C7991" t="s">
        <v>117</v>
      </c>
      <c r="D7991" t="s">
        <v>118</v>
      </c>
      <c r="E7991">
        <v>2013</v>
      </c>
      <c r="F7991">
        <v>2013</v>
      </c>
      <c r="G7991" t="s">
        <v>126</v>
      </c>
      <c r="H7991" t="s">
        <v>122</v>
      </c>
      <c r="I7991" t="s">
        <v>15</v>
      </c>
      <c r="J7991" s="10">
        <v>20.82447939</v>
      </c>
    </row>
    <row r="7992" spans="1:10" x14ac:dyDescent="0.35">
      <c r="A7992" t="s">
        <v>35</v>
      </c>
      <c r="B7992" t="s">
        <v>50</v>
      </c>
      <c r="C7992" t="s">
        <v>117</v>
      </c>
      <c r="D7992" t="s">
        <v>118</v>
      </c>
      <c r="E7992">
        <v>2013</v>
      </c>
      <c r="F7992">
        <v>2013</v>
      </c>
      <c r="G7992" t="s">
        <v>126</v>
      </c>
      <c r="H7992" t="s">
        <v>123</v>
      </c>
      <c r="I7992" t="s">
        <v>15</v>
      </c>
      <c r="J7992" s="10">
        <v>17.960051</v>
      </c>
    </row>
    <row r="7993" spans="1:10" x14ac:dyDescent="0.35">
      <c r="A7993" t="s">
        <v>35</v>
      </c>
      <c r="B7993" t="s">
        <v>50</v>
      </c>
      <c r="C7993" t="s">
        <v>117</v>
      </c>
      <c r="D7993" t="s">
        <v>118</v>
      </c>
      <c r="E7993">
        <v>2013</v>
      </c>
      <c r="F7993">
        <v>2013</v>
      </c>
      <c r="G7993" t="s">
        <v>126</v>
      </c>
      <c r="H7993" t="s">
        <v>124</v>
      </c>
      <c r="I7993" t="s">
        <v>15</v>
      </c>
      <c r="J7993" s="10">
        <v>3.5472446519999998</v>
      </c>
    </row>
    <row r="7994" spans="1:10" x14ac:dyDescent="0.35">
      <c r="A7994" t="s">
        <v>35</v>
      </c>
      <c r="B7994" t="s">
        <v>50</v>
      </c>
      <c r="C7994" t="s">
        <v>117</v>
      </c>
      <c r="D7994" t="s">
        <v>118</v>
      </c>
      <c r="E7994">
        <v>2012</v>
      </c>
      <c r="F7994">
        <v>2012</v>
      </c>
      <c r="G7994" t="s">
        <v>14</v>
      </c>
      <c r="H7994" t="s">
        <v>119</v>
      </c>
      <c r="I7994" t="s">
        <v>15</v>
      </c>
      <c r="J7994" s="10">
        <v>20.117248679999999</v>
      </c>
    </row>
    <row r="7995" spans="1:10" x14ac:dyDescent="0.35">
      <c r="A7995" t="s">
        <v>35</v>
      </c>
      <c r="B7995" t="s">
        <v>50</v>
      </c>
      <c r="C7995" t="s">
        <v>117</v>
      </c>
      <c r="D7995" t="s">
        <v>118</v>
      </c>
      <c r="E7995">
        <v>2012</v>
      </c>
      <c r="F7995">
        <v>2012</v>
      </c>
      <c r="G7995" t="s">
        <v>14</v>
      </c>
      <c r="H7995" t="s">
        <v>120</v>
      </c>
      <c r="I7995" t="s">
        <v>15</v>
      </c>
      <c r="J7995" s="10">
        <v>10.805972819999999</v>
      </c>
    </row>
    <row r="7996" spans="1:10" x14ac:dyDescent="0.35">
      <c r="A7996" t="s">
        <v>35</v>
      </c>
      <c r="B7996" t="s">
        <v>50</v>
      </c>
      <c r="C7996" t="s">
        <v>117</v>
      </c>
      <c r="D7996" t="s">
        <v>118</v>
      </c>
      <c r="E7996">
        <v>2012</v>
      </c>
      <c r="F7996">
        <v>2012</v>
      </c>
      <c r="G7996" t="s">
        <v>14</v>
      </c>
      <c r="H7996" t="s">
        <v>121</v>
      </c>
      <c r="I7996" t="s">
        <v>15</v>
      </c>
      <c r="J7996" s="10">
        <v>28.918358520000002</v>
      </c>
    </row>
    <row r="7997" spans="1:10" x14ac:dyDescent="0.35">
      <c r="A7997" t="s">
        <v>35</v>
      </c>
      <c r="B7997" t="s">
        <v>50</v>
      </c>
      <c r="C7997" t="s">
        <v>117</v>
      </c>
      <c r="D7997" t="s">
        <v>118</v>
      </c>
      <c r="E7997">
        <v>2012</v>
      </c>
      <c r="F7997">
        <v>2012</v>
      </c>
      <c r="G7997" t="s">
        <v>14</v>
      </c>
      <c r="H7997" t="s">
        <v>122</v>
      </c>
      <c r="I7997" t="s">
        <v>15</v>
      </c>
      <c r="J7997" s="10">
        <v>20.943657980000001</v>
      </c>
    </row>
    <row r="7998" spans="1:10" x14ac:dyDescent="0.35">
      <c r="A7998" t="s">
        <v>35</v>
      </c>
      <c r="B7998" t="s">
        <v>50</v>
      </c>
      <c r="C7998" t="s">
        <v>117</v>
      </c>
      <c r="D7998" t="s">
        <v>118</v>
      </c>
      <c r="E7998">
        <v>2012</v>
      </c>
      <c r="F7998">
        <v>2012</v>
      </c>
      <c r="G7998" t="s">
        <v>14</v>
      </c>
      <c r="H7998" t="s">
        <v>123</v>
      </c>
      <c r="I7998" t="s">
        <v>15</v>
      </c>
      <c r="J7998" s="10">
        <v>16.43122455</v>
      </c>
    </row>
    <row r="7999" spans="1:10" x14ac:dyDescent="0.35">
      <c r="A7999" t="s">
        <v>35</v>
      </c>
      <c r="B7999" t="s">
        <v>50</v>
      </c>
      <c r="C7999" t="s">
        <v>117</v>
      </c>
      <c r="D7999" t="s">
        <v>118</v>
      </c>
      <c r="E7999">
        <v>2012</v>
      </c>
      <c r="F7999">
        <v>2012</v>
      </c>
      <c r="G7999" t="s">
        <v>14</v>
      </c>
      <c r="H7999" t="s">
        <v>124</v>
      </c>
      <c r="I7999" t="s">
        <v>15</v>
      </c>
      <c r="J7999" s="10">
        <v>2.7835374490000002</v>
      </c>
    </row>
    <row r="8000" spans="1:10" x14ac:dyDescent="0.35">
      <c r="A8000" t="s">
        <v>35</v>
      </c>
      <c r="B8000" t="s">
        <v>50</v>
      </c>
      <c r="C8000" t="s">
        <v>117</v>
      </c>
      <c r="D8000" t="s">
        <v>118</v>
      </c>
      <c r="E8000">
        <v>2012</v>
      </c>
      <c r="F8000">
        <v>2012</v>
      </c>
      <c r="G8000" t="s">
        <v>125</v>
      </c>
      <c r="H8000" t="s">
        <v>119</v>
      </c>
      <c r="I8000" t="s">
        <v>15</v>
      </c>
      <c r="J8000" s="10">
        <v>21.66515497</v>
      </c>
    </row>
    <row r="8001" spans="1:10" x14ac:dyDescent="0.35">
      <c r="A8001" t="s">
        <v>35</v>
      </c>
      <c r="B8001" t="s">
        <v>50</v>
      </c>
      <c r="C8001" t="s">
        <v>117</v>
      </c>
      <c r="D8001" t="s">
        <v>118</v>
      </c>
      <c r="E8001">
        <v>2012</v>
      </c>
      <c r="F8001">
        <v>2012</v>
      </c>
      <c r="G8001" t="s">
        <v>125</v>
      </c>
      <c r="H8001" t="s">
        <v>120</v>
      </c>
      <c r="I8001" t="s">
        <v>15</v>
      </c>
      <c r="J8001" s="10">
        <v>11.960091329999999</v>
      </c>
    </row>
    <row r="8002" spans="1:10" x14ac:dyDescent="0.35">
      <c r="A8002" t="s">
        <v>35</v>
      </c>
      <c r="B8002" t="s">
        <v>50</v>
      </c>
      <c r="C8002" t="s">
        <v>117</v>
      </c>
      <c r="D8002" t="s">
        <v>118</v>
      </c>
      <c r="E8002">
        <v>2012</v>
      </c>
      <c r="F8002">
        <v>2012</v>
      </c>
      <c r="G8002" t="s">
        <v>125</v>
      </c>
      <c r="H8002" t="s">
        <v>121</v>
      </c>
      <c r="I8002" t="s">
        <v>15</v>
      </c>
      <c r="J8002" s="10">
        <v>28.342664119999998</v>
      </c>
    </row>
    <row r="8003" spans="1:10" x14ac:dyDescent="0.35">
      <c r="A8003" t="s">
        <v>35</v>
      </c>
      <c r="B8003" t="s">
        <v>50</v>
      </c>
      <c r="C8003" t="s">
        <v>117</v>
      </c>
      <c r="D8003" t="s">
        <v>118</v>
      </c>
      <c r="E8003">
        <v>2012</v>
      </c>
      <c r="F8003">
        <v>2012</v>
      </c>
      <c r="G8003" t="s">
        <v>125</v>
      </c>
      <c r="H8003" t="s">
        <v>122</v>
      </c>
      <c r="I8003" t="s">
        <v>15</v>
      </c>
      <c r="J8003" s="10">
        <v>21.117818159999999</v>
      </c>
    </row>
    <row r="8004" spans="1:10" x14ac:dyDescent="0.35">
      <c r="A8004" t="s">
        <v>35</v>
      </c>
      <c r="B8004" t="s">
        <v>50</v>
      </c>
      <c r="C8004" t="s">
        <v>117</v>
      </c>
      <c r="D8004" t="s">
        <v>118</v>
      </c>
      <c r="E8004">
        <v>2012</v>
      </c>
      <c r="F8004">
        <v>2012</v>
      </c>
      <c r="G8004" t="s">
        <v>125</v>
      </c>
      <c r="H8004" t="s">
        <v>123</v>
      </c>
      <c r="I8004" t="s">
        <v>15</v>
      </c>
      <c r="J8004" s="10">
        <v>15.03143277</v>
      </c>
    </row>
    <row r="8005" spans="1:10" x14ac:dyDescent="0.35">
      <c r="A8005" t="s">
        <v>35</v>
      </c>
      <c r="B8005" t="s">
        <v>50</v>
      </c>
      <c r="C8005" t="s">
        <v>117</v>
      </c>
      <c r="D8005" t="s">
        <v>118</v>
      </c>
      <c r="E8005">
        <v>2012</v>
      </c>
      <c r="F8005">
        <v>2012</v>
      </c>
      <c r="G8005" t="s">
        <v>125</v>
      </c>
      <c r="H8005" t="s">
        <v>124</v>
      </c>
      <c r="I8005" t="s">
        <v>15</v>
      </c>
      <c r="J8005" s="10">
        <v>1.8828386450000001</v>
      </c>
    </row>
    <row r="8006" spans="1:10" x14ac:dyDescent="0.35">
      <c r="A8006" t="s">
        <v>35</v>
      </c>
      <c r="B8006" t="s">
        <v>50</v>
      </c>
      <c r="C8006" t="s">
        <v>117</v>
      </c>
      <c r="D8006" t="s">
        <v>118</v>
      </c>
      <c r="E8006">
        <v>2012</v>
      </c>
      <c r="F8006">
        <v>2012</v>
      </c>
      <c r="G8006" t="s">
        <v>126</v>
      </c>
      <c r="H8006" t="s">
        <v>119</v>
      </c>
      <c r="I8006" t="s">
        <v>15</v>
      </c>
      <c r="J8006" s="10">
        <v>18.705795120000001</v>
      </c>
    </row>
    <row r="8007" spans="1:10" x14ac:dyDescent="0.35">
      <c r="A8007" t="s">
        <v>35</v>
      </c>
      <c r="B8007" t="s">
        <v>50</v>
      </c>
      <c r="C8007" t="s">
        <v>117</v>
      </c>
      <c r="D8007" t="s">
        <v>118</v>
      </c>
      <c r="E8007">
        <v>2012</v>
      </c>
      <c r="F8007">
        <v>2012</v>
      </c>
      <c r="G8007" t="s">
        <v>126</v>
      </c>
      <c r="H8007" t="s">
        <v>120</v>
      </c>
      <c r="I8007" t="s">
        <v>15</v>
      </c>
      <c r="J8007" s="10">
        <v>9.7535934290000004</v>
      </c>
    </row>
    <row r="8008" spans="1:10" x14ac:dyDescent="0.35">
      <c r="A8008" t="s">
        <v>35</v>
      </c>
      <c r="B8008" t="s">
        <v>50</v>
      </c>
      <c r="C8008" t="s">
        <v>117</v>
      </c>
      <c r="D8008" t="s">
        <v>118</v>
      </c>
      <c r="E8008">
        <v>2012</v>
      </c>
      <c r="F8008">
        <v>2012</v>
      </c>
      <c r="G8008" t="s">
        <v>126</v>
      </c>
      <c r="H8008" t="s">
        <v>121</v>
      </c>
      <c r="I8008" t="s">
        <v>15</v>
      </c>
      <c r="J8008" s="10">
        <v>29.443303669999999</v>
      </c>
    </row>
    <row r="8009" spans="1:10" x14ac:dyDescent="0.35">
      <c r="A8009" t="s">
        <v>35</v>
      </c>
      <c r="B8009" t="s">
        <v>50</v>
      </c>
      <c r="C8009" t="s">
        <v>117</v>
      </c>
      <c r="D8009" t="s">
        <v>118</v>
      </c>
      <c r="E8009">
        <v>2012</v>
      </c>
      <c r="F8009">
        <v>2012</v>
      </c>
      <c r="G8009" t="s">
        <v>126</v>
      </c>
      <c r="H8009" t="s">
        <v>122</v>
      </c>
      <c r="I8009" t="s">
        <v>15</v>
      </c>
      <c r="J8009" s="10">
        <v>20.784850559999999</v>
      </c>
    </row>
    <row r="8010" spans="1:10" x14ac:dyDescent="0.35">
      <c r="A8010" t="s">
        <v>35</v>
      </c>
      <c r="B8010" t="s">
        <v>50</v>
      </c>
      <c r="C8010" t="s">
        <v>117</v>
      </c>
      <c r="D8010" t="s">
        <v>118</v>
      </c>
      <c r="E8010">
        <v>2012</v>
      </c>
      <c r="F8010">
        <v>2012</v>
      </c>
      <c r="G8010" t="s">
        <v>126</v>
      </c>
      <c r="H8010" t="s">
        <v>123</v>
      </c>
      <c r="I8010" t="s">
        <v>15</v>
      </c>
      <c r="J8010" s="10">
        <v>17.707620349999999</v>
      </c>
    </row>
    <row r="8011" spans="1:10" x14ac:dyDescent="0.35">
      <c r="A8011" t="s">
        <v>35</v>
      </c>
      <c r="B8011" t="s">
        <v>50</v>
      </c>
      <c r="C8011" t="s">
        <v>117</v>
      </c>
      <c r="D8011" t="s">
        <v>118</v>
      </c>
      <c r="E8011">
        <v>2012</v>
      </c>
      <c r="F8011">
        <v>2012</v>
      </c>
      <c r="G8011" t="s">
        <v>126</v>
      </c>
      <c r="H8011" t="s">
        <v>124</v>
      </c>
      <c r="I8011" t="s">
        <v>15</v>
      </c>
      <c r="J8011" s="10">
        <v>3.6048368700000002</v>
      </c>
    </row>
    <row r="8012" spans="1:10" x14ac:dyDescent="0.35">
      <c r="A8012" t="s">
        <v>35</v>
      </c>
      <c r="B8012" t="s">
        <v>50</v>
      </c>
      <c r="C8012" t="s">
        <v>117</v>
      </c>
      <c r="D8012" t="s">
        <v>118</v>
      </c>
      <c r="E8012">
        <v>2011</v>
      </c>
      <c r="F8012">
        <v>2011</v>
      </c>
      <c r="G8012" t="s">
        <v>14</v>
      </c>
      <c r="H8012" t="s">
        <v>119</v>
      </c>
      <c r="I8012" t="s">
        <v>15</v>
      </c>
      <c r="J8012" s="10">
        <v>20.16004556</v>
      </c>
    </row>
    <row r="8013" spans="1:10" x14ac:dyDescent="0.35">
      <c r="A8013" t="s">
        <v>35</v>
      </c>
      <c r="B8013" t="s">
        <v>50</v>
      </c>
      <c r="C8013" t="s">
        <v>117</v>
      </c>
      <c r="D8013" t="s">
        <v>118</v>
      </c>
      <c r="E8013">
        <v>2011</v>
      </c>
      <c r="F8013">
        <v>2011</v>
      </c>
      <c r="G8013" t="s">
        <v>14</v>
      </c>
      <c r="H8013" t="s">
        <v>120</v>
      </c>
      <c r="I8013" t="s">
        <v>15</v>
      </c>
      <c r="J8013" s="10">
        <v>10.75512131</v>
      </c>
    </row>
    <row r="8014" spans="1:10" x14ac:dyDescent="0.35">
      <c r="A8014" t="s">
        <v>35</v>
      </c>
      <c r="B8014" t="s">
        <v>50</v>
      </c>
      <c r="C8014" t="s">
        <v>117</v>
      </c>
      <c r="D8014" t="s">
        <v>118</v>
      </c>
      <c r="E8014">
        <v>2011</v>
      </c>
      <c r="F8014">
        <v>2011</v>
      </c>
      <c r="G8014" t="s">
        <v>14</v>
      </c>
      <c r="H8014" t="s">
        <v>121</v>
      </c>
      <c r="I8014" t="s">
        <v>15</v>
      </c>
      <c r="J8014" s="10">
        <v>29.385143339999999</v>
      </c>
    </row>
    <row r="8015" spans="1:10" x14ac:dyDescent="0.35">
      <c r="A8015" t="s">
        <v>35</v>
      </c>
      <c r="B8015" t="s">
        <v>50</v>
      </c>
      <c r="C8015" t="s">
        <v>117</v>
      </c>
      <c r="D8015" t="s">
        <v>118</v>
      </c>
      <c r="E8015">
        <v>2011</v>
      </c>
      <c r="F8015">
        <v>2011</v>
      </c>
      <c r="G8015" t="s">
        <v>14</v>
      </c>
      <c r="H8015" t="s">
        <v>122</v>
      </c>
      <c r="I8015" t="s">
        <v>15</v>
      </c>
      <c r="J8015" s="10">
        <v>20.979754539999998</v>
      </c>
    </row>
    <row r="8016" spans="1:10" x14ac:dyDescent="0.35">
      <c r="A8016" t="s">
        <v>35</v>
      </c>
      <c r="B8016" t="s">
        <v>50</v>
      </c>
      <c r="C8016" t="s">
        <v>117</v>
      </c>
      <c r="D8016" t="s">
        <v>118</v>
      </c>
      <c r="E8016">
        <v>2011</v>
      </c>
      <c r="F8016">
        <v>2011</v>
      </c>
      <c r="G8016" t="s">
        <v>14</v>
      </c>
      <c r="H8016" t="s">
        <v>123</v>
      </c>
      <c r="I8016" t="s">
        <v>15</v>
      </c>
      <c r="J8016" s="10">
        <v>15.988071509999999</v>
      </c>
    </row>
    <row r="8017" spans="1:10" x14ac:dyDescent="0.35">
      <c r="A8017" t="s">
        <v>35</v>
      </c>
      <c r="B8017" t="s">
        <v>50</v>
      </c>
      <c r="C8017" t="s">
        <v>117</v>
      </c>
      <c r="D8017" t="s">
        <v>118</v>
      </c>
      <c r="E8017">
        <v>2011</v>
      </c>
      <c r="F8017">
        <v>2011</v>
      </c>
      <c r="G8017" t="s">
        <v>14</v>
      </c>
      <c r="H8017" t="s">
        <v>124</v>
      </c>
      <c r="I8017" t="s">
        <v>15</v>
      </c>
      <c r="J8017" s="10">
        <v>2.7318637510000001</v>
      </c>
    </row>
    <row r="8018" spans="1:10" x14ac:dyDescent="0.35">
      <c r="A8018" t="s">
        <v>35</v>
      </c>
      <c r="B8018" t="s">
        <v>50</v>
      </c>
      <c r="C8018" t="s">
        <v>117</v>
      </c>
      <c r="D8018" t="s">
        <v>118</v>
      </c>
      <c r="E8018">
        <v>2011</v>
      </c>
      <c r="F8018">
        <v>2011</v>
      </c>
      <c r="G8018" t="s">
        <v>125</v>
      </c>
      <c r="H8018" t="s">
        <v>119</v>
      </c>
      <c r="I8018" t="s">
        <v>15</v>
      </c>
      <c r="J8018" s="10">
        <v>21.796926559999999</v>
      </c>
    </row>
    <row r="8019" spans="1:10" x14ac:dyDescent="0.35">
      <c r="A8019" t="s">
        <v>35</v>
      </c>
      <c r="B8019" t="s">
        <v>50</v>
      </c>
      <c r="C8019" t="s">
        <v>117</v>
      </c>
      <c r="D8019" t="s">
        <v>118</v>
      </c>
      <c r="E8019">
        <v>2011</v>
      </c>
      <c r="F8019">
        <v>2011</v>
      </c>
      <c r="G8019" t="s">
        <v>125</v>
      </c>
      <c r="H8019" t="s">
        <v>120</v>
      </c>
      <c r="I8019" t="s">
        <v>15</v>
      </c>
      <c r="J8019" s="10">
        <v>11.81923887</v>
      </c>
    </row>
    <row r="8020" spans="1:10" x14ac:dyDescent="0.35">
      <c r="A8020" t="s">
        <v>35</v>
      </c>
      <c r="B8020" t="s">
        <v>50</v>
      </c>
      <c r="C8020" t="s">
        <v>117</v>
      </c>
      <c r="D8020" t="s">
        <v>118</v>
      </c>
      <c r="E8020">
        <v>2011</v>
      </c>
      <c r="F8020">
        <v>2011</v>
      </c>
      <c r="G8020" t="s">
        <v>125</v>
      </c>
      <c r="H8020" t="s">
        <v>121</v>
      </c>
      <c r="I8020" t="s">
        <v>15</v>
      </c>
      <c r="J8020" s="10">
        <v>28.786021810000001</v>
      </c>
    </row>
    <row r="8021" spans="1:10" x14ac:dyDescent="0.35">
      <c r="A8021" t="s">
        <v>35</v>
      </c>
      <c r="B8021" t="s">
        <v>50</v>
      </c>
      <c r="C8021" t="s">
        <v>117</v>
      </c>
      <c r="D8021" t="s">
        <v>118</v>
      </c>
      <c r="E8021">
        <v>2011</v>
      </c>
      <c r="F8021">
        <v>2011</v>
      </c>
      <c r="G8021" t="s">
        <v>125</v>
      </c>
      <c r="H8021" t="s">
        <v>122</v>
      </c>
      <c r="I8021" t="s">
        <v>15</v>
      </c>
      <c r="J8021" s="10">
        <v>21.22497722</v>
      </c>
    </row>
    <row r="8022" spans="1:10" x14ac:dyDescent="0.35">
      <c r="A8022" t="s">
        <v>35</v>
      </c>
      <c r="B8022" t="s">
        <v>50</v>
      </c>
      <c r="C8022" t="s">
        <v>117</v>
      </c>
      <c r="D8022" t="s">
        <v>118</v>
      </c>
      <c r="E8022">
        <v>2011</v>
      </c>
      <c r="F8022">
        <v>2011</v>
      </c>
      <c r="G8022" t="s">
        <v>125</v>
      </c>
      <c r="H8022" t="s">
        <v>123</v>
      </c>
      <c r="I8022" t="s">
        <v>15</v>
      </c>
      <c r="J8022" s="10">
        <v>14.528141789999999</v>
      </c>
    </row>
    <row r="8023" spans="1:10" x14ac:dyDescent="0.35">
      <c r="A8023" t="s">
        <v>35</v>
      </c>
      <c r="B8023" t="s">
        <v>50</v>
      </c>
      <c r="C8023" t="s">
        <v>117</v>
      </c>
      <c r="D8023" t="s">
        <v>118</v>
      </c>
      <c r="E8023">
        <v>2011</v>
      </c>
      <c r="F8023">
        <v>2011</v>
      </c>
      <c r="G8023" t="s">
        <v>125</v>
      </c>
      <c r="H8023" t="s">
        <v>124</v>
      </c>
      <c r="I8023" t="s">
        <v>15</v>
      </c>
      <c r="J8023" s="10">
        <v>1.8446937560000001</v>
      </c>
    </row>
    <row r="8024" spans="1:10" x14ac:dyDescent="0.35">
      <c r="A8024" t="s">
        <v>35</v>
      </c>
      <c r="B8024" t="s">
        <v>50</v>
      </c>
      <c r="C8024" t="s">
        <v>117</v>
      </c>
      <c r="D8024" t="s">
        <v>118</v>
      </c>
      <c r="E8024">
        <v>2011</v>
      </c>
      <c r="F8024">
        <v>2011</v>
      </c>
      <c r="G8024" t="s">
        <v>126</v>
      </c>
      <c r="H8024" t="s">
        <v>119</v>
      </c>
      <c r="I8024" t="s">
        <v>15</v>
      </c>
      <c r="J8024" s="10">
        <v>18.66800344</v>
      </c>
    </row>
    <row r="8025" spans="1:10" x14ac:dyDescent="0.35">
      <c r="A8025" t="s">
        <v>35</v>
      </c>
      <c r="B8025" t="s">
        <v>50</v>
      </c>
      <c r="C8025" t="s">
        <v>117</v>
      </c>
      <c r="D8025" t="s">
        <v>118</v>
      </c>
      <c r="E8025">
        <v>2011</v>
      </c>
      <c r="F8025">
        <v>2011</v>
      </c>
      <c r="G8025" t="s">
        <v>126</v>
      </c>
      <c r="H8025" t="s">
        <v>120</v>
      </c>
      <c r="I8025" t="s">
        <v>15</v>
      </c>
      <c r="J8025" s="10">
        <v>9.7851618449999993</v>
      </c>
    </row>
    <row r="8026" spans="1:10" x14ac:dyDescent="0.35">
      <c r="A8026" t="s">
        <v>35</v>
      </c>
      <c r="B8026" t="s">
        <v>50</v>
      </c>
      <c r="C8026" t="s">
        <v>117</v>
      </c>
      <c r="D8026" t="s">
        <v>118</v>
      </c>
      <c r="E8026">
        <v>2011</v>
      </c>
      <c r="F8026">
        <v>2011</v>
      </c>
      <c r="G8026" t="s">
        <v>126</v>
      </c>
      <c r="H8026" t="s">
        <v>121</v>
      </c>
      <c r="I8026" t="s">
        <v>15</v>
      </c>
      <c r="J8026" s="10">
        <v>29.931251790000001</v>
      </c>
    </row>
    <row r="8027" spans="1:10" x14ac:dyDescent="0.35">
      <c r="A8027" t="s">
        <v>35</v>
      </c>
      <c r="B8027" t="s">
        <v>50</v>
      </c>
      <c r="C8027" t="s">
        <v>117</v>
      </c>
      <c r="D8027" t="s">
        <v>118</v>
      </c>
      <c r="E8027">
        <v>2011</v>
      </c>
      <c r="F8027">
        <v>2011</v>
      </c>
      <c r="G8027" t="s">
        <v>126</v>
      </c>
      <c r="H8027" t="s">
        <v>122</v>
      </c>
      <c r="I8027" t="s">
        <v>15</v>
      </c>
      <c r="J8027" s="10">
        <v>20.756230309999999</v>
      </c>
    </row>
    <row r="8028" spans="1:10" x14ac:dyDescent="0.35">
      <c r="A8028" t="s">
        <v>35</v>
      </c>
      <c r="B8028" t="s">
        <v>50</v>
      </c>
      <c r="C8028" t="s">
        <v>117</v>
      </c>
      <c r="D8028" t="s">
        <v>118</v>
      </c>
      <c r="E8028">
        <v>2011</v>
      </c>
      <c r="F8028">
        <v>2011</v>
      </c>
      <c r="G8028" t="s">
        <v>126</v>
      </c>
      <c r="H8028" t="s">
        <v>123</v>
      </c>
      <c r="I8028" t="s">
        <v>15</v>
      </c>
      <c r="J8028" s="10">
        <v>17.318819820000002</v>
      </c>
    </row>
    <row r="8029" spans="1:10" x14ac:dyDescent="0.35">
      <c r="A8029" t="s">
        <v>35</v>
      </c>
      <c r="B8029" t="s">
        <v>50</v>
      </c>
      <c r="C8029" t="s">
        <v>117</v>
      </c>
      <c r="D8029" t="s">
        <v>118</v>
      </c>
      <c r="E8029">
        <v>2011</v>
      </c>
      <c r="F8029">
        <v>2011</v>
      </c>
      <c r="G8029" t="s">
        <v>126</v>
      </c>
      <c r="H8029" t="s">
        <v>124</v>
      </c>
      <c r="I8029" t="s">
        <v>15</v>
      </c>
      <c r="J8029" s="10">
        <v>3.5405327990000002</v>
      </c>
    </row>
    <row r="8030" spans="1:10" x14ac:dyDescent="0.35">
      <c r="A8030" t="s">
        <v>22</v>
      </c>
      <c r="B8030" t="s">
        <v>51</v>
      </c>
      <c r="C8030" t="s">
        <v>117</v>
      </c>
      <c r="D8030" t="s">
        <v>118</v>
      </c>
      <c r="E8030">
        <v>2020</v>
      </c>
      <c r="F8030">
        <v>2020</v>
      </c>
      <c r="G8030" t="s">
        <v>14</v>
      </c>
      <c r="H8030" t="s">
        <v>119</v>
      </c>
      <c r="I8030" t="s">
        <v>15</v>
      </c>
      <c r="J8030" s="10">
        <v>8.6272059970000008</v>
      </c>
    </row>
    <row r="8031" spans="1:10" x14ac:dyDescent="0.35">
      <c r="A8031" t="s">
        <v>22</v>
      </c>
      <c r="B8031" t="s">
        <v>51</v>
      </c>
      <c r="C8031" t="s">
        <v>117</v>
      </c>
      <c r="D8031" t="s">
        <v>118</v>
      </c>
      <c r="E8031">
        <v>2020</v>
      </c>
      <c r="F8031">
        <v>2020</v>
      </c>
      <c r="G8031" t="s">
        <v>14</v>
      </c>
      <c r="H8031" t="s">
        <v>120</v>
      </c>
      <c r="I8031" t="s">
        <v>15</v>
      </c>
      <c r="J8031" s="10">
        <v>24.06372013</v>
      </c>
    </row>
    <row r="8032" spans="1:10" x14ac:dyDescent="0.35">
      <c r="A8032" t="s">
        <v>22</v>
      </c>
      <c r="B8032" t="s">
        <v>51</v>
      </c>
      <c r="C8032" t="s">
        <v>117</v>
      </c>
      <c r="D8032" t="s">
        <v>118</v>
      </c>
      <c r="E8032">
        <v>2020</v>
      </c>
      <c r="F8032">
        <v>2020</v>
      </c>
      <c r="G8032" t="s">
        <v>14</v>
      </c>
      <c r="H8032" t="s">
        <v>121</v>
      </c>
      <c r="I8032" t="s">
        <v>15</v>
      </c>
      <c r="J8032" s="10">
        <v>43.471289499999997</v>
      </c>
    </row>
    <row r="8033" spans="1:10" x14ac:dyDescent="0.35">
      <c r="A8033" t="s">
        <v>22</v>
      </c>
      <c r="B8033" t="s">
        <v>51</v>
      </c>
      <c r="C8033" t="s">
        <v>117</v>
      </c>
      <c r="D8033" t="s">
        <v>118</v>
      </c>
      <c r="E8033">
        <v>2020</v>
      </c>
      <c r="F8033">
        <v>2020</v>
      </c>
      <c r="G8033" t="s">
        <v>14</v>
      </c>
      <c r="H8033" t="s">
        <v>122</v>
      </c>
      <c r="I8033" t="s">
        <v>15</v>
      </c>
      <c r="J8033" s="10">
        <v>13.184444790000001</v>
      </c>
    </row>
    <row r="8034" spans="1:10" x14ac:dyDescent="0.35">
      <c r="A8034" t="s">
        <v>22</v>
      </c>
      <c r="B8034" t="s">
        <v>51</v>
      </c>
      <c r="C8034" t="s">
        <v>117</v>
      </c>
      <c r="D8034" t="s">
        <v>118</v>
      </c>
      <c r="E8034">
        <v>2020</v>
      </c>
      <c r="F8034">
        <v>2020</v>
      </c>
      <c r="G8034" t="s">
        <v>14</v>
      </c>
      <c r="H8034" t="s">
        <v>123</v>
      </c>
      <c r="I8034" t="s">
        <v>15</v>
      </c>
      <c r="J8034" s="10">
        <v>9.1540423759999996</v>
      </c>
    </row>
    <row r="8035" spans="1:10" x14ac:dyDescent="0.35">
      <c r="A8035" t="s">
        <v>22</v>
      </c>
      <c r="B8035" t="s">
        <v>51</v>
      </c>
      <c r="C8035" t="s">
        <v>117</v>
      </c>
      <c r="D8035" t="s">
        <v>118</v>
      </c>
      <c r="E8035">
        <v>2020</v>
      </c>
      <c r="F8035">
        <v>2020</v>
      </c>
      <c r="G8035" t="s">
        <v>14</v>
      </c>
      <c r="H8035" t="s">
        <v>124</v>
      </c>
      <c r="I8035" t="s">
        <v>15</v>
      </c>
      <c r="J8035" s="10">
        <v>1.4992972040000001</v>
      </c>
    </row>
    <row r="8036" spans="1:10" x14ac:dyDescent="0.35">
      <c r="A8036" t="s">
        <v>22</v>
      </c>
      <c r="B8036" t="s">
        <v>51</v>
      </c>
      <c r="C8036" t="s">
        <v>117</v>
      </c>
      <c r="D8036" t="s">
        <v>118</v>
      </c>
      <c r="E8036">
        <v>2020</v>
      </c>
      <c r="F8036">
        <v>2020</v>
      </c>
      <c r="G8036" t="s">
        <v>125</v>
      </c>
      <c r="H8036" t="s">
        <v>119</v>
      </c>
      <c r="I8036" t="s">
        <v>15</v>
      </c>
      <c r="J8036" s="10">
        <v>9.0365448500000003</v>
      </c>
    </row>
    <row r="8037" spans="1:10" x14ac:dyDescent="0.35">
      <c r="A8037" t="s">
        <v>22</v>
      </c>
      <c r="B8037" t="s">
        <v>51</v>
      </c>
      <c r="C8037" t="s">
        <v>117</v>
      </c>
      <c r="D8037" t="s">
        <v>118</v>
      </c>
      <c r="E8037">
        <v>2020</v>
      </c>
      <c r="F8037">
        <v>2020</v>
      </c>
      <c r="G8037" t="s">
        <v>125</v>
      </c>
      <c r="H8037" t="s">
        <v>120</v>
      </c>
      <c r="I8037" t="s">
        <v>15</v>
      </c>
      <c r="J8037" s="10">
        <v>21.391062049999999</v>
      </c>
    </row>
    <row r="8038" spans="1:10" x14ac:dyDescent="0.35">
      <c r="A8038" t="s">
        <v>22</v>
      </c>
      <c r="B8038" t="s">
        <v>51</v>
      </c>
      <c r="C8038" t="s">
        <v>117</v>
      </c>
      <c r="D8038" t="s">
        <v>118</v>
      </c>
      <c r="E8038">
        <v>2020</v>
      </c>
      <c r="F8038">
        <v>2020</v>
      </c>
      <c r="G8038" t="s">
        <v>125</v>
      </c>
      <c r="H8038" t="s">
        <v>121</v>
      </c>
      <c r="I8038" t="s">
        <v>15</v>
      </c>
      <c r="J8038" s="10">
        <v>45.311327830000003</v>
      </c>
    </row>
    <row r="8039" spans="1:10" x14ac:dyDescent="0.35">
      <c r="A8039" t="s">
        <v>22</v>
      </c>
      <c r="B8039" t="s">
        <v>51</v>
      </c>
      <c r="C8039" t="s">
        <v>117</v>
      </c>
      <c r="D8039" t="s">
        <v>118</v>
      </c>
      <c r="E8039">
        <v>2020</v>
      </c>
      <c r="F8039">
        <v>2020</v>
      </c>
      <c r="G8039" t="s">
        <v>125</v>
      </c>
      <c r="H8039" t="s">
        <v>122</v>
      </c>
      <c r="I8039" t="s">
        <v>15</v>
      </c>
      <c r="J8039" s="10">
        <v>14.15711071</v>
      </c>
    </row>
    <row r="8040" spans="1:10" x14ac:dyDescent="0.35">
      <c r="A8040" t="s">
        <v>22</v>
      </c>
      <c r="B8040" t="s">
        <v>51</v>
      </c>
      <c r="C8040" t="s">
        <v>117</v>
      </c>
      <c r="D8040" t="s">
        <v>118</v>
      </c>
      <c r="E8040">
        <v>2020</v>
      </c>
      <c r="F8040">
        <v>2020</v>
      </c>
      <c r="G8040" t="s">
        <v>125</v>
      </c>
      <c r="H8040" t="s">
        <v>123</v>
      </c>
      <c r="I8040" t="s">
        <v>15</v>
      </c>
      <c r="J8040" s="10">
        <v>8.8907941269999995</v>
      </c>
    </row>
    <row r="8041" spans="1:10" x14ac:dyDescent="0.35">
      <c r="A8041" t="s">
        <v>22</v>
      </c>
      <c r="B8041" t="s">
        <v>51</v>
      </c>
      <c r="C8041" t="s">
        <v>117</v>
      </c>
      <c r="D8041" t="s">
        <v>118</v>
      </c>
      <c r="E8041">
        <v>2020</v>
      </c>
      <c r="F8041">
        <v>2020</v>
      </c>
      <c r="G8041" t="s">
        <v>125</v>
      </c>
      <c r="H8041" t="s">
        <v>124</v>
      </c>
      <c r="I8041" t="s">
        <v>15</v>
      </c>
      <c r="J8041" s="10">
        <v>1.2131604330000001</v>
      </c>
    </row>
    <row r="8042" spans="1:10" x14ac:dyDescent="0.35">
      <c r="A8042" t="s">
        <v>22</v>
      </c>
      <c r="B8042" t="s">
        <v>51</v>
      </c>
      <c r="C8042" t="s">
        <v>117</v>
      </c>
      <c r="D8042" t="s">
        <v>118</v>
      </c>
      <c r="E8042">
        <v>2020</v>
      </c>
      <c r="F8042">
        <v>2020</v>
      </c>
      <c r="G8042" t="s">
        <v>126</v>
      </c>
      <c r="H8042" t="s">
        <v>119</v>
      </c>
      <c r="I8042" t="s">
        <v>15</v>
      </c>
      <c r="J8042" s="10">
        <v>8.2405345210000007</v>
      </c>
    </row>
    <row r="8043" spans="1:10" x14ac:dyDescent="0.35">
      <c r="A8043" t="s">
        <v>22</v>
      </c>
      <c r="B8043" t="s">
        <v>51</v>
      </c>
      <c r="C8043" t="s">
        <v>117</v>
      </c>
      <c r="D8043" t="s">
        <v>118</v>
      </c>
      <c r="E8043">
        <v>2020</v>
      </c>
      <c r="F8043">
        <v>2020</v>
      </c>
      <c r="G8043" t="s">
        <v>126</v>
      </c>
      <c r="H8043" t="s">
        <v>120</v>
      </c>
      <c r="I8043" t="s">
        <v>15</v>
      </c>
      <c r="J8043" s="10">
        <v>26.588378209999998</v>
      </c>
    </row>
    <row r="8044" spans="1:10" x14ac:dyDescent="0.35">
      <c r="A8044" t="s">
        <v>22</v>
      </c>
      <c r="B8044" t="s">
        <v>51</v>
      </c>
      <c r="C8044" t="s">
        <v>117</v>
      </c>
      <c r="D8044" t="s">
        <v>118</v>
      </c>
      <c r="E8044">
        <v>2020</v>
      </c>
      <c r="F8044">
        <v>2020</v>
      </c>
      <c r="G8044" t="s">
        <v>126</v>
      </c>
      <c r="H8044" t="s">
        <v>121</v>
      </c>
      <c r="I8044" t="s">
        <v>15</v>
      </c>
      <c r="J8044" s="10">
        <v>41.733144359999997</v>
      </c>
    </row>
    <row r="8045" spans="1:10" x14ac:dyDescent="0.35">
      <c r="A8045" t="s">
        <v>22</v>
      </c>
      <c r="B8045" t="s">
        <v>51</v>
      </c>
      <c r="C8045" t="s">
        <v>117</v>
      </c>
      <c r="D8045" t="s">
        <v>118</v>
      </c>
      <c r="E8045">
        <v>2020</v>
      </c>
      <c r="F8045">
        <v>2020</v>
      </c>
      <c r="G8045" t="s">
        <v>126</v>
      </c>
      <c r="H8045" t="s">
        <v>122</v>
      </c>
      <c r="I8045" t="s">
        <v>15</v>
      </c>
      <c r="J8045" s="10">
        <v>12.26564082</v>
      </c>
    </row>
    <row r="8046" spans="1:10" x14ac:dyDescent="0.35">
      <c r="A8046" t="s">
        <v>22</v>
      </c>
      <c r="B8046" t="s">
        <v>51</v>
      </c>
      <c r="C8046" t="s">
        <v>117</v>
      </c>
      <c r="D8046" t="s">
        <v>118</v>
      </c>
      <c r="E8046">
        <v>2020</v>
      </c>
      <c r="F8046">
        <v>2020</v>
      </c>
      <c r="G8046" t="s">
        <v>126</v>
      </c>
      <c r="H8046" t="s">
        <v>123</v>
      </c>
      <c r="I8046" t="s">
        <v>15</v>
      </c>
      <c r="J8046" s="10">
        <v>9.4027130999999997</v>
      </c>
    </row>
    <row r="8047" spans="1:10" x14ac:dyDescent="0.35">
      <c r="A8047" t="s">
        <v>22</v>
      </c>
      <c r="B8047" t="s">
        <v>51</v>
      </c>
      <c r="C8047" t="s">
        <v>117</v>
      </c>
      <c r="D8047" t="s">
        <v>118</v>
      </c>
      <c r="E8047">
        <v>2020</v>
      </c>
      <c r="F8047">
        <v>2020</v>
      </c>
      <c r="G8047" t="s">
        <v>126</v>
      </c>
      <c r="H8047" t="s">
        <v>124</v>
      </c>
      <c r="I8047" t="s">
        <v>15</v>
      </c>
      <c r="J8047" s="10">
        <v>1.769588986</v>
      </c>
    </row>
    <row r="8048" spans="1:10" x14ac:dyDescent="0.35">
      <c r="A8048" t="s">
        <v>22</v>
      </c>
      <c r="B8048" t="s">
        <v>51</v>
      </c>
      <c r="C8048" t="s">
        <v>117</v>
      </c>
      <c r="D8048" t="s">
        <v>118</v>
      </c>
      <c r="E8048">
        <v>2019</v>
      </c>
      <c r="F8048">
        <v>2019</v>
      </c>
      <c r="G8048" t="s">
        <v>14</v>
      </c>
      <c r="H8048" t="s">
        <v>119</v>
      </c>
      <c r="I8048" t="s">
        <v>15</v>
      </c>
      <c r="J8048" s="10">
        <v>8.7122166249999999</v>
      </c>
    </row>
    <row r="8049" spans="1:10" x14ac:dyDescent="0.35">
      <c r="A8049" t="s">
        <v>22</v>
      </c>
      <c r="B8049" t="s">
        <v>51</v>
      </c>
      <c r="C8049" t="s">
        <v>117</v>
      </c>
      <c r="D8049" t="s">
        <v>118</v>
      </c>
      <c r="E8049">
        <v>2019</v>
      </c>
      <c r="F8049">
        <v>2019</v>
      </c>
      <c r="G8049" t="s">
        <v>14</v>
      </c>
      <c r="H8049" t="s">
        <v>120</v>
      </c>
      <c r="I8049" t="s">
        <v>15</v>
      </c>
      <c r="J8049" s="10">
        <v>23.931570109999999</v>
      </c>
    </row>
    <row r="8050" spans="1:10" x14ac:dyDescent="0.35">
      <c r="A8050" t="s">
        <v>22</v>
      </c>
      <c r="B8050" t="s">
        <v>51</v>
      </c>
      <c r="C8050" t="s">
        <v>117</v>
      </c>
      <c r="D8050" t="s">
        <v>118</v>
      </c>
      <c r="E8050">
        <v>2019</v>
      </c>
      <c r="F8050">
        <v>2019</v>
      </c>
      <c r="G8050" t="s">
        <v>14</v>
      </c>
      <c r="H8050" t="s">
        <v>121</v>
      </c>
      <c r="I8050" t="s">
        <v>15</v>
      </c>
      <c r="J8050" s="10">
        <v>43.715365239999997</v>
      </c>
    </row>
    <row r="8051" spans="1:10" x14ac:dyDescent="0.35">
      <c r="A8051" t="s">
        <v>22</v>
      </c>
      <c r="B8051" t="s">
        <v>51</v>
      </c>
      <c r="C8051" t="s">
        <v>117</v>
      </c>
      <c r="D8051" t="s">
        <v>118</v>
      </c>
      <c r="E8051">
        <v>2019</v>
      </c>
      <c r="F8051">
        <v>2019</v>
      </c>
      <c r="G8051" t="s">
        <v>14</v>
      </c>
      <c r="H8051" t="s">
        <v>122</v>
      </c>
      <c r="I8051" t="s">
        <v>15</v>
      </c>
      <c r="J8051" s="10">
        <v>13.10558354</v>
      </c>
    </row>
    <row r="8052" spans="1:10" x14ac:dyDescent="0.35">
      <c r="A8052" t="s">
        <v>22</v>
      </c>
      <c r="B8052" t="s">
        <v>51</v>
      </c>
      <c r="C8052" t="s">
        <v>117</v>
      </c>
      <c r="D8052" t="s">
        <v>118</v>
      </c>
      <c r="E8052">
        <v>2019</v>
      </c>
      <c r="F8052">
        <v>2019</v>
      </c>
      <c r="G8052" t="s">
        <v>14</v>
      </c>
      <c r="H8052" t="s">
        <v>123</v>
      </c>
      <c r="I8052" t="s">
        <v>15</v>
      </c>
      <c r="J8052" s="10">
        <v>9.0596137700000003</v>
      </c>
    </row>
    <row r="8053" spans="1:10" x14ac:dyDescent="0.35">
      <c r="A8053" t="s">
        <v>22</v>
      </c>
      <c r="B8053" t="s">
        <v>51</v>
      </c>
      <c r="C8053" t="s">
        <v>117</v>
      </c>
      <c r="D8053" t="s">
        <v>118</v>
      </c>
      <c r="E8053">
        <v>2019</v>
      </c>
      <c r="F8053">
        <v>2019</v>
      </c>
      <c r="G8053" t="s">
        <v>14</v>
      </c>
      <c r="H8053" t="s">
        <v>124</v>
      </c>
      <c r="I8053" t="s">
        <v>15</v>
      </c>
      <c r="J8053" s="10">
        <v>1.4756507139999999</v>
      </c>
    </row>
    <row r="8054" spans="1:10" x14ac:dyDescent="0.35">
      <c r="A8054" t="s">
        <v>22</v>
      </c>
      <c r="B8054" t="s">
        <v>51</v>
      </c>
      <c r="C8054" t="s">
        <v>117</v>
      </c>
      <c r="D8054" t="s">
        <v>118</v>
      </c>
      <c r="E8054">
        <v>2019</v>
      </c>
      <c r="F8054">
        <v>2019</v>
      </c>
      <c r="G8054" t="s">
        <v>125</v>
      </c>
      <c r="H8054" t="s">
        <v>119</v>
      </c>
      <c r="I8054" t="s">
        <v>15</v>
      </c>
      <c r="J8054" s="10">
        <v>9.0699577839999996</v>
      </c>
    </row>
    <row r="8055" spans="1:10" x14ac:dyDescent="0.35">
      <c r="A8055" t="s">
        <v>22</v>
      </c>
      <c r="B8055" t="s">
        <v>51</v>
      </c>
      <c r="C8055" t="s">
        <v>117</v>
      </c>
      <c r="D8055" t="s">
        <v>118</v>
      </c>
      <c r="E8055">
        <v>2019</v>
      </c>
      <c r="F8055">
        <v>2019</v>
      </c>
      <c r="G8055" t="s">
        <v>125</v>
      </c>
      <c r="H8055" t="s">
        <v>120</v>
      </c>
      <c r="I8055" t="s">
        <v>15</v>
      </c>
      <c r="J8055" s="10">
        <v>21.34057035</v>
      </c>
    </row>
    <row r="8056" spans="1:10" x14ac:dyDescent="0.35">
      <c r="A8056" t="s">
        <v>22</v>
      </c>
      <c r="B8056" t="s">
        <v>51</v>
      </c>
      <c r="C8056" t="s">
        <v>117</v>
      </c>
      <c r="D8056" t="s">
        <v>118</v>
      </c>
      <c r="E8056">
        <v>2019</v>
      </c>
      <c r="F8056">
        <v>2019</v>
      </c>
      <c r="G8056" t="s">
        <v>125</v>
      </c>
      <c r="H8056" t="s">
        <v>121</v>
      </c>
      <c r="I8056" t="s">
        <v>15</v>
      </c>
      <c r="J8056" s="10">
        <v>45.569483929999997</v>
      </c>
    </row>
    <row r="8057" spans="1:10" x14ac:dyDescent="0.35">
      <c r="A8057" t="s">
        <v>22</v>
      </c>
      <c r="B8057" t="s">
        <v>51</v>
      </c>
      <c r="C8057" t="s">
        <v>117</v>
      </c>
      <c r="D8057" t="s">
        <v>118</v>
      </c>
      <c r="E8057">
        <v>2019</v>
      </c>
      <c r="F8057">
        <v>2019</v>
      </c>
      <c r="G8057" t="s">
        <v>125</v>
      </c>
      <c r="H8057" t="s">
        <v>122</v>
      </c>
      <c r="I8057" t="s">
        <v>15</v>
      </c>
      <c r="J8057" s="10">
        <v>14.05401913</v>
      </c>
    </row>
    <row r="8058" spans="1:10" x14ac:dyDescent="0.35">
      <c r="A8058" t="s">
        <v>22</v>
      </c>
      <c r="B8058" t="s">
        <v>51</v>
      </c>
      <c r="C8058" t="s">
        <v>117</v>
      </c>
      <c r="D8058" t="s">
        <v>118</v>
      </c>
      <c r="E8058">
        <v>2019</v>
      </c>
      <c r="F8058">
        <v>2019</v>
      </c>
      <c r="G8058" t="s">
        <v>125</v>
      </c>
      <c r="H8058" t="s">
        <v>123</v>
      </c>
      <c r="I8058" t="s">
        <v>15</v>
      </c>
      <c r="J8058" s="10">
        <v>8.7878004650000001</v>
      </c>
    </row>
    <row r="8059" spans="1:10" x14ac:dyDescent="0.35">
      <c r="A8059" t="s">
        <v>22</v>
      </c>
      <c r="B8059" t="s">
        <v>51</v>
      </c>
      <c r="C8059" t="s">
        <v>117</v>
      </c>
      <c r="D8059" t="s">
        <v>118</v>
      </c>
      <c r="E8059">
        <v>2019</v>
      </c>
      <c r="F8059">
        <v>2019</v>
      </c>
      <c r="G8059" t="s">
        <v>125</v>
      </c>
      <c r="H8059" t="s">
        <v>124</v>
      </c>
      <c r="I8059" t="s">
        <v>15</v>
      </c>
      <c r="J8059" s="10">
        <v>1.1781683469999999</v>
      </c>
    </row>
    <row r="8060" spans="1:10" x14ac:dyDescent="0.35">
      <c r="A8060" t="s">
        <v>22</v>
      </c>
      <c r="B8060" t="s">
        <v>51</v>
      </c>
      <c r="C8060" t="s">
        <v>117</v>
      </c>
      <c r="D8060" t="s">
        <v>118</v>
      </c>
      <c r="E8060">
        <v>2019</v>
      </c>
      <c r="F8060">
        <v>2019</v>
      </c>
      <c r="G8060" t="s">
        <v>126</v>
      </c>
      <c r="H8060" t="s">
        <v>119</v>
      </c>
      <c r="I8060" t="s">
        <v>15</v>
      </c>
      <c r="J8060" s="10">
        <v>8.3722263160000008</v>
      </c>
    </row>
    <row r="8061" spans="1:10" x14ac:dyDescent="0.35">
      <c r="A8061" t="s">
        <v>22</v>
      </c>
      <c r="B8061" t="s">
        <v>51</v>
      </c>
      <c r="C8061" t="s">
        <v>117</v>
      </c>
      <c r="D8061" t="s">
        <v>118</v>
      </c>
      <c r="E8061">
        <v>2019</v>
      </c>
      <c r="F8061">
        <v>2019</v>
      </c>
      <c r="G8061" t="s">
        <v>126</v>
      </c>
      <c r="H8061" t="s">
        <v>120</v>
      </c>
      <c r="I8061" t="s">
        <v>15</v>
      </c>
      <c r="J8061" s="10">
        <v>26.394006390000001</v>
      </c>
    </row>
    <row r="8062" spans="1:10" x14ac:dyDescent="0.35">
      <c r="A8062" t="s">
        <v>22</v>
      </c>
      <c r="B8062" t="s">
        <v>51</v>
      </c>
      <c r="C8062" t="s">
        <v>117</v>
      </c>
      <c r="D8062" t="s">
        <v>118</v>
      </c>
      <c r="E8062">
        <v>2019</v>
      </c>
      <c r="F8062">
        <v>2019</v>
      </c>
      <c r="G8062" t="s">
        <v>126</v>
      </c>
      <c r="H8062" t="s">
        <v>121</v>
      </c>
      <c r="I8062" t="s">
        <v>15</v>
      </c>
      <c r="J8062" s="10">
        <v>41.953246540000002</v>
      </c>
    </row>
    <row r="8063" spans="1:10" x14ac:dyDescent="0.35">
      <c r="A8063" t="s">
        <v>22</v>
      </c>
      <c r="B8063" t="s">
        <v>51</v>
      </c>
      <c r="C8063" t="s">
        <v>117</v>
      </c>
      <c r="D8063" t="s">
        <v>118</v>
      </c>
      <c r="E8063">
        <v>2019</v>
      </c>
      <c r="F8063">
        <v>2019</v>
      </c>
      <c r="G8063" t="s">
        <v>126</v>
      </c>
      <c r="H8063" t="s">
        <v>122</v>
      </c>
      <c r="I8063" t="s">
        <v>15</v>
      </c>
      <c r="J8063" s="10">
        <v>12.20420863</v>
      </c>
    </row>
    <row r="8064" spans="1:10" x14ac:dyDescent="0.35">
      <c r="A8064" t="s">
        <v>22</v>
      </c>
      <c r="B8064" t="s">
        <v>51</v>
      </c>
      <c r="C8064" t="s">
        <v>117</v>
      </c>
      <c r="D8064" t="s">
        <v>118</v>
      </c>
      <c r="E8064">
        <v>2019</v>
      </c>
      <c r="F8064">
        <v>2019</v>
      </c>
      <c r="G8064" t="s">
        <v>126</v>
      </c>
      <c r="H8064" t="s">
        <v>123</v>
      </c>
      <c r="I8064" t="s">
        <v>15</v>
      </c>
      <c r="J8064" s="10">
        <v>9.3179399000000007</v>
      </c>
    </row>
    <row r="8065" spans="1:10" x14ac:dyDescent="0.35">
      <c r="A8065" t="s">
        <v>22</v>
      </c>
      <c r="B8065" t="s">
        <v>51</v>
      </c>
      <c r="C8065" t="s">
        <v>117</v>
      </c>
      <c r="D8065" t="s">
        <v>118</v>
      </c>
      <c r="E8065">
        <v>2019</v>
      </c>
      <c r="F8065">
        <v>2019</v>
      </c>
      <c r="G8065" t="s">
        <v>126</v>
      </c>
      <c r="H8065" t="s">
        <v>124</v>
      </c>
      <c r="I8065" t="s">
        <v>15</v>
      </c>
      <c r="J8065" s="10">
        <v>1.7583722260000001</v>
      </c>
    </row>
    <row r="8066" spans="1:10" x14ac:dyDescent="0.35">
      <c r="A8066" t="s">
        <v>22</v>
      </c>
      <c r="B8066" t="s">
        <v>51</v>
      </c>
      <c r="C8066" t="s">
        <v>117</v>
      </c>
      <c r="D8066" t="s">
        <v>118</v>
      </c>
      <c r="E8066">
        <v>2018</v>
      </c>
      <c r="F8066">
        <v>2018</v>
      </c>
      <c r="G8066" t="s">
        <v>14</v>
      </c>
      <c r="H8066" t="s">
        <v>119</v>
      </c>
      <c r="I8066" t="s">
        <v>15</v>
      </c>
      <c r="J8066" s="10">
        <v>8.9430029770000008</v>
      </c>
    </row>
    <row r="8067" spans="1:10" x14ac:dyDescent="0.35">
      <c r="A8067" t="s">
        <v>22</v>
      </c>
      <c r="B8067" t="s">
        <v>51</v>
      </c>
      <c r="C8067" t="s">
        <v>117</v>
      </c>
      <c r="D8067" t="s">
        <v>118</v>
      </c>
      <c r="E8067">
        <v>2018</v>
      </c>
      <c r="F8067">
        <v>2018</v>
      </c>
      <c r="G8067" t="s">
        <v>14</v>
      </c>
      <c r="H8067" t="s">
        <v>120</v>
      </c>
      <c r="I8067" t="s">
        <v>15</v>
      </c>
      <c r="J8067" s="10">
        <v>23.7781795</v>
      </c>
    </row>
    <row r="8068" spans="1:10" x14ac:dyDescent="0.35">
      <c r="A8068" t="s">
        <v>22</v>
      </c>
      <c r="B8068" t="s">
        <v>51</v>
      </c>
      <c r="C8068" t="s">
        <v>117</v>
      </c>
      <c r="D8068" t="s">
        <v>118</v>
      </c>
      <c r="E8068">
        <v>2018</v>
      </c>
      <c r="F8068">
        <v>2018</v>
      </c>
      <c r="G8068" t="s">
        <v>14</v>
      </c>
      <c r="H8068" t="s">
        <v>121</v>
      </c>
      <c r="I8068" t="s">
        <v>15</v>
      </c>
      <c r="J8068" s="10">
        <v>43.702679709999998</v>
      </c>
    </row>
    <row r="8069" spans="1:10" x14ac:dyDescent="0.35">
      <c r="A8069" t="s">
        <v>22</v>
      </c>
      <c r="B8069" t="s">
        <v>51</v>
      </c>
      <c r="C8069" t="s">
        <v>117</v>
      </c>
      <c r="D8069" t="s">
        <v>118</v>
      </c>
      <c r="E8069">
        <v>2018</v>
      </c>
      <c r="F8069">
        <v>2018</v>
      </c>
      <c r="G8069" t="s">
        <v>14</v>
      </c>
      <c r="H8069" t="s">
        <v>122</v>
      </c>
      <c r="I8069" t="s">
        <v>15</v>
      </c>
      <c r="J8069" s="10">
        <v>13.13908975</v>
      </c>
    </row>
    <row r="8070" spans="1:10" x14ac:dyDescent="0.35">
      <c r="A8070" t="s">
        <v>22</v>
      </c>
      <c r="B8070" t="s">
        <v>51</v>
      </c>
      <c r="C8070" t="s">
        <v>117</v>
      </c>
      <c r="D8070" t="s">
        <v>118</v>
      </c>
      <c r="E8070">
        <v>2018</v>
      </c>
      <c r="F8070">
        <v>2018</v>
      </c>
      <c r="G8070" t="s">
        <v>14</v>
      </c>
      <c r="H8070" t="s">
        <v>123</v>
      </c>
      <c r="I8070" t="s">
        <v>15</v>
      </c>
      <c r="J8070" s="10">
        <v>8.9504466180000009</v>
      </c>
    </row>
    <row r="8071" spans="1:10" x14ac:dyDescent="0.35">
      <c r="A8071" t="s">
        <v>22</v>
      </c>
      <c r="B8071" t="s">
        <v>51</v>
      </c>
      <c r="C8071" t="s">
        <v>117</v>
      </c>
      <c r="D8071" t="s">
        <v>118</v>
      </c>
      <c r="E8071">
        <v>2018</v>
      </c>
      <c r="F8071">
        <v>2018</v>
      </c>
      <c r="G8071" t="s">
        <v>14</v>
      </c>
      <c r="H8071" t="s">
        <v>124</v>
      </c>
      <c r="I8071" t="s">
        <v>15</v>
      </c>
      <c r="J8071" s="10">
        <v>1.4866014460000001</v>
      </c>
    </row>
    <row r="8072" spans="1:10" x14ac:dyDescent="0.35">
      <c r="A8072" t="s">
        <v>22</v>
      </c>
      <c r="B8072" t="s">
        <v>51</v>
      </c>
      <c r="C8072" t="s">
        <v>117</v>
      </c>
      <c r="D8072" t="s">
        <v>118</v>
      </c>
      <c r="E8072">
        <v>2018</v>
      </c>
      <c r="F8072">
        <v>2018</v>
      </c>
      <c r="G8072" t="s">
        <v>125</v>
      </c>
      <c r="H8072" t="s">
        <v>119</v>
      </c>
      <c r="I8072" t="s">
        <v>15</v>
      </c>
      <c r="J8072" s="10">
        <v>9.3437976890000005</v>
      </c>
    </row>
    <row r="8073" spans="1:10" x14ac:dyDescent="0.35">
      <c r="A8073" t="s">
        <v>22</v>
      </c>
      <c r="B8073" t="s">
        <v>51</v>
      </c>
      <c r="C8073" t="s">
        <v>117</v>
      </c>
      <c r="D8073" t="s">
        <v>118</v>
      </c>
      <c r="E8073">
        <v>2018</v>
      </c>
      <c r="F8073">
        <v>2018</v>
      </c>
      <c r="G8073" t="s">
        <v>125</v>
      </c>
      <c r="H8073" t="s">
        <v>120</v>
      </c>
      <c r="I8073" t="s">
        <v>15</v>
      </c>
      <c r="J8073" s="10">
        <v>21.231741880000001</v>
      </c>
    </row>
    <row r="8074" spans="1:10" x14ac:dyDescent="0.35">
      <c r="A8074" t="s">
        <v>22</v>
      </c>
      <c r="B8074" t="s">
        <v>51</v>
      </c>
      <c r="C8074" t="s">
        <v>117</v>
      </c>
      <c r="D8074" t="s">
        <v>118</v>
      </c>
      <c r="E8074">
        <v>2018</v>
      </c>
      <c r="F8074">
        <v>2018</v>
      </c>
      <c r="G8074" t="s">
        <v>125</v>
      </c>
      <c r="H8074" t="s">
        <v>121</v>
      </c>
      <c r="I8074" t="s">
        <v>15</v>
      </c>
      <c r="J8074" s="10">
        <v>45.528667970000001</v>
      </c>
    </row>
    <row r="8075" spans="1:10" x14ac:dyDescent="0.35">
      <c r="A8075" t="s">
        <v>22</v>
      </c>
      <c r="B8075" t="s">
        <v>51</v>
      </c>
      <c r="C8075" t="s">
        <v>117</v>
      </c>
      <c r="D8075" t="s">
        <v>118</v>
      </c>
      <c r="E8075">
        <v>2018</v>
      </c>
      <c r="F8075">
        <v>2018</v>
      </c>
      <c r="G8075" t="s">
        <v>125</v>
      </c>
      <c r="H8075" t="s">
        <v>122</v>
      </c>
      <c r="I8075" t="s">
        <v>15</v>
      </c>
      <c r="J8075" s="10">
        <v>14.120340089999999</v>
      </c>
    </row>
    <row r="8076" spans="1:10" x14ac:dyDescent="0.35">
      <c r="A8076" t="s">
        <v>22</v>
      </c>
      <c r="B8076" t="s">
        <v>51</v>
      </c>
      <c r="C8076" t="s">
        <v>117</v>
      </c>
      <c r="D8076" t="s">
        <v>118</v>
      </c>
      <c r="E8076">
        <v>2018</v>
      </c>
      <c r="F8076">
        <v>2018</v>
      </c>
      <c r="G8076" t="s">
        <v>125</v>
      </c>
      <c r="H8076" t="s">
        <v>123</v>
      </c>
      <c r="I8076" t="s">
        <v>15</v>
      </c>
      <c r="J8076" s="10">
        <v>8.6265533029999997</v>
      </c>
    </row>
    <row r="8077" spans="1:10" x14ac:dyDescent="0.35">
      <c r="A8077" t="s">
        <v>22</v>
      </c>
      <c r="B8077" t="s">
        <v>51</v>
      </c>
      <c r="C8077" t="s">
        <v>117</v>
      </c>
      <c r="D8077" t="s">
        <v>118</v>
      </c>
      <c r="E8077">
        <v>2018</v>
      </c>
      <c r="F8077">
        <v>2018</v>
      </c>
      <c r="G8077" t="s">
        <v>125</v>
      </c>
      <c r="H8077" t="s">
        <v>124</v>
      </c>
      <c r="I8077" t="s">
        <v>15</v>
      </c>
      <c r="J8077" s="10">
        <v>1.148899063</v>
      </c>
    </row>
    <row r="8078" spans="1:10" x14ac:dyDescent="0.35">
      <c r="A8078" t="s">
        <v>22</v>
      </c>
      <c r="B8078" t="s">
        <v>51</v>
      </c>
      <c r="C8078" t="s">
        <v>117</v>
      </c>
      <c r="D8078" t="s">
        <v>118</v>
      </c>
      <c r="E8078">
        <v>2018</v>
      </c>
      <c r="F8078">
        <v>2018</v>
      </c>
      <c r="G8078" t="s">
        <v>126</v>
      </c>
      <c r="H8078" t="s">
        <v>119</v>
      </c>
      <c r="I8078" t="s">
        <v>15</v>
      </c>
      <c r="J8078" s="10">
        <v>8.5613452359999993</v>
      </c>
    </row>
    <row r="8079" spans="1:10" x14ac:dyDescent="0.35">
      <c r="A8079" t="s">
        <v>22</v>
      </c>
      <c r="B8079" t="s">
        <v>51</v>
      </c>
      <c r="C8079" t="s">
        <v>117</v>
      </c>
      <c r="D8079" t="s">
        <v>118</v>
      </c>
      <c r="E8079">
        <v>2018</v>
      </c>
      <c r="F8079">
        <v>2018</v>
      </c>
      <c r="G8079" t="s">
        <v>126</v>
      </c>
      <c r="H8079" t="s">
        <v>120</v>
      </c>
      <c r="I8079" t="s">
        <v>15</v>
      </c>
      <c r="J8079" s="10">
        <v>26.203030930000001</v>
      </c>
    </row>
    <row r="8080" spans="1:10" x14ac:dyDescent="0.35">
      <c r="A8080" t="s">
        <v>22</v>
      </c>
      <c r="B8080" t="s">
        <v>51</v>
      </c>
      <c r="C8080" t="s">
        <v>117</v>
      </c>
      <c r="D8080" t="s">
        <v>118</v>
      </c>
      <c r="E8080">
        <v>2018</v>
      </c>
      <c r="F8080">
        <v>2018</v>
      </c>
      <c r="G8080" t="s">
        <v>126</v>
      </c>
      <c r="H8080" t="s">
        <v>121</v>
      </c>
      <c r="I8080" t="s">
        <v>15</v>
      </c>
      <c r="J8080" s="10">
        <v>41.963877930000002</v>
      </c>
    </row>
    <row r="8081" spans="1:10" x14ac:dyDescent="0.35">
      <c r="A8081" t="s">
        <v>22</v>
      </c>
      <c r="B8081" t="s">
        <v>51</v>
      </c>
      <c r="C8081" t="s">
        <v>117</v>
      </c>
      <c r="D8081" t="s">
        <v>118</v>
      </c>
      <c r="E8081">
        <v>2018</v>
      </c>
      <c r="F8081">
        <v>2018</v>
      </c>
      <c r="G8081" t="s">
        <v>126</v>
      </c>
      <c r="H8081" t="s">
        <v>122</v>
      </c>
      <c r="I8081" t="s">
        <v>15</v>
      </c>
      <c r="J8081" s="10">
        <v>12.20469172</v>
      </c>
    </row>
    <row r="8082" spans="1:10" x14ac:dyDescent="0.35">
      <c r="A8082" t="s">
        <v>22</v>
      </c>
      <c r="B8082" t="s">
        <v>51</v>
      </c>
      <c r="C8082" t="s">
        <v>117</v>
      </c>
      <c r="D8082" t="s">
        <v>118</v>
      </c>
      <c r="E8082">
        <v>2018</v>
      </c>
      <c r="F8082">
        <v>2018</v>
      </c>
      <c r="G8082" t="s">
        <v>126</v>
      </c>
      <c r="H8082" t="s">
        <v>123</v>
      </c>
      <c r="I8082" t="s">
        <v>15</v>
      </c>
      <c r="J8082" s="10">
        <v>9.2588748180000007</v>
      </c>
    </row>
    <row r="8083" spans="1:10" x14ac:dyDescent="0.35">
      <c r="A8083" t="s">
        <v>22</v>
      </c>
      <c r="B8083" t="s">
        <v>51</v>
      </c>
      <c r="C8083" t="s">
        <v>117</v>
      </c>
      <c r="D8083" t="s">
        <v>118</v>
      </c>
      <c r="E8083">
        <v>2018</v>
      </c>
      <c r="F8083">
        <v>2018</v>
      </c>
      <c r="G8083" t="s">
        <v>126</v>
      </c>
      <c r="H8083" t="s">
        <v>124</v>
      </c>
      <c r="I8083" t="s">
        <v>15</v>
      </c>
      <c r="J8083" s="10">
        <v>1.808179365</v>
      </c>
    </row>
    <row r="8084" spans="1:10" x14ac:dyDescent="0.35">
      <c r="A8084" t="s">
        <v>22</v>
      </c>
      <c r="B8084" t="s">
        <v>51</v>
      </c>
      <c r="C8084" t="s">
        <v>117</v>
      </c>
      <c r="D8084" t="s">
        <v>118</v>
      </c>
      <c r="E8084">
        <v>2017</v>
      </c>
      <c r="F8084">
        <v>2017</v>
      </c>
      <c r="G8084" t="s">
        <v>14</v>
      </c>
      <c r="H8084" t="s">
        <v>119</v>
      </c>
      <c r="I8084" t="s">
        <v>15</v>
      </c>
      <c r="J8084" s="10">
        <v>9.1028025259999996</v>
      </c>
    </row>
    <row r="8085" spans="1:10" x14ac:dyDescent="0.35">
      <c r="A8085" t="s">
        <v>22</v>
      </c>
      <c r="B8085" t="s">
        <v>51</v>
      </c>
      <c r="C8085" t="s">
        <v>117</v>
      </c>
      <c r="D8085" t="s">
        <v>118</v>
      </c>
      <c r="E8085">
        <v>2017</v>
      </c>
      <c r="F8085">
        <v>2017</v>
      </c>
      <c r="G8085" t="s">
        <v>14</v>
      </c>
      <c r="H8085" t="s">
        <v>120</v>
      </c>
      <c r="I8085" t="s">
        <v>15</v>
      </c>
      <c r="J8085" s="10">
        <v>23.426822940000001</v>
      </c>
    </row>
    <row r="8086" spans="1:10" x14ac:dyDescent="0.35">
      <c r="A8086" t="s">
        <v>22</v>
      </c>
      <c r="B8086" t="s">
        <v>51</v>
      </c>
      <c r="C8086" t="s">
        <v>117</v>
      </c>
      <c r="D8086" t="s">
        <v>118</v>
      </c>
      <c r="E8086">
        <v>2017</v>
      </c>
      <c r="F8086">
        <v>2017</v>
      </c>
      <c r="G8086" t="s">
        <v>14</v>
      </c>
      <c r="H8086" t="s">
        <v>121</v>
      </c>
      <c r="I8086" t="s">
        <v>15</v>
      </c>
      <c r="J8086" s="10">
        <v>43.779733589999999</v>
      </c>
    </row>
    <row r="8087" spans="1:10" x14ac:dyDescent="0.35">
      <c r="A8087" t="s">
        <v>22</v>
      </c>
      <c r="B8087" t="s">
        <v>51</v>
      </c>
      <c r="C8087" t="s">
        <v>117</v>
      </c>
      <c r="D8087" t="s">
        <v>118</v>
      </c>
      <c r="E8087">
        <v>2017</v>
      </c>
      <c r="F8087">
        <v>2017</v>
      </c>
      <c r="G8087" t="s">
        <v>14</v>
      </c>
      <c r="H8087" t="s">
        <v>122</v>
      </c>
      <c r="I8087" t="s">
        <v>15</v>
      </c>
      <c r="J8087" s="10">
        <v>13.24496151</v>
      </c>
    </row>
    <row r="8088" spans="1:10" x14ac:dyDescent="0.35">
      <c r="A8088" t="s">
        <v>22</v>
      </c>
      <c r="B8088" t="s">
        <v>51</v>
      </c>
      <c r="C8088" t="s">
        <v>117</v>
      </c>
      <c r="D8088" t="s">
        <v>118</v>
      </c>
      <c r="E8088">
        <v>2017</v>
      </c>
      <c r="F8088">
        <v>2017</v>
      </c>
      <c r="G8088" t="s">
        <v>14</v>
      </c>
      <c r="H8088" t="s">
        <v>123</v>
      </c>
      <c r="I8088" t="s">
        <v>15</v>
      </c>
      <c r="J8088" s="10">
        <v>8.9276446669999991</v>
      </c>
    </row>
    <row r="8089" spans="1:10" x14ac:dyDescent="0.35">
      <c r="A8089" t="s">
        <v>22</v>
      </c>
      <c r="B8089" t="s">
        <v>51</v>
      </c>
      <c r="C8089" t="s">
        <v>117</v>
      </c>
      <c r="D8089" t="s">
        <v>118</v>
      </c>
      <c r="E8089">
        <v>2017</v>
      </c>
      <c r="F8089">
        <v>2017</v>
      </c>
      <c r="G8089" t="s">
        <v>14</v>
      </c>
      <c r="H8089" t="s">
        <v>124</v>
      </c>
      <c r="I8089" t="s">
        <v>15</v>
      </c>
      <c r="J8089" s="10">
        <v>1.518034772</v>
      </c>
    </row>
    <row r="8090" spans="1:10" x14ac:dyDescent="0.35">
      <c r="A8090" t="s">
        <v>22</v>
      </c>
      <c r="B8090" t="s">
        <v>51</v>
      </c>
      <c r="C8090" t="s">
        <v>117</v>
      </c>
      <c r="D8090" t="s">
        <v>118</v>
      </c>
      <c r="E8090">
        <v>2017</v>
      </c>
      <c r="F8090">
        <v>2017</v>
      </c>
      <c r="G8090" t="s">
        <v>125</v>
      </c>
      <c r="H8090" t="s">
        <v>119</v>
      </c>
      <c r="I8090" t="s">
        <v>15</v>
      </c>
      <c r="J8090" s="10">
        <v>9.5192670320000001</v>
      </c>
    </row>
    <row r="8091" spans="1:10" x14ac:dyDescent="0.35">
      <c r="A8091" t="s">
        <v>22</v>
      </c>
      <c r="B8091" t="s">
        <v>51</v>
      </c>
      <c r="C8091" t="s">
        <v>117</v>
      </c>
      <c r="D8091" t="s">
        <v>118</v>
      </c>
      <c r="E8091">
        <v>2017</v>
      </c>
      <c r="F8091">
        <v>2017</v>
      </c>
      <c r="G8091" t="s">
        <v>125</v>
      </c>
      <c r="H8091" t="s">
        <v>120</v>
      </c>
      <c r="I8091" t="s">
        <v>15</v>
      </c>
      <c r="J8091" s="10">
        <v>20.737848570000001</v>
      </c>
    </row>
    <row r="8092" spans="1:10" x14ac:dyDescent="0.35">
      <c r="A8092" t="s">
        <v>22</v>
      </c>
      <c r="B8092" t="s">
        <v>51</v>
      </c>
      <c r="C8092" t="s">
        <v>117</v>
      </c>
      <c r="D8092" t="s">
        <v>118</v>
      </c>
      <c r="E8092">
        <v>2017</v>
      </c>
      <c r="F8092">
        <v>2017</v>
      </c>
      <c r="G8092" t="s">
        <v>125</v>
      </c>
      <c r="H8092" t="s">
        <v>121</v>
      </c>
      <c r="I8092" t="s">
        <v>15</v>
      </c>
      <c r="J8092" s="10">
        <v>45.868181110000002</v>
      </c>
    </row>
    <row r="8093" spans="1:10" x14ac:dyDescent="0.35">
      <c r="A8093" t="s">
        <v>22</v>
      </c>
      <c r="B8093" t="s">
        <v>51</v>
      </c>
      <c r="C8093" t="s">
        <v>117</v>
      </c>
      <c r="D8093" t="s">
        <v>118</v>
      </c>
      <c r="E8093">
        <v>2017</v>
      </c>
      <c r="F8093">
        <v>2017</v>
      </c>
      <c r="G8093" t="s">
        <v>125</v>
      </c>
      <c r="H8093" t="s">
        <v>122</v>
      </c>
      <c r="I8093" t="s">
        <v>15</v>
      </c>
      <c r="J8093" s="10">
        <v>14.251170220000001</v>
      </c>
    </row>
    <row r="8094" spans="1:10" x14ac:dyDescent="0.35">
      <c r="A8094" t="s">
        <v>22</v>
      </c>
      <c r="B8094" t="s">
        <v>51</v>
      </c>
      <c r="C8094" t="s">
        <v>117</v>
      </c>
      <c r="D8094" t="s">
        <v>118</v>
      </c>
      <c r="E8094">
        <v>2017</v>
      </c>
      <c r="F8094">
        <v>2017</v>
      </c>
      <c r="G8094" t="s">
        <v>125</v>
      </c>
      <c r="H8094" t="s">
        <v>123</v>
      </c>
      <c r="I8094" t="s">
        <v>15</v>
      </c>
      <c r="J8094" s="10">
        <v>8.5387226300000005</v>
      </c>
    </row>
    <row r="8095" spans="1:10" x14ac:dyDescent="0.35">
      <c r="A8095" t="s">
        <v>22</v>
      </c>
      <c r="B8095" t="s">
        <v>51</v>
      </c>
      <c r="C8095" t="s">
        <v>117</v>
      </c>
      <c r="D8095" t="s">
        <v>118</v>
      </c>
      <c r="E8095">
        <v>2017</v>
      </c>
      <c r="F8095">
        <v>2017</v>
      </c>
      <c r="G8095" t="s">
        <v>125</v>
      </c>
      <c r="H8095" t="s">
        <v>124</v>
      </c>
      <c r="I8095" t="s">
        <v>15</v>
      </c>
      <c r="J8095" s="10">
        <v>1.0848104350000001</v>
      </c>
    </row>
    <row r="8096" spans="1:10" x14ac:dyDescent="0.35">
      <c r="A8096" t="s">
        <v>22</v>
      </c>
      <c r="B8096" t="s">
        <v>51</v>
      </c>
      <c r="C8096" t="s">
        <v>117</v>
      </c>
      <c r="D8096" t="s">
        <v>118</v>
      </c>
      <c r="E8096">
        <v>2017</v>
      </c>
      <c r="F8096">
        <v>2017</v>
      </c>
      <c r="G8096" t="s">
        <v>126</v>
      </c>
      <c r="H8096" t="s">
        <v>119</v>
      </c>
      <c r="I8096" t="s">
        <v>15</v>
      </c>
      <c r="J8096" s="10">
        <v>8.7068401850000008</v>
      </c>
    </row>
    <row r="8097" spans="1:10" x14ac:dyDescent="0.35">
      <c r="A8097" t="s">
        <v>22</v>
      </c>
      <c r="B8097" t="s">
        <v>51</v>
      </c>
      <c r="C8097" t="s">
        <v>117</v>
      </c>
      <c r="D8097" t="s">
        <v>118</v>
      </c>
      <c r="E8097">
        <v>2017</v>
      </c>
      <c r="F8097">
        <v>2017</v>
      </c>
      <c r="G8097" t="s">
        <v>126</v>
      </c>
      <c r="H8097" t="s">
        <v>120</v>
      </c>
      <c r="I8097" t="s">
        <v>15</v>
      </c>
      <c r="J8097" s="10">
        <v>25.983421570000001</v>
      </c>
    </row>
    <row r="8098" spans="1:10" x14ac:dyDescent="0.35">
      <c r="A8098" t="s">
        <v>22</v>
      </c>
      <c r="B8098" t="s">
        <v>51</v>
      </c>
      <c r="C8098" t="s">
        <v>117</v>
      </c>
      <c r="D8098" t="s">
        <v>118</v>
      </c>
      <c r="E8098">
        <v>2017</v>
      </c>
      <c r="F8098">
        <v>2017</v>
      </c>
      <c r="G8098" t="s">
        <v>126</v>
      </c>
      <c r="H8098" t="s">
        <v>121</v>
      </c>
      <c r="I8098" t="s">
        <v>15</v>
      </c>
      <c r="J8098" s="10">
        <v>41.794098419999997</v>
      </c>
    </row>
    <row r="8099" spans="1:10" x14ac:dyDescent="0.35">
      <c r="A8099" t="s">
        <v>22</v>
      </c>
      <c r="B8099" t="s">
        <v>51</v>
      </c>
      <c r="C8099" t="s">
        <v>117</v>
      </c>
      <c r="D8099" t="s">
        <v>118</v>
      </c>
      <c r="E8099">
        <v>2017</v>
      </c>
      <c r="F8099">
        <v>2017</v>
      </c>
      <c r="G8099" t="s">
        <v>126</v>
      </c>
      <c r="H8099" t="s">
        <v>122</v>
      </c>
      <c r="I8099" t="s">
        <v>15</v>
      </c>
      <c r="J8099" s="10">
        <v>12.28828753</v>
      </c>
    </row>
    <row r="8100" spans="1:10" x14ac:dyDescent="0.35">
      <c r="A8100" t="s">
        <v>22</v>
      </c>
      <c r="B8100" t="s">
        <v>51</v>
      </c>
      <c r="C8100" t="s">
        <v>117</v>
      </c>
      <c r="D8100" t="s">
        <v>118</v>
      </c>
      <c r="E8100">
        <v>2017</v>
      </c>
      <c r="F8100">
        <v>2017</v>
      </c>
      <c r="G8100" t="s">
        <v>126</v>
      </c>
      <c r="H8100" t="s">
        <v>123</v>
      </c>
      <c r="I8100" t="s">
        <v>15</v>
      </c>
      <c r="J8100" s="10">
        <v>9.2974204300000007</v>
      </c>
    </row>
    <row r="8101" spans="1:10" x14ac:dyDescent="0.35">
      <c r="A8101" t="s">
        <v>22</v>
      </c>
      <c r="B8101" t="s">
        <v>51</v>
      </c>
      <c r="C8101" t="s">
        <v>117</v>
      </c>
      <c r="D8101" t="s">
        <v>118</v>
      </c>
      <c r="E8101">
        <v>2017</v>
      </c>
      <c r="F8101">
        <v>2017</v>
      </c>
      <c r="G8101" t="s">
        <v>126</v>
      </c>
      <c r="H8101" t="s">
        <v>124</v>
      </c>
      <c r="I8101" t="s">
        <v>15</v>
      </c>
      <c r="J8101" s="10">
        <v>1.929931872</v>
      </c>
    </row>
    <row r="8102" spans="1:10" x14ac:dyDescent="0.35">
      <c r="A8102" t="s">
        <v>22</v>
      </c>
      <c r="B8102" t="s">
        <v>51</v>
      </c>
      <c r="C8102" t="s">
        <v>117</v>
      </c>
      <c r="D8102" t="s">
        <v>118</v>
      </c>
      <c r="E8102">
        <v>2016</v>
      </c>
      <c r="F8102">
        <v>2016</v>
      </c>
      <c r="G8102" t="s">
        <v>14</v>
      </c>
      <c r="H8102" t="s">
        <v>119</v>
      </c>
      <c r="I8102" t="s">
        <v>15</v>
      </c>
      <c r="J8102" s="10">
        <v>9.1764113340000009</v>
      </c>
    </row>
    <row r="8103" spans="1:10" x14ac:dyDescent="0.35">
      <c r="A8103" t="s">
        <v>22</v>
      </c>
      <c r="B8103" t="s">
        <v>51</v>
      </c>
      <c r="C8103" t="s">
        <v>117</v>
      </c>
      <c r="D8103" t="s">
        <v>118</v>
      </c>
      <c r="E8103">
        <v>2016</v>
      </c>
      <c r="F8103">
        <v>2016</v>
      </c>
      <c r="G8103" t="s">
        <v>14</v>
      </c>
      <c r="H8103" t="s">
        <v>120</v>
      </c>
      <c r="I8103" t="s">
        <v>15</v>
      </c>
      <c r="J8103" s="10">
        <v>23.504357729999999</v>
      </c>
    </row>
    <row r="8104" spans="1:10" x14ac:dyDescent="0.35">
      <c r="A8104" t="s">
        <v>22</v>
      </c>
      <c r="B8104" t="s">
        <v>51</v>
      </c>
      <c r="C8104" t="s">
        <v>117</v>
      </c>
      <c r="D8104" t="s">
        <v>118</v>
      </c>
      <c r="E8104">
        <v>2016</v>
      </c>
      <c r="F8104">
        <v>2016</v>
      </c>
      <c r="G8104" t="s">
        <v>14</v>
      </c>
      <c r="H8104" t="s">
        <v>121</v>
      </c>
      <c r="I8104" t="s">
        <v>15</v>
      </c>
      <c r="J8104" s="10">
        <v>43.836771339999999</v>
      </c>
    </row>
    <row r="8105" spans="1:10" x14ac:dyDescent="0.35">
      <c r="A8105" t="s">
        <v>22</v>
      </c>
      <c r="B8105" t="s">
        <v>51</v>
      </c>
      <c r="C8105" t="s">
        <v>117</v>
      </c>
      <c r="D8105" t="s">
        <v>118</v>
      </c>
      <c r="E8105">
        <v>2016</v>
      </c>
      <c r="F8105">
        <v>2016</v>
      </c>
      <c r="G8105" t="s">
        <v>14</v>
      </c>
      <c r="H8105" t="s">
        <v>122</v>
      </c>
      <c r="I8105" t="s">
        <v>15</v>
      </c>
      <c r="J8105" s="10">
        <v>13.14216266</v>
      </c>
    </row>
    <row r="8106" spans="1:10" x14ac:dyDescent="0.35">
      <c r="A8106" t="s">
        <v>22</v>
      </c>
      <c r="B8106" t="s">
        <v>51</v>
      </c>
      <c r="C8106" t="s">
        <v>117</v>
      </c>
      <c r="D8106" t="s">
        <v>118</v>
      </c>
      <c r="E8106">
        <v>2016</v>
      </c>
      <c r="F8106">
        <v>2016</v>
      </c>
      <c r="G8106" t="s">
        <v>14</v>
      </c>
      <c r="H8106" t="s">
        <v>123</v>
      </c>
      <c r="I8106" t="s">
        <v>15</v>
      </c>
      <c r="J8106" s="10">
        <v>8.794288968</v>
      </c>
    </row>
    <row r="8107" spans="1:10" x14ac:dyDescent="0.35">
      <c r="A8107" t="s">
        <v>22</v>
      </c>
      <c r="B8107" t="s">
        <v>51</v>
      </c>
      <c r="C8107" t="s">
        <v>117</v>
      </c>
      <c r="D8107" t="s">
        <v>118</v>
      </c>
      <c r="E8107">
        <v>2016</v>
      </c>
      <c r="F8107">
        <v>2016</v>
      </c>
      <c r="G8107" t="s">
        <v>14</v>
      </c>
      <c r="H8107" t="s">
        <v>124</v>
      </c>
      <c r="I8107" t="s">
        <v>15</v>
      </c>
      <c r="J8107" s="10">
        <v>1.5460079710000001</v>
      </c>
    </row>
    <row r="8108" spans="1:10" x14ac:dyDescent="0.35">
      <c r="A8108" t="s">
        <v>22</v>
      </c>
      <c r="B8108" t="s">
        <v>51</v>
      </c>
      <c r="C8108" t="s">
        <v>117</v>
      </c>
      <c r="D8108" t="s">
        <v>118</v>
      </c>
      <c r="E8108">
        <v>2016</v>
      </c>
      <c r="F8108">
        <v>2016</v>
      </c>
      <c r="G8108" t="s">
        <v>125</v>
      </c>
      <c r="H8108" t="s">
        <v>119</v>
      </c>
      <c r="I8108" t="s">
        <v>15</v>
      </c>
      <c r="J8108" s="10">
        <v>9.5467543290000005</v>
      </c>
    </row>
    <row r="8109" spans="1:10" x14ac:dyDescent="0.35">
      <c r="A8109" t="s">
        <v>22</v>
      </c>
      <c r="B8109" t="s">
        <v>51</v>
      </c>
      <c r="C8109" t="s">
        <v>117</v>
      </c>
      <c r="D8109" t="s">
        <v>118</v>
      </c>
      <c r="E8109">
        <v>2016</v>
      </c>
      <c r="F8109">
        <v>2016</v>
      </c>
      <c r="G8109" t="s">
        <v>125</v>
      </c>
      <c r="H8109" t="s">
        <v>120</v>
      </c>
      <c r="I8109" t="s">
        <v>15</v>
      </c>
      <c r="J8109" s="10">
        <v>20.876770310000001</v>
      </c>
    </row>
    <row r="8110" spans="1:10" x14ac:dyDescent="0.35">
      <c r="A8110" t="s">
        <v>22</v>
      </c>
      <c r="B8110" t="s">
        <v>51</v>
      </c>
      <c r="C8110" t="s">
        <v>117</v>
      </c>
      <c r="D8110" t="s">
        <v>118</v>
      </c>
      <c r="E8110">
        <v>2016</v>
      </c>
      <c r="F8110">
        <v>2016</v>
      </c>
      <c r="G8110" t="s">
        <v>125</v>
      </c>
      <c r="H8110" t="s">
        <v>121</v>
      </c>
      <c r="I8110" t="s">
        <v>15</v>
      </c>
      <c r="J8110" s="10">
        <v>45.948258389999999</v>
      </c>
    </row>
    <row r="8111" spans="1:10" x14ac:dyDescent="0.35">
      <c r="A8111" t="s">
        <v>22</v>
      </c>
      <c r="B8111" t="s">
        <v>51</v>
      </c>
      <c r="C8111" t="s">
        <v>117</v>
      </c>
      <c r="D8111" t="s">
        <v>118</v>
      </c>
      <c r="E8111">
        <v>2016</v>
      </c>
      <c r="F8111">
        <v>2016</v>
      </c>
      <c r="G8111" t="s">
        <v>125</v>
      </c>
      <c r="H8111" t="s">
        <v>122</v>
      </c>
      <c r="I8111" t="s">
        <v>15</v>
      </c>
      <c r="J8111" s="10">
        <v>14.153513609999999</v>
      </c>
    </row>
    <row r="8112" spans="1:10" x14ac:dyDescent="0.35">
      <c r="A8112" t="s">
        <v>22</v>
      </c>
      <c r="B8112" t="s">
        <v>51</v>
      </c>
      <c r="C8112" t="s">
        <v>117</v>
      </c>
      <c r="D8112" t="s">
        <v>118</v>
      </c>
      <c r="E8112">
        <v>2016</v>
      </c>
      <c r="F8112">
        <v>2016</v>
      </c>
      <c r="G8112" t="s">
        <v>125</v>
      </c>
      <c r="H8112" t="s">
        <v>123</v>
      </c>
      <c r="I8112" t="s">
        <v>15</v>
      </c>
      <c r="J8112" s="10">
        <v>8.3781775609999993</v>
      </c>
    </row>
    <row r="8113" spans="1:10" x14ac:dyDescent="0.35">
      <c r="A8113" t="s">
        <v>22</v>
      </c>
      <c r="B8113" t="s">
        <v>51</v>
      </c>
      <c r="C8113" t="s">
        <v>117</v>
      </c>
      <c r="D8113" t="s">
        <v>118</v>
      </c>
      <c r="E8113">
        <v>2016</v>
      </c>
      <c r="F8113">
        <v>2016</v>
      </c>
      <c r="G8113" t="s">
        <v>125</v>
      </c>
      <c r="H8113" t="s">
        <v>124</v>
      </c>
      <c r="I8113" t="s">
        <v>15</v>
      </c>
      <c r="J8113" s="10">
        <v>1.096525792</v>
      </c>
    </row>
    <row r="8114" spans="1:10" x14ac:dyDescent="0.35">
      <c r="A8114" t="s">
        <v>22</v>
      </c>
      <c r="B8114" t="s">
        <v>51</v>
      </c>
      <c r="C8114" t="s">
        <v>117</v>
      </c>
      <c r="D8114" t="s">
        <v>118</v>
      </c>
      <c r="E8114">
        <v>2016</v>
      </c>
      <c r="F8114">
        <v>2016</v>
      </c>
      <c r="G8114" t="s">
        <v>126</v>
      </c>
      <c r="H8114" t="s">
        <v>119</v>
      </c>
      <c r="I8114" t="s">
        <v>15</v>
      </c>
      <c r="J8114" s="10">
        <v>8.8258488029999995</v>
      </c>
    </row>
    <row r="8115" spans="1:10" x14ac:dyDescent="0.35">
      <c r="A8115" t="s">
        <v>22</v>
      </c>
      <c r="B8115" t="s">
        <v>51</v>
      </c>
      <c r="C8115" t="s">
        <v>117</v>
      </c>
      <c r="D8115" t="s">
        <v>118</v>
      </c>
      <c r="E8115">
        <v>2016</v>
      </c>
      <c r="F8115">
        <v>2016</v>
      </c>
      <c r="G8115" t="s">
        <v>126</v>
      </c>
      <c r="H8115" t="s">
        <v>120</v>
      </c>
      <c r="I8115" t="s">
        <v>15</v>
      </c>
      <c r="J8115" s="10">
        <v>25.99160255</v>
      </c>
    </row>
    <row r="8116" spans="1:10" x14ac:dyDescent="0.35">
      <c r="A8116" t="s">
        <v>22</v>
      </c>
      <c r="B8116" t="s">
        <v>51</v>
      </c>
      <c r="C8116" t="s">
        <v>117</v>
      </c>
      <c r="D8116" t="s">
        <v>118</v>
      </c>
      <c r="E8116">
        <v>2016</v>
      </c>
      <c r="F8116">
        <v>2016</v>
      </c>
      <c r="G8116" t="s">
        <v>126</v>
      </c>
      <c r="H8116" t="s">
        <v>121</v>
      </c>
      <c r="I8116" t="s">
        <v>15</v>
      </c>
      <c r="J8116" s="10">
        <v>41.838061340000003</v>
      </c>
    </row>
    <row r="8117" spans="1:10" x14ac:dyDescent="0.35">
      <c r="A8117" t="s">
        <v>22</v>
      </c>
      <c r="B8117" t="s">
        <v>51</v>
      </c>
      <c r="C8117" t="s">
        <v>117</v>
      </c>
      <c r="D8117" t="s">
        <v>118</v>
      </c>
      <c r="E8117">
        <v>2016</v>
      </c>
      <c r="F8117">
        <v>2016</v>
      </c>
      <c r="G8117" t="s">
        <v>126</v>
      </c>
      <c r="H8117" t="s">
        <v>122</v>
      </c>
      <c r="I8117" t="s">
        <v>15</v>
      </c>
      <c r="J8117" s="10">
        <v>12.18482917</v>
      </c>
    </row>
    <row r="8118" spans="1:10" x14ac:dyDescent="0.35">
      <c r="A8118" t="s">
        <v>22</v>
      </c>
      <c r="B8118" t="s">
        <v>51</v>
      </c>
      <c r="C8118" t="s">
        <v>117</v>
      </c>
      <c r="D8118" t="s">
        <v>118</v>
      </c>
      <c r="E8118">
        <v>2016</v>
      </c>
      <c r="F8118">
        <v>2016</v>
      </c>
      <c r="G8118" t="s">
        <v>126</v>
      </c>
      <c r="H8118" t="s">
        <v>123</v>
      </c>
      <c r="I8118" t="s">
        <v>15</v>
      </c>
      <c r="J8118" s="10">
        <v>9.1881753659999994</v>
      </c>
    </row>
    <row r="8119" spans="1:10" x14ac:dyDescent="0.35">
      <c r="A8119" t="s">
        <v>22</v>
      </c>
      <c r="B8119" t="s">
        <v>51</v>
      </c>
      <c r="C8119" t="s">
        <v>117</v>
      </c>
      <c r="D8119" t="s">
        <v>118</v>
      </c>
      <c r="E8119">
        <v>2016</v>
      </c>
      <c r="F8119">
        <v>2016</v>
      </c>
      <c r="G8119" t="s">
        <v>126</v>
      </c>
      <c r="H8119" t="s">
        <v>124</v>
      </c>
      <c r="I8119" t="s">
        <v>15</v>
      </c>
      <c r="J8119" s="10">
        <v>1.971482768</v>
      </c>
    </row>
    <row r="8120" spans="1:10" x14ac:dyDescent="0.35">
      <c r="A8120" t="s">
        <v>22</v>
      </c>
      <c r="B8120" t="s">
        <v>51</v>
      </c>
      <c r="C8120" t="s">
        <v>117</v>
      </c>
      <c r="D8120" t="s">
        <v>118</v>
      </c>
      <c r="E8120">
        <v>2015</v>
      </c>
      <c r="F8120">
        <v>2015</v>
      </c>
      <c r="G8120" t="s">
        <v>14</v>
      </c>
      <c r="H8120" t="s">
        <v>119</v>
      </c>
      <c r="I8120" t="s">
        <v>15</v>
      </c>
      <c r="J8120" s="10">
        <v>9.1569194740000004</v>
      </c>
    </row>
    <row r="8121" spans="1:10" x14ac:dyDescent="0.35">
      <c r="A8121" t="s">
        <v>22</v>
      </c>
      <c r="B8121" t="s">
        <v>51</v>
      </c>
      <c r="C8121" t="s">
        <v>117</v>
      </c>
      <c r="D8121" t="s">
        <v>118</v>
      </c>
      <c r="E8121">
        <v>2015</v>
      </c>
      <c r="F8121">
        <v>2015</v>
      </c>
      <c r="G8121" t="s">
        <v>14</v>
      </c>
      <c r="H8121" t="s">
        <v>120</v>
      </c>
      <c r="I8121" t="s">
        <v>15</v>
      </c>
      <c r="J8121" s="10">
        <v>23.447297620000001</v>
      </c>
    </row>
    <row r="8122" spans="1:10" x14ac:dyDescent="0.35">
      <c r="A8122" t="s">
        <v>22</v>
      </c>
      <c r="B8122" t="s">
        <v>51</v>
      </c>
      <c r="C8122" t="s">
        <v>117</v>
      </c>
      <c r="D8122" t="s">
        <v>118</v>
      </c>
      <c r="E8122">
        <v>2015</v>
      </c>
      <c r="F8122">
        <v>2015</v>
      </c>
      <c r="G8122" t="s">
        <v>14</v>
      </c>
      <c r="H8122" t="s">
        <v>121</v>
      </c>
      <c r="I8122" t="s">
        <v>15</v>
      </c>
      <c r="J8122" s="10">
        <v>43.745848770000002</v>
      </c>
    </row>
    <row r="8123" spans="1:10" x14ac:dyDescent="0.35">
      <c r="A8123" t="s">
        <v>22</v>
      </c>
      <c r="B8123" t="s">
        <v>51</v>
      </c>
      <c r="C8123" t="s">
        <v>117</v>
      </c>
      <c r="D8123" t="s">
        <v>118</v>
      </c>
      <c r="E8123">
        <v>2015</v>
      </c>
      <c r="F8123">
        <v>2015</v>
      </c>
      <c r="G8123" t="s">
        <v>14</v>
      </c>
      <c r="H8123" t="s">
        <v>122</v>
      </c>
      <c r="I8123" t="s">
        <v>15</v>
      </c>
      <c r="J8123" s="10">
        <v>13.23891972</v>
      </c>
    </row>
    <row r="8124" spans="1:10" x14ac:dyDescent="0.35">
      <c r="A8124" t="s">
        <v>22</v>
      </c>
      <c r="B8124" t="s">
        <v>51</v>
      </c>
      <c r="C8124" t="s">
        <v>117</v>
      </c>
      <c r="D8124" t="s">
        <v>118</v>
      </c>
      <c r="E8124">
        <v>2015</v>
      </c>
      <c r="F8124">
        <v>2015</v>
      </c>
      <c r="G8124" t="s">
        <v>14</v>
      </c>
      <c r="H8124" t="s">
        <v>123</v>
      </c>
      <c r="I8124" t="s">
        <v>15</v>
      </c>
      <c r="J8124" s="10">
        <v>8.8450843760000009</v>
      </c>
    </row>
    <row r="8125" spans="1:10" x14ac:dyDescent="0.35">
      <c r="A8125" t="s">
        <v>22</v>
      </c>
      <c r="B8125" t="s">
        <v>51</v>
      </c>
      <c r="C8125" t="s">
        <v>117</v>
      </c>
      <c r="D8125" t="s">
        <v>118</v>
      </c>
      <c r="E8125">
        <v>2015</v>
      </c>
      <c r="F8125">
        <v>2015</v>
      </c>
      <c r="G8125" t="s">
        <v>14</v>
      </c>
      <c r="H8125" t="s">
        <v>124</v>
      </c>
      <c r="I8125" t="s">
        <v>15</v>
      </c>
      <c r="J8125" s="10">
        <v>1.565930045</v>
      </c>
    </row>
    <row r="8126" spans="1:10" x14ac:dyDescent="0.35">
      <c r="A8126" t="s">
        <v>22</v>
      </c>
      <c r="B8126" t="s">
        <v>51</v>
      </c>
      <c r="C8126" t="s">
        <v>117</v>
      </c>
      <c r="D8126" t="s">
        <v>118</v>
      </c>
      <c r="E8126">
        <v>2015</v>
      </c>
      <c r="F8126">
        <v>2015</v>
      </c>
      <c r="G8126" t="s">
        <v>125</v>
      </c>
      <c r="H8126" t="s">
        <v>119</v>
      </c>
      <c r="I8126" t="s">
        <v>15</v>
      </c>
      <c r="J8126" s="10">
        <v>9.5406360419999992</v>
      </c>
    </row>
    <row r="8127" spans="1:10" x14ac:dyDescent="0.35">
      <c r="A8127" t="s">
        <v>22</v>
      </c>
      <c r="B8127" t="s">
        <v>51</v>
      </c>
      <c r="C8127" t="s">
        <v>117</v>
      </c>
      <c r="D8127" t="s">
        <v>118</v>
      </c>
      <c r="E8127">
        <v>2015</v>
      </c>
      <c r="F8127">
        <v>2015</v>
      </c>
      <c r="G8127" t="s">
        <v>125</v>
      </c>
      <c r="H8127" t="s">
        <v>120</v>
      </c>
      <c r="I8127" t="s">
        <v>15</v>
      </c>
      <c r="J8127" s="10">
        <v>21.009723090000001</v>
      </c>
    </row>
    <row r="8128" spans="1:10" x14ac:dyDescent="0.35">
      <c r="A8128" t="s">
        <v>22</v>
      </c>
      <c r="B8128" t="s">
        <v>51</v>
      </c>
      <c r="C8128" t="s">
        <v>117</v>
      </c>
      <c r="D8128" t="s">
        <v>118</v>
      </c>
      <c r="E8128">
        <v>2015</v>
      </c>
      <c r="F8128">
        <v>2015</v>
      </c>
      <c r="G8128" t="s">
        <v>125</v>
      </c>
      <c r="H8128" t="s">
        <v>121</v>
      </c>
      <c r="I8128" t="s">
        <v>15</v>
      </c>
      <c r="J8128" s="10">
        <v>45.774729209999997</v>
      </c>
    </row>
    <row r="8129" spans="1:10" x14ac:dyDescent="0.35">
      <c r="A8129" t="s">
        <v>22</v>
      </c>
      <c r="B8129" t="s">
        <v>51</v>
      </c>
      <c r="C8129" t="s">
        <v>117</v>
      </c>
      <c r="D8129" t="s">
        <v>118</v>
      </c>
      <c r="E8129">
        <v>2015</v>
      </c>
      <c r="F8129">
        <v>2015</v>
      </c>
      <c r="G8129" t="s">
        <v>125</v>
      </c>
      <c r="H8129" t="s">
        <v>122</v>
      </c>
      <c r="I8129" t="s">
        <v>15</v>
      </c>
      <c r="J8129" s="10">
        <v>14.284394560000001</v>
      </c>
    </row>
    <row r="8130" spans="1:10" x14ac:dyDescent="0.35">
      <c r="A8130" t="s">
        <v>22</v>
      </c>
      <c r="B8130" t="s">
        <v>51</v>
      </c>
      <c r="C8130" t="s">
        <v>117</v>
      </c>
      <c r="D8130" t="s">
        <v>118</v>
      </c>
      <c r="E8130">
        <v>2015</v>
      </c>
      <c r="F8130">
        <v>2015</v>
      </c>
      <c r="G8130" t="s">
        <v>125</v>
      </c>
      <c r="H8130" t="s">
        <v>123</v>
      </c>
      <c r="I8130" t="s">
        <v>15</v>
      </c>
      <c r="J8130" s="10">
        <v>8.3466130859999996</v>
      </c>
    </row>
    <row r="8131" spans="1:10" x14ac:dyDescent="0.35">
      <c r="A8131" t="s">
        <v>22</v>
      </c>
      <c r="B8131" t="s">
        <v>51</v>
      </c>
      <c r="C8131" t="s">
        <v>117</v>
      </c>
      <c r="D8131" t="s">
        <v>118</v>
      </c>
      <c r="E8131">
        <v>2015</v>
      </c>
      <c r="F8131">
        <v>2015</v>
      </c>
      <c r="G8131" t="s">
        <v>125</v>
      </c>
      <c r="H8131" t="s">
        <v>124</v>
      </c>
      <c r="I8131" t="s">
        <v>15</v>
      </c>
      <c r="J8131" s="10">
        <v>1.0439040159999999</v>
      </c>
    </row>
    <row r="8132" spans="1:10" x14ac:dyDescent="0.35">
      <c r="A8132" t="s">
        <v>22</v>
      </c>
      <c r="B8132" t="s">
        <v>51</v>
      </c>
      <c r="C8132" t="s">
        <v>117</v>
      </c>
      <c r="D8132" t="s">
        <v>118</v>
      </c>
      <c r="E8132">
        <v>2015</v>
      </c>
      <c r="F8132">
        <v>2015</v>
      </c>
      <c r="G8132" t="s">
        <v>126</v>
      </c>
      <c r="H8132" t="s">
        <v>119</v>
      </c>
      <c r="I8132" t="s">
        <v>15</v>
      </c>
      <c r="J8132" s="10">
        <v>8.7920052710000007</v>
      </c>
    </row>
    <row r="8133" spans="1:10" x14ac:dyDescent="0.35">
      <c r="A8133" t="s">
        <v>22</v>
      </c>
      <c r="B8133" t="s">
        <v>51</v>
      </c>
      <c r="C8133" t="s">
        <v>117</v>
      </c>
      <c r="D8133" t="s">
        <v>118</v>
      </c>
      <c r="E8133">
        <v>2015</v>
      </c>
      <c r="F8133">
        <v>2015</v>
      </c>
      <c r="G8133" t="s">
        <v>126</v>
      </c>
      <c r="H8133" t="s">
        <v>120</v>
      </c>
      <c r="I8133" t="s">
        <v>15</v>
      </c>
      <c r="J8133" s="10">
        <v>25.765429390000001</v>
      </c>
    </row>
    <row r="8134" spans="1:10" x14ac:dyDescent="0.35">
      <c r="A8134" t="s">
        <v>22</v>
      </c>
      <c r="B8134" t="s">
        <v>51</v>
      </c>
      <c r="C8134" t="s">
        <v>117</v>
      </c>
      <c r="D8134" t="s">
        <v>118</v>
      </c>
      <c r="E8134">
        <v>2015</v>
      </c>
      <c r="F8134">
        <v>2015</v>
      </c>
      <c r="G8134" t="s">
        <v>126</v>
      </c>
      <c r="H8134" t="s">
        <v>121</v>
      </c>
      <c r="I8134" t="s">
        <v>15</v>
      </c>
      <c r="J8134" s="10">
        <v>41.816384800000002</v>
      </c>
    </row>
    <row r="8135" spans="1:10" x14ac:dyDescent="0.35">
      <c r="A8135" t="s">
        <v>22</v>
      </c>
      <c r="B8135" t="s">
        <v>51</v>
      </c>
      <c r="C8135" t="s">
        <v>117</v>
      </c>
      <c r="D8135" t="s">
        <v>118</v>
      </c>
      <c r="E8135">
        <v>2015</v>
      </c>
      <c r="F8135">
        <v>2015</v>
      </c>
      <c r="G8135" t="s">
        <v>126</v>
      </c>
      <c r="H8135" t="s">
        <v>122</v>
      </c>
      <c r="I8135" t="s">
        <v>15</v>
      </c>
      <c r="J8135" s="10">
        <v>12.244673840000001</v>
      </c>
    </row>
    <row r="8136" spans="1:10" x14ac:dyDescent="0.35">
      <c r="A8136" t="s">
        <v>22</v>
      </c>
      <c r="B8136" t="s">
        <v>51</v>
      </c>
      <c r="C8136" t="s">
        <v>117</v>
      </c>
      <c r="D8136" t="s">
        <v>118</v>
      </c>
      <c r="E8136">
        <v>2015</v>
      </c>
      <c r="F8136">
        <v>2015</v>
      </c>
      <c r="G8136" t="s">
        <v>126</v>
      </c>
      <c r="H8136" t="s">
        <v>123</v>
      </c>
      <c r="I8136" t="s">
        <v>15</v>
      </c>
      <c r="J8136" s="10">
        <v>9.3191302440000001</v>
      </c>
    </row>
    <row r="8137" spans="1:10" x14ac:dyDescent="0.35">
      <c r="A8137" t="s">
        <v>22</v>
      </c>
      <c r="B8137" t="s">
        <v>51</v>
      </c>
      <c r="C8137" t="s">
        <v>117</v>
      </c>
      <c r="D8137" t="s">
        <v>118</v>
      </c>
      <c r="E8137">
        <v>2015</v>
      </c>
      <c r="F8137">
        <v>2015</v>
      </c>
      <c r="G8137" t="s">
        <v>126</v>
      </c>
      <c r="H8137" t="s">
        <v>124</v>
      </c>
      <c r="I8137" t="s">
        <v>15</v>
      </c>
      <c r="J8137" s="10">
        <v>2.0623764549999999</v>
      </c>
    </row>
    <row r="8138" spans="1:10" x14ac:dyDescent="0.35">
      <c r="A8138" t="s">
        <v>22</v>
      </c>
      <c r="B8138" t="s">
        <v>51</v>
      </c>
      <c r="C8138" t="s">
        <v>117</v>
      </c>
      <c r="D8138" t="s">
        <v>118</v>
      </c>
      <c r="E8138">
        <v>2014</v>
      </c>
      <c r="F8138">
        <v>2014</v>
      </c>
      <c r="G8138" t="s">
        <v>14</v>
      </c>
      <c r="H8138" t="s">
        <v>119</v>
      </c>
      <c r="I8138" t="s">
        <v>15</v>
      </c>
      <c r="J8138" s="10">
        <v>9.2556790719999995</v>
      </c>
    </row>
    <row r="8139" spans="1:10" x14ac:dyDescent="0.35">
      <c r="A8139" t="s">
        <v>22</v>
      </c>
      <c r="B8139" t="s">
        <v>51</v>
      </c>
      <c r="C8139" t="s">
        <v>117</v>
      </c>
      <c r="D8139" t="s">
        <v>118</v>
      </c>
      <c r="E8139">
        <v>2014</v>
      </c>
      <c r="F8139">
        <v>2014</v>
      </c>
      <c r="G8139" t="s">
        <v>14</v>
      </c>
      <c r="H8139" t="s">
        <v>120</v>
      </c>
      <c r="I8139" t="s">
        <v>15</v>
      </c>
      <c r="J8139" s="10">
        <v>23.577067370000002</v>
      </c>
    </row>
    <row r="8140" spans="1:10" x14ac:dyDescent="0.35">
      <c r="A8140" t="s">
        <v>22</v>
      </c>
      <c r="B8140" t="s">
        <v>51</v>
      </c>
      <c r="C8140" t="s">
        <v>117</v>
      </c>
      <c r="D8140" t="s">
        <v>118</v>
      </c>
      <c r="E8140">
        <v>2014</v>
      </c>
      <c r="F8140">
        <v>2014</v>
      </c>
      <c r="G8140" t="s">
        <v>14</v>
      </c>
      <c r="H8140" t="s">
        <v>121</v>
      </c>
      <c r="I8140" t="s">
        <v>15</v>
      </c>
      <c r="J8140" s="10">
        <v>43.506179660000001</v>
      </c>
    </row>
    <row r="8141" spans="1:10" x14ac:dyDescent="0.35">
      <c r="A8141" t="s">
        <v>22</v>
      </c>
      <c r="B8141" t="s">
        <v>51</v>
      </c>
      <c r="C8141" t="s">
        <v>117</v>
      </c>
      <c r="D8141" t="s">
        <v>118</v>
      </c>
      <c r="E8141">
        <v>2014</v>
      </c>
      <c r="F8141">
        <v>2014</v>
      </c>
      <c r="G8141" t="s">
        <v>14</v>
      </c>
      <c r="H8141" t="s">
        <v>122</v>
      </c>
      <c r="I8141" t="s">
        <v>15</v>
      </c>
      <c r="J8141" s="10">
        <v>13.140693690000001</v>
      </c>
    </row>
    <row r="8142" spans="1:10" x14ac:dyDescent="0.35">
      <c r="A8142" t="s">
        <v>22</v>
      </c>
      <c r="B8142" t="s">
        <v>51</v>
      </c>
      <c r="C8142" t="s">
        <v>117</v>
      </c>
      <c r="D8142" t="s">
        <v>118</v>
      </c>
      <c r="E8142">
        <v>2014</v>
      </c>
      <c r="F8142">
        <v>2014</v>
      </c>
      <c r="G8142" t="s">
        <v>14</v>
      </c>
      <c r="H8142" t="s">
        <v>123</v>
      </c>
      <c r="I8142" t="s">
        <v>15</v>
      </c>
      <c r="J8142" s="10">
        <v>8.9046928580000007</v>
      </c>
    </row>
    <row r="8143" spans="1:10" x14ac:dyDescent="0.35">
      <c r="A8143" t="s">
        <v>22</v>
      </c>
      <c r="B8143" t="s">
        <v>51</v>
      </c>
      <c r="C8143" t="s">
        <v>117</v>
      </c>
      <c r="D8143" t="s">
        <v>118</v>
      </c>
      <c r="E8143">
        <v>2014</v>
      </c>
      <c r="F8143">
        <v>2014</v>
      </c>
      <c r="G8143" t="s">
        <v>14</v>
      </c>
      <c r="H8143" t="s">
        <v>124</v>
      </c>
      <c r="I8143" t="s">
        <v>15</v>
      </c>
      <c r="J8143" s="10">
        <v>1.615687358</v>
      </c>
    </row>
    <row r="8144" spans="1:10" x14ac:dyDescent="0.35">
      <c r="A8144" t="s">
        <v>22</v>
      </c>
      <c r="B8144" t="s">
        <v>51</v>
      </c>
      <c r="C8144" t="s">
        <v>117</v>
      </c>
      <c r="D8144" t="s">
        <v>118</v>
      </c>
      <c r="E8144">
        <v>2014</v>
      </c>
      <c r="F8144">
        <v>2014</v>
      </c>
      <c r="G8144" t="s">
        <v>125</v>
      </c>
      <c r="H8144" t="s">
        <v>119</v>
      </c>
      <c r="I8144" t="s">
        <v>15</v>
      </c>
      <c r="J8144" s="10">
        <v>9.6152039089999999</v>
      </c>
    </row>
    <row r="8145" spans="1:10" x14ac:dyDescent="0.35">
      <c r="A8145" t="s">
        <v>22</v>
      </c>
      <c r="B8145" t="s">
        <v>51</v>
      </c>
      <c r="C8145" t="s">
        <v>117</v>
      </c>
      <c r="D8145" t="s">
        <v>118</v>
      </c>
      <c r="E8145">
        <v>2014</v>
      </c>
      <c r="F8145">
        <v>2014</v>
      </c>
      <c r="G8145" t="s">
        <v>125</v>
      </c>
      <c r="H8145" t="s">
        <v>120</v>
      </c>
      <c r="I8145" t="s">
        <v>15</v>
      </c>
      <c r="J8145" s="10">
        <v>21.34937042</v>
      </c>
    </row>
    <row r="8146" spans="1:10" x14ac:dyDescent="0.35">
      <c r="A8146" t="s">
        <v>22</v>
      </c>
      <c r="B8146" t="s">
        <v>51</v>
      </c>
      <c r="C8146" t="s">
        <v>117</v>
      </c>
      <c r="D8146" t="s">
        <v>118</v>
      </c>
      <c r="E8146">
        <v>2014</v>
      </c>
      <c r="F8146">
        <v>2014</v>
      </c>
      <c r="G8146" t="s">
        <v>125</v>
      </c>
      <c r="H8146" t="s">
        <v>121</v>
      </c>
      <c r="I8146" t="s">
        <v>15</v>
      </c>
      <c r="J8146" s="10">
        <v>45.712741970000003</v>
      </c>
    </row>
    <row r="8147" spans="1:10" x14ac:dyDescent="0.35">
      <c r="A8147" t="s">
        <v>22</v>
      </c>
      <c r="B8147" t="s">
        <v>51</v>
      </c>
      <c r="C8147" t="s">
        <v>117</v>
      </c>
      <c r="D8147" t="s">
        <v>118</v>
      </c>
      <c r="E8147">
        <v>2014</v>
      </c>
      <c r="F8147">
        <v>2014</v>
      </c>
      <c r="G8147" t="s">
        <v>125</v>
      </c>
      <c r="H8147" t="s">
        <v>122</v>
      </c>
      <c r="I8147" t="s">
        <v>15</v>
      </c>
      <c r="J8147" s="10">
        <v>13.96588987</v>
      </c>
    </row>
    <row r="8148" spans="1:10" x14ac:dyDescent="0.35">
      <c r="A8148" t="s">
        <v>22</v>
      </c>
      <c r="B8148" t="s">
        <v>51</v>
      </c>
      <c r="C8148" t="s">
        <v>117</v>
      </c>
      <c r="D8148" t="s">
        <v>118</v>
      </c>
      <c r="E8148">
        <v>2014</v>
      </c>
      <c r="F8148">
        <v>2014</v>
      </c>
      <c r="G8148" t="s">
        <v>125</v>
      </c>
      <c r="H8148" t="s">
        <v>123</v>
      </c>
      <c r="I8148" t="s">
        <v>15</v>
      </c>
      <c r="J8148" s="10">
        <v>8.3137568129999995</v>
      </c>
    </row>
    <row r="8149" spans="1:10" x14ac:dyDescent="0.35">
      <c r="A8149" t="s">
        <v>22</v>
      </c>
      <c r="B8149" t="s">
        <v>51</v>
      </c>
      <c r="C8149" t="s">
        <v>117</v>
      </c>
      <c r="D8149" t="s">
        <v>118</v>
      </c>
      <c r="E8149">
        <v>2014</v>
      </c>
      <c r="F8149">
        <v>2014</v>
      </c>
      <c r="G8149" t="s">
        <v>125</v>
      </c>
      <c r="H8149" t="s">
        <v>124</v>
      </c>
      <c r="I8149" t="s">
        <v>15</v>
      </c>
      <c r="J8149" s="10">
        <v>1.0430370229999999</v>
      </c>
    </row>
    <row r="8150" spans="1:10" x14ac:dyDescent="0.35">
      <c r="A8150" t="s">
        <v>22</v>
      </c>
      <c r="B8150" t="s">
        <v>51</v>
      </c>
      <c r="C8150" t="s">
        <v>117</v>
      </c>
      <c r="D8150" t="s">
        <v>118</v>
      </c>
      <c r="E8150">
        <v>2014</v>
      </c>
      <c r="F8150">
        <v>2014</v>
      </c>
      <c r="G8150" t="s">
        <v>126</v>
      </c>
      <c r="H8150" t="s">
        <v>119</v>
      </c>
      <c r="I8150" t="s">
        <v>15</v>
      </c>
      <c r="J8150" s="10">
        <v>8.9104443940000007</v>
      </c>
    </row>
    <row r="8151" spans="1:10" x14ac:dyDescent="0.35">
      <c r="A8151" t="s">
        <v>22</v>
      </c>
      <c r="B8151" t="s">
        <v>51</v>
      </c>
      <c r="C8151" t="s">
        <v>117</v>
      </c>
      <c r="D8151" t="s">
        <v>118</v>
      </c>
      <c r="E8151">
        <v>2014</v>
      </c>
      <c r="F8151">
        <v>2014</v>
      </c>
      <c r="G8151" t="s">
        <v>126</v>
      </c>
      <c r="H8151" t="s">
        <v>120</v>
      </c>
      <c r="I8151" t="s">
        <v>15</v>
      </c>
      <c r="J8151" s="10">
        <v>25.716219259999999</v>
      </c>
    </row>
    <row r="8152" spans="1:10" x14ac:dyDescent="0.35">
      <c r="A8152" t="s">
        <v>22</v>
      </c>
      <c r="B8152" t="s">
        <v>51</v>
      </c>
      <c r="C8152" t="s">
        <v>117</v>
      </c>
      <c r="D8152" t="s">
        <v>118</v>
      </c>
      <c r="E8152">
        <v>2014</v>
      </c>
      <c r="F8152">
        <v>2014</v>
      </c>
      <c r="G8152" t="s">
        <v>126</v>
      </c>
      <c r="H8152" t="s">
        <v>121</v>
      </c>
      <c r="I8152" t="s">
        <v>15</v>
      </c>
      <c r="J8152" s="10">
        <v>41.387322359999999</v>
      </c>
    </row>
    <row r="8153" spans="1:10" x14ac:dyDescent="0.35">
      <c r="A8153" t="s">
        <v>22</v>
      </c>
      <c r="B8153" t="s">
        <v>51</v>
      </c>
      <c r="C8153" t="s">
        <v>117</v>
      </c>
      <c r="D8153" t="s">
        <v>118</v>
      </c>
      <c r="E8153">
        <v>2014</v>
      </c>
      <c r="F8153">
        <v>2014</v>
      </c>
      <c r="G8153" t="s">
        <v>126</v>
      </c>
      <c r="H8153" t="s">
        <v>122</v>
      </c>
      <c r="I8153" t="s">
        <v>15</v>
      </c>
      <c r="J8153" s="10">
        <v>12.34829686</v>
      </c>
    </row>
    <row r="8154" spans="1:10" x14ac:dyDescent="0.35">
      <c r="A8154" t="s">
        <v>22</v>
      </c>
      <c r="B8154" t="s">
        <v>51</v>
      </c>
      <c r="C8154" t="s">
        <v>117</v>
      </c>
      <c r="D8154" t="s">
        <v>118</v>
      </c>
      <c r="E8154">
        <v>2014</v>
      </c>
      <c r="F8154">
        <v>2014</v>
      </c>
      <c r="G8154" t="s">
        <v>126</v>
      </c>
      <c r="H8154" t="s">
        <v>123</v>
      </c>
      <c r="I8154" t="s">
        <v>15</v>
      </c>
      <c r="J8154" s="10">
        <v>9.4721407620000004</v>
      </c>
    </row>
    <row r="8155" spans="1:10" x14ac:dyDescent="0.35">
      <c r="A8155" t="s">
        <v>22</v>
      </c>
      <c r="B8155" t="s">
        <v>51</v>
      </c>
      <c r="C8155" t="s">
        <v>117</v>
      </c>
      <c r="D8155" t="s">
        <v>118</v>
      </c>
      <c r="E8155">
        <v>2014</v>
      </c>
      <c r="F8155">
        <v>2014</v>
      </c>
      <c r="G8155" t="s">
        <v>126</v>
      </c>
      <c r="H8155" t="s">
        <v>124</v>
      </c>
      <c r="I8155" t="s">
        <v>15</v>
      </c>
      <c r="J8155" s="10">
        <v>2.1655763590000001</v>
      </c>
    </row>
    <row r="8156" spans="1:10" x14ac:dyDescent="0.35">
      <c r="A8156" t="s">
        <v>22</v>
      </c>
      <c r="B8156" t="s">
        <v>51</v>
      </c>
      <c r="C8156" t="s">
        <v>117</v>
      </c>
      <c r="D8156" t="s">
        <v>118</v>
      </c>
      <c r="E8156">
        <v>2013</v>
      </c>
      <c r="F8156">
        <v>2013</v>
      </c>
      <c r="G8156" t="s">
        <v>14</v>
      </c>
      <c r="H8156" t="s">
        <v>119</v>
      </c>
      <c r="I8156" t="s">
        <v>15</v>
      </c>
      <c r="J8156" s="10">
        <v>9.1967322320000005</v>
      </c>
    </row>
    <row r="8157" spans="1:10" x14ac:dyDescent="0.35">
      <c r="A8157" t="s">
        <v>22</v>
      </c>
      <c r="B8157" t="s">
        <v>51</v>
      </c>
      <c r="C8157" t="s">
        <v>117</v>
      </c>
      <c r="D8157" t="s">
        <v>118</v>
      </c>
      <c r="E8157">
        <v>2013</v>
      </c>
      <c r="F8157">
        <v>2013</v>
      </c>
      <c r="G8157" t="s">
        <v>14</v>
      </c>
      <c r="H8157" t="s">
        <v>120</v>
      </c>
      <c r="I8157" t="s">
        <v>15</v>
      </c>
      <c r="J8157" s="10">
        <v>24.105045409999999</v>
      </c>
    </row>
    <row r="8158" spans="1:10" x14ac:dyDescent="0.35">
      <c r="A8158" t="s">
        <v>22</v>
      </c>
      <c r="B8158" t="s">
        <v>51</v>
      </c>
      <c r="C8158" t="s">
        <v>117</v>
      </c>
      <c r="D8158" t="s">
        <v>118</v>
      </c>
      <c r="E8158">
        <v>2013</v>
      </c>
      <c r="F8158">
        <v>2013</v>
      </c>
      <c r="G8158" t="s">
        <v>14</v>
      </c>
      <c r="H8158" t="s">
        <v>121</v>
      </c>
      <c r="I8158" t="s">
        <v>15</v>
      </c>
      <c r="J8158" s="10">
        <v>43.378563159999999</v>
      </c>
    </row>
    <row r="8159" spans="1:10" x14ac:dyDescent="0.35">
      <c r="A8159" t="s">
        <v>22</v>
      </c>
      <c r="B8159" t="s">
        <v>51</v>
      </c>
      <c r="C8159" t="s">
        <v>117</v>
      </c>
      <c r="D8159" t="s">
        <v>118</v>
      </c>
      <c r="E8159">
        <v>2013</v>
      </c>
      <c r="F8159">
        <v>2013</v>
      </c>
      <c r="G8159" t="s">
        <v>14</v>
      </c>
      <c r="H8159" t="s">
        <v>122</v>
      </c>
      <c r="I8159" t="s">
        <v>15</v>
      </c>
      <c r="J8159" s="10">
        <v>12.942510199999999</v>
      </c>
    </row>
    <row r="8160" spans="1:10" x14ac:dyDescent="0.35">
      <c r="A8160" t="s">
        <v>22</v>
      </c>
      <c r="B8160" t="s">
        <v>51</v>
      </c>
      <c r="C8160" t="s">
        <v>117</v>
      </c>
      <c r="D8160" t="s">
        <v>118</v>
      </c>
      <c r="E8160">
        <v>2013</v>
      </c>
      <c r="F8160">
        <v>2013</v>
      </c>
      <c r="G8160" t="s">
        <v>14</v>
      </c>
      <c r="H8160" t="s">
        <v>123</v>
      </c>
      <c r="I8160" t="s">
        <v>15</v>
      </c>
      <c r="J8160" s="10">
        <v>8.8391010130000005</v>
      </c>
    </row>
    <row r="8161" spans="1:10" x14ac:dyDescent="0.35">
      <c r="A8161" t="s">
        <v>22</v>
      </c>
      <c r="B8161" t="s">
        <v>51</v>
      </c>
      <c r="C8161" t="s">
        <v>117</v>
      </c>
      <c r="D8161" t="s">
        <v>118</v>
      </c>
      <c r="E8161">
        <v>2013</v>
      </c>
      <c r="F8161">
        <v>2013</v>
      </c>
      <c r="G8161" t="s">
        <v>14</v>
      </c>
      <c r="H8161" t="s">
        <v>124</v>
      </c>
      <c r="I8161" t="s">
        <v>15</v>
      </c>
      <c r="J8161" s="10">
        <v>1.538047988</v>
      </c>
    </row>
    <row r="8162" spans="1:10" x14ac:dyDescent="0.35">
      <c r="A8162" t="s">
        <v>22</v>
      </c>
      <c r="B8162" t="s">
        <v>51</v>
      </c>
      <c r="C8162" t="s">
        <v>117</v>
      </c>
      <c r="D8162" t="s">
        <v>118</v>
      </c>
      <c r="E8162">
        <v>2013</v>
      </c>
      <c r="F8162">
        <v>2013</v>
      </c>
      <c r="G8162" t="s">
        <v>125</v>
      </c>
      <c r="H8162" t="s">
        <v>119</v>
      </c>
      <c r="I8162" t="s">
        <v>15</v>
      </c>
      <c r="J8162" s="10">
        <v>9.4954291820000005</v>
      </c>
    </row>
    <row r="8163" spans="1:10" x14ac:dyDescent="0.35">
      <c r="A8163" t="s">
        <v>22</v>
      </c>
      <c r="B8163" t="s">
        <v>51</v>
      </c>
      <c r="C8163" t="s">
        <v>117</v>
      </c>
      <c r="D8163" t="s">
        <v>118</v>
      </c>
      <c r="E8163">
        <v>2013</v>
      </c>
      <c r="F8163">
        <v>2013</v>
      </c>
      <c r="G8163" t="s">
        <v>125</v>
      </c>
      <c r="H8163" t="s">
        <v>120</v>
      </c>
      <c r="I8163" t="s">
        <v>15</v>
      </c>
      <c r="J8163" s="10">
        <v>22.037278879999999</v>
      </c>
    </row>
    <row r="8164" spans="1:10" x14ac:dyDescent="0.35">
      <c r="A8164" t="s">
        <v>22</v>
      </c>
      <c r="B8164" t="s">
        <v>51</v>
      </c>
      <c r="C8164" t="s">
        <v>117</v>
      </c>
      <c r="D8164" t="s">
        <v>118</v>
      </c>
      <c r="E8164">
        <v>2013</v>
      </c>
      <c r="F8164">
        <v>2013</v>
      </c>
      <c r="G8164" t="s">
        <v>125</v>
      </c>
      <c r="H8164" t="s">
        <v>121</v>
      </c>
      <c r="I8164" t="s">
        <v>15</v>
      </c>
      <c r="J8164" s="10">
        <v>45.686809930000003</v>
      </c>
    </row>
    <row r="8165" spans="1:10" x14ac:dyDescent="0.35">
      <c r="A8165" t="s">
        <v>22</v>
      </c>
      <c r="B8165" t="s">
        <v>51</v>
      </c>
      <c r="C8165" t="s">
        <v>117</v>
      </c>
      <c r="D8165" t="s">
        <v>118</v>
      </c>
      <c r="E8165">
        <v>2013</v>
      </c>
      <c r="F8165">
        <v>2013</v>
      </c>
      <c r="G8165" t="s">
        <v>125</v>
      </c>
      <c r="H8165" t="s">
        <v>122</v>
      </c>
      <c r="I8165" t="s">
        <v>15</v>
      </c>
      <c r="J8165" s="10">
        <v>13.674462780000001</v>
      </c>
    </row>
    <row r="8166" spans="1:10" x14ac:dyDescent="0.35">
      <c r="A8166" t="s">
        <v>22</v>
      </c>
      <c r="B8166" t="s">
        <v>51</v>
      </c>
      <c r="C8166" t="s">
        <v>117</v>
      </c>
      <c r="D8166" t="s">
        <v>118</v>
      </c>
      <c r="E8166">
        <v>2013</v>
      </c>
      <c r="F8166">
        <v>2013</v>
      </c>
      <c r="G8166" t="s">
        <v>125</v>
      </c>
      <c r="H8166" t="s">
        <v>123</v>
      </c>
      <c r="I8166" t="s">
        <v>15</v>
      </c>
      <c r="J8166" s="10">
        <v>8.1467410660000006</v>
      </c>
    </row>
    <row r="8167" spans="1:10" x14ac:dyDescent="0.35">
      <c r="A8167" t="s">
        <v>22</v>
      </c>
      <c r="B8167" t="s">
        <v>51</v>
      </c>
      <c r="C8167" t="s">
        <v>117</v>
      </c>
      <c r="D8167" t="s">
        <v>118</v>
      </c>
      <c r="E8167">
        <v>2013</v>
      </c>
      <c r="F8167">
        <v>2013</v>
      </c>
      <c r="G8167" t="s">
        <v>125</v>
      </c>
      <c r="H8167" t="s">
        <v>124</v>
      </c>
      <c r="I8167" t="s">
        <v>15</v>
      </c>
      <c r="J8167" s="10">
        <v>0.95927816700000001</v>
      </c>
    </row>
    <row r="8168" spans="1:10" x14ac:dyDescent="0.35">
      <c r="A8168" t="s">
        <v>22</v>
      </c>
      <c r="B8168" t="s">
        <v>51</v>
      </c>
      <c r="C8168" t="s">
        <v>117</v>
      </c>
      <c r="D8168" t="s">
        <v>118</v>
      </c>
      <c r="E8168">
        <v>2013</v>
      </c>
      <c r="F8168">
        <v>2013</v>
      </c>
      <c r="G8168" t="s">
        <v>126</v>
      </c>
      <c r="H8168" t="s">
        <v>119</v>
      </c>
      <c r="I8168" t="s">
        <v>15</v>
      </c>
      <c r="J8168" s="10">
        <v>8.9071994110000006</v>
      </c>
    </row>
    <row r="8169" spans="1:10" x14ac:dyDescent="0.35">
      <c r="A8169" t="s">
        <v>22</v>
      </c>
      <c r="B8169" t="s">
        <v>51</v>
      </c>
      <c r="C8169" t="s">
        <v>117</v>
      </c>
      <c r="D8169" t="s">
        <v>118</v>
      </c>
      <c r="E8169">
        <v>2013</v>
      </c>
      <c r="F8169">
        <v>2013</v>
      </c>
      <c r="G8169" t="s">
        <v>126</v>
      </c>
      <c r="H8169" t="s">
        <v>120</v>
      </c>
      <c r="I8169" t="s">
        <v>15</v>
      </c>
      <c r="J8169" s="10">
        <v>26.10937212</v>
      </c>
    </row>
    <row r="8170" spans="1:10" x14ac:dyDescent="0.35">
      <c r="A8170" t="s">
        <v>22</v>
      </c>
      <c r="B8170" t="s">
        <v>51</v>
      </c>
      <c r="C8170" t="s">
        <v>117</v>
      </c>
      <c r="D8170" t="s">
        <v>118</v>
      </c>
      <c r="E8170">
        <v>2013</v>
      </c>
      <c r="F8170">
        <v>2013</v>
      </c>
      <c r="G8170" t="s">
        <v>126</v>
      </c>
      <c r="H8170" t="s">
        <v>121</v>
      </c>
      <c r="I8170" t="s">
        <v>15</v>
      </c>
      <c r="J8170" s="10">
        <v>41.141134229999999</v>
      </c>
    </row>
    <row r="8171" spans="1:10" x14ac:dyDescent="0.35">
      <c r="A8171" t="s">
        <v>22</v>
      </c>
      <c r="B8171" t="s">
        <v>51</v>
      </c>
      <c r="C8171" t="s">
        <v>117</v>
      </c>
      <c r="D8171" t="s">
        <v>118</v>
      </c>
      <c r="E8171">
        <v>2013</v>
      </c>
      <c r="F8171">
        <v>2013</v>
      </c>
      <c r="G8171" t="s">
        <v>126</v>
      </c>
      <c r="H8171" t="s">
        <v>122</v>
      </c>
      <c r="I8171" t="s">
        <v>15</v>
      </c>
      <c r="J8171" s="10">
        <v>12.23301418</v>
      </c>
    </row>
    <row r="8172" spans="1:10" x14ac:dyDescent="0.35">
      <c r="A8172" t="s">
        <v>22</v>
      </c>
      <c r="B8172" t="s">
        <v>51</v>
      </c>
      <c r="C8172" t="s">
        <v>117</v>
      </c>
      <c r="D8172" t="s">
        <v>118</v>
      </c>
      <c r="E8172">
        <v>2013</v>
      </c>
      <c r="F8172">
        <v>2013</v>
      </c>
      <c r="G8172" t="s">
        <v>126</v>
      </c>
      <c r="H8172" t="s">
        <v>123</v>
      </c>
      <c r="I8172" t="s">
        <v>15</v>
      </c>
      <c r="J8172" s="10">
        <v>9.5102191129999998</v>
      </c>
    </row>
    <row r="8173" spans="1:10" x14ac:dyDescent="0.35">
      <c r="A8173" t="s">
        <v>22</v>
      </c>
      <c r="B8173" t="s">
        <v>51</v>
      </c>
      <c r="C8173" t="s">
        <v>117</v>
      </c>
      <c r="D8173" t="s">
        <v>118</v>
      </c>
      <c r="E8173">
        <v>2013</v>
      </c>
      <c r="F8173">
        <v>2013</v>
      </c>
      <c r="G8173" t="s">
        <v>126</v>
      </c>
      <c r="H8173" t="s">
        <v>124</v>
      </c>
      <c r="I8173" t="s">
        <v>15</v>
      </c>
      <c r="J8173" s="10">
        <v>2.0990609459999998</v>
      </c>
    </row>
    <row r="8174" spans="1:10" x14ac:dyDescent="0.35">
      <c r="A8174" t="s">
        <v>22</v>
      </c>
      <c r="B8174" t="s">
        <v>51</v>
      </c>
      <c r="C8174" t="s">
        <v>117</v>
      </c>
      <c r="D8174" t="s">
        <v>118</v>
      </c>
      <c r="E8174">
        <v>2012</v>
      </c>
      <c r="F8174">
        <v>2012</v>
      </c>
      <c r="G8174" t="s">
        <v>14</v>
      </c>
      <c r="H8174" t="s">
        <v>119</v>
      </c>
      <c r="I8174" t="s">
        <v>15</v>
      </c>
      <c r="J8174" s="10">
        <v>8.9271369840000006</v>
      </c>
    </row>
    <row r="8175" spans="1:10" x14ac:dyDescent="0.35">
      <c r="A8175" t="s">
        <v>22</v>
      </c>
      <c r="B8175" t="s">
        <v>51</v>
      </c>
      <c r="C8175" t="s">
        <v>117</v>
      </c>
      <c r="D8175" t="s">
        <v>118</v>
      </c>
      <c r="E8175">
        <v>2012</v>
      </c>
      <c r="F8175">
        <v>2012</v>
      </c>
      <c r="G8175" t="s">
        <v>14</v>
      </c>
      <c r="H8175" t="s">
        <v>120</v>
      </c>
      <c r="I8175" t="s">
        <v>15</v>
      </c>
      <c r="J8175" s="10">
        <v>24.663327509999998</v>
      </c>
    </row>
    <row r="8176" spans="1:10" x14ac:dyDescent="0.35">
      <c r="A8176" t="s">
        <v>22</v>
      </c>
      <c r="B8176" t="s">
        <v>51</v>
      </c>
      <c r="C8176" t="s">
        <v>117</v>
      </c>
      <c r="D8176" t="s">
        <v>118</v>
      </c>
      <c r="E8176">
        <v>2012</v>
      </c>
      <c r="F8176">
        <v>2012</v>
      </c>
      <c r="G8176" t="s">
        <v>14</v>
      </c>
      <c r="H8176" t="s">
        <v>121</v>
      </c>
      <c r="I8176" t="s">
        <v>15</v>
      </c>
      <c r="J8176" s="10">
        <v>43.290176250000002</v>
      </c>
    </row>
    <row r="8177" spans="1:10" x14ac:dyDescent="0.35">
      <c r="A8177" t="s">
        <v>22</v>
      </c>
      <c r="B8177" t="s">
        <v>51</v>
      </c>
      <c r="C8177" t="s">
        <v>117</v>
      </c>
      <c r="D8177" t="s">
        <v>118</v>
      </c>
      <c r="E8177">
        <v>2012</v>
      </c>
      <c r="F8177">
        <v>2012</v>
      </c>
      <c r="G8177" t="s">
        <v>14</v>
      </c>
      <c r="H8177" t="s">
        <v>122</v>
      </c>
      <c r="I8177" t="s">
        <v>15</v>
      </c>
      <c r="J8177" s="10">
        <v>12.774653880000001</v>
      </c>
    </row>
    <row r="8178" spans="1:10" x14ac:dyDescent="0.35">
      <c r="A8178" t="s">
        <v>22</v>
      </c>
      <c r="B8178" t="s">
        <v>51</v>
      </c>
      <c r="C8178" t="s">
        <v>117</v>
      </c>
      <c r="D8178" t="s">
        <v>118</v>
      </c>
      <c r="E8178">
        <v>2012</v>
      </c>
      <c r="F8178">
        <v>2012</v>
      </c>
      <c r="G8178" t="s">
        <v>14</v>
      </c>
      <c r="H8178" t="s">
        <v>123</v>
      </c>
      <c r="I8178" t="s">
        <v>15</v>
      </c>
      <c r="J8178" s="10">
        <v>8.7605726980000007</v>
      </c>
    </row>
    <row r="8179" spans="1:10" x14ac:dyDescent="0.35">
      <c r="A8179" t="s">
        <v>22</v>
      </c>
      <c r="B8179" t="s">
        <v>51</v>
      </c>
      <c r="C8179" t="s">
        <v>117</v>
      </c>
      <c r="D8179" t="s">
        <v>118</v>
      </c>
      <c r="E8179">
        <v>2012</v>
      </c>
      <c r="F8179">
        <v>2012</v>
      </c>
      <c r="G8179" t="s">
        <v>14</v>
      </c>
      <c r="H8179" t="s">
        <v>124</v>
      </c>
      <c r="I8179" t="s">
        <v>15</v>
      </c>
      <c r="J8179" s="10">
        <v>1.5841326840000001</v>
      </c>
    </row>
    <row r="8180" spans="1:10" x14ac:dyDescent="0.35">
      <c r="A8180" t="s">
        <v>22</v>
      </c>
      <c r="B8180" t="s">
        <v>51</v>
      </c>
      <c r="C8180" t="s">
        <v>117</v>
      </c>
      <c r="D8180" t="s">
        <v>118</v>
      </c>
      <c r="E8180">
        <v>2012</v>
      </c>
      <c r="F8180">
        <v>2012</v>
      </c>
      <c r="G8180" t="s">
        <v>125</v>
      </c>
      <c r="H8180" t="s">
        <v>119</v>
      </c>
      <c r="I8180" t="s">
        <v>15</v>
      </c>
      <c r="J8180" s="10">
        <v>9.1357495170000007</v>
      </c>
    </row>
    <row r="8181" spans="1:10" x14ac:dyDescent="0.35">
      <c r="A8181" t="s">
        <v>22</v>
      </c>
      <c r="B8181" t="s">
        <v>51</v>
      </c>
      <c r="C8181" t="s">
        <v>117</v>
      </c>
      <c r="D8181" t="s">
        <v>118</v>
      </c>
      <c r="E8181">
        <v>2012</v>
      </c>
      <c r="F8181">
        <v>2012</v>
      </c>
      <c r="G8181" t="s">
        <v>125</v>
      </c>
      <c r="H8181" t="s">
        <v>120</v>
      </c>
      <c r="I8181" t="s">
        <v>15</v>
      </c>
      <c r="J8181" s="10">
        <v>22.94183525</v>
      </c>
    </row>
    <row r="8182" spans="1:10" x14ac:dyDescent="0.35">
      <c r="A8182" t="s">
        <v>22</v>
      </c>
      <c r="B8182" t="s">
        <v>51</v>
      </c>
      <c r="C8182" t="s">
        <v>117</v>
      </c>
      <c r="D8182" t="s">
        <v>118</v>
      </c>
      <c r="E8182">
        <v>2012</v>
      </c>
      <c r="F8182">
        <v>2012</v>
      </c>
      <c r="G8182" t="s">
        <v>125</v>
      </c>
      <c r="H8182" t="s">
        <v>121</v>
      </c>
      <c r="I8182" t="s">
        <v>15</v>
      </c>
      <c r="J8182" s="10">
        <v>45.728786900000003</v>
      </c>
    </row>
    <row r="8183" spans="1:10" x14ac:dyDescent="0.35">
      <c r="A8183" t="s">
        <v>22</v>
      </c>
      <c r="B8183" t="s">
        <v>51</v>
      </c>
      <c r="C8183" t="s">
        <v>117</v>
      </c>
      <c r="D8183" t="s">
        <v>118</v>
      </c>
      <c r="E8183">
        <v>2012</v>
      </c>
      <c r="F8183">
        <v>2012</v>
      </c>
      <c r="G8183" t="s">
        <v>125</v>
      </c>
      <c r="H8183" t="s">
        <v>122</v>
      </c>
      <c r="I8183" t="s">
        <v>15</v>
      </c>
      <c r="J8183" s="10">
        <v>13.327137990000001</v>
      </c>
    </row>
    <row r="8184" spans="1:10" x14ac:dyDescent="0.35">
      <c r="A8184" t="s">
        <v>22</v>
      </c>
      <c r="B8184" t="s">
        <v>51</v>
      </c>
      <c r="C8184" t="s">
        <v>117</v>
      </c>
      <c r="D8184" t="s">
        <v>118</v>
      </c>
      <c r="E8184">
        <v>2012</v>
      </c>
      <c r="F8184">
        <v>2012</v>
      </c>
      <c r="G8184" t="s">
        <v>125</v>
      </c>
      <c r="H8184" t="s">
        <v>123</v>
      </c>
      <c r="I8184" t="s">
        <v>15</v>
      </c>
      <c r="J8184" s="10">
        <v>7.9133604980000003</v>
      </c>
    </row>
    <row r="8185" spans="1:10" x14ac:dyDescent="0.35">
      <c r="A8185" t="s">
        <v>22</v>
      </c>
      <c r="B8185" t="s">
        <v>51</v>
      </c>
      <c r="C8185" t="s">
        <v>117</v>
      </c>
      <c r="D8185" t="s">
        <v>118</v>
      </c>
      <c r="E8185">
        <v>2012</v>
      </c>
      <c r="F8185">
        <v>2012</v>
      </c>
      <c r="G8185" t="s">
        <v>125</v>
      </c>
      <c r="H8185" t="s">
        <v>124</v>
      </c>
      <c r="I8185" t="s">
        <v>15</v>
      </c>
      <c r="J8185" s="10">
        <v>0.95312984000000001</v>
      </c>
    </row>
    <row r="8186" spans="1:10" x14ac:dyDescent="0.35">
      <c r="A8186" t="s">
        <v>22</v>
      </c>
      <c r="B8186" t="s">
        <v>51</v>
      </c>
      <c r="C8186" t="s">
        <v>117</v>
      </c>
      <c r="D8186" t="s">
        <v>118</v>
      </c>
      <c r="E8186">
        <v>2012</v>
      </c>
      <c r="F8186">
        <v>2012</v>
      </c>
      <c r="G8186" t="s">
        <v>126</v>
      </c>
      <c r="H8186" t="s">
        <v>119</v>
      </c>
      <c r="I8186" t="s">
        <v>15</v>
      </c>
      <c r="J8186" s="10">
        <v>8.7220335010000003</v>
      </c>
    </row>
    <row r="8187" spans="1:10" x14ac:dyDescent="0.35">
      <c r="A8187" t="s">
        <v>22</v>
      </c>
      <c r="B8187" t="s">
        <v>51</v>
      </c>
      <c r="C8187" t="s">
        <v>117</v>
      </c>
      <c r="D8187" t="s">
        <v>118</v>
      </c>
      <c r="E8187">
        <v>2012</v>
      </c>
      <c r="F8187">
        <v>2012</v>
      </c>
      <c r="G8187" t="s">
        <v>126</v>
      </c>
      <c r="H8187" t="s">
        <v>120</v>
      </c>
      <c r="I8187" t="s">
        <v>15</v>
      </c>
      <c r="J8187" s="10">
        <v>26.355862720000001</v>
      </c>
    </row>
    <row r="8188" spans="1:10" x14ac:dyDescent="0.35">
      <c r="A8188" t="s">
        <v>22</v>
      </c>
      <c r="B8188" t="s">
        <v>51</v>
      </c>
      <c r="C8188" t="s">
        <v>117</v>
      </c>
      <c r="D8188" t="s">
        <v>118</v>
      </c>
      <c r="E8188">
        <v>2012</v>
      </c>
      <c r="F8188">
        <v>2012</v>
      </c>
      <c r="G8188" t="s">
        <v>126</v>
      </c>
      <c r="H8188" t="s">
        <v>121</v>
      </c>
      <c r="I8188" t="s">
        <v>15</v>
      </c>
      <c r="J8188" s="10">
        <v>40.892585220000001</v>
      </c>
    </row>
    <row r="8189" spans="1:10" x14ac:dyDescent="0.35">
      <c r="A8189" t="s">
        <v>22</v>
      </c>
      <c r="B8189" t="s">
        <v>51</v>
      </c>
      <c r="C8189" t="s">
        <v>117</v>
      </c>
      <c r="D8189" t="s">
        <v>118</v>
      </c>
      <c r="E8189">
        <v>2012</v>
      </c>
      <c r="F8189">
        <v>2012</v>
      </c>
      <c r="G8189" t="s">
        <v>126</v>
      </c>
      <c r="H8189" t="s">
        <v>122</v>
      </c>
      <c r="I8189" t="s">
        <v>15</v>
      </c>
      <c r="J8189" s="10">
        <v>12.23146304</v>
      </c>
    </row>
    <row r="8190" spans="1:10" x14ac:dyDescent="0.35">
      <c r="A8190" t="s">
        <v>22</v>
      </c>
      <c r="B8190" t="s">
        <v>51</v>
      </c>
      <c r="C8190" t="s">
        <v>117</v>
      </c>
      <c r="D8190" t="s">
        <v>118</v>
      </c>
      <c r="E8190">
        <v>2012</v>
      </c>
      <c r="F8190">
        <v>2012</v>
      </c>
      <c r="G8190" t="s">
        <v>126</v>
      </c>
      <c r="H8190" t="s">
        <v>123</v>
      </c>
      <c r="I8190" t="s">
        <v>15</v>
      </c>
      <c r="J8190" s="10">
        <v>9.5935340280000005</v>
      </c>
    </row>
    <row r="8191" spans="1:10" x14ac:dyDescent="0.35">
      <c r="A8191" t="s">
        <v>22</v>
      </c>
      <c r="B8191" t="s">
        <v>51</v>
      </c>
      <c r="C8191" t="s">
        <v>117</v>
      </c>
      <c r="D8191" t="s">
        <v>118</v>
      </c>
      <c r="E8191">
        <v>2012</v>
      </c>
      <c r="F8191">
        <v>2012</v>
      </c>
      <c r="G8191" t="s">
        <v>126</v>
      </c>
      <c r="H8191" t="s">
        <v>124</v>
      </c>
      <c r="I8191" t="s">
        <v>15</v>
      </c>
      <c r="J8191" s="10">
        <v>2.2045214949999998</v>
      </c>
    </row>
    <row r="8192" spans="1:10" x14ac:dyDescent="0.35">
      <c r="A8192" t="s">
        <v>22</v>
      </c>
      <c r="B8192" t="s">
        <v>51</v>
      </c>
      <c r="C8192" t="s">
        <v>117</v>
      </c>
      <c r="D8192" t="s">
        <v>118</v>
      </c>
      <c r="E8192">
        <v>2011</v>
      </c>
      <c r="F8192">
        <v>2011</v>
      </c>
      <c r="G8192" t="s">
        <v>14</v>
      </c>
      <c r="H8192" t="s">
        <v>119</v>
      </c>
      <c r="I8192" t="s">
        <v>15</v>
      </c>
      <c r="J8192" s="10">
        <v>8.8351113340000005</v>
      </c>
    </row>
    <row r="8193" spans="1:10" x14ac:dyDescent="0.35">
      <c r="A8193" t="s">
        <v>22</v>
      </c>
      <c r="B8193" t="s">
        <v>51</v>
      </c>
      <c r="C8193" t="s">
        <v>117</v>
      </c>
      <c r="D8193" t="s">
        <v>118</v>
      </c>
      <c r="E8193">
        <v>2011</v>
      </c>
      <c r="F8193">
        <v>2011</v>
      </c>
      <c r="G8193" t="s">
        <v>14</v>
      </c>
      <c r="H8193" t="s">
        <v>120</v>
      </c>
      <c r="I8193" t="s">
        <v>15</v>
      </c>
      <c r="J8193" s="10">
        <v>25.36574306</v>
      </c>
    </row>
    <row r="8194" spans="1:10" x14ac:dyDescent="0.35">
      <c r="A8194" t="s">
        <v>22</v>
      </c>
      <c r="B8194" t="s">
        <v>51</v>
      </c>
      <c r="C8194" t="s">
        <v>117</v>
      </c>
      <c r="D8194" t="s">
        <v>118</v>
      </c>
      <c r="E8194">
        <v>2011</v>
      </c>
      <c r="F8194">
        <v>2011</v>
      </c>
      <c r="G8194" t="s">
        <v>14</v>
      </c>
      <c r="H8194" t="s">
        <v>121</v>
      </c>
      <c r="I8194" t="s">
        <v>15</v>
      </c>
      <c r="J8194" s="10">
        <v>42.898737500000003</v>
      </c>
    </row>
    <row r="8195" spans="1:10" x14ac:dyDescent="0.35">
      <c r="A8195" t="s">
        <v>22</v>
      </c>
      <c r="B8195" t="s">
        <v>51</v>
      </c>
      <c r="C8195" t="s">
        <v>117</v>
      </c>
      <c r="D8195" t="s">
        <v>118</v>
      </c>
      <c r="E8195">
        <v>2011</v>
      </c>
      <c r="F8195">
        <v>2011</v>
      </c>
      <c r="G8195" t="s">
        <v>14</v>
      </c>
      <c r="H8195" t="s">
        <v>122</v>
      </c>
      <c r="I8195" t="s">
        <v>15</v>
      </c>
      <c r="J8195" s="10">
        <v>12.80637694</v>
      </c>
    </row>
    <row r="8196" spans="1:10" x14ac:dyDescent="0.35">
      <c r="A8196" t="s">
        <v>22</v>
      </c>
      <c r="B8196" t="s">
        <v>51</v>
      </c>
      <c r="C8196" t="s">
        <v>117</v>
      </c>
      <c r="D8196" t="s">
        <v>118</v>
      </c>
      <c r="E8196">
        <v>2011</v>
      </c>
      <c r="F8196">
        <v>2011</v>
      </c>
      <c r="G8196" t="s">
        <v>14</v>
      </c>
      <c r="H8196" t="s">
        <v>123</v>
      </c>
      <c r="I8196" t="s">
        <v>15</v>
      </c>
      <c r="J8196" s="10">
        <v>8.5105367409999992</v>
      </c>
    </row>
    <row r="8197" spans="1:10" x14ac:dyDescent="0.35">
      <c r="A8197" t="s">
        <v>22</v>
      </c>
      <c r="B8197" t="s">
        <v>51</v>
      </c>
      <c r="C8197" t="s">
        <v>117</v>
      </c>
      <c r="D8197" t="s">
        <v>118</v>
      </c>
      <c r="E8197">
        <v>2011</v>
      </c>
      <c r="F8197">
        <v>2011</v>
      </c>
      <c r="G8197" t="s">
        <v>14</v>
      </c>
      <c r="H8197" t="s">
        <v>124</v>
      </c>
      <c r="I8197" t="s">
        <v>15</v>
      </c>
      <c r="J8197" s="10">
        <v>1.583494427</v>
      </c>
    </row>
    <row r="8198" spans="1:10" x14ac:dyDescent="0.35">
      <c r="A8198" t="s">
        <v>22</v>
      </c>
      <c r="B8198" t="s">
        <v>51</v>
      </c>
      <c r="C8198" t="s">
        <v>117</v>
      </c>
      <c r="D8198" t="s">
        <v>118</v>
      </c>
      <c r="E8198">
        <v>2011</v>
      </c>
      <c r="F8198">
        <v>2011</v>
      </c>
      <c r="G8198" t="s">
        <v>125</v>
      </c>
      <c r="H8198" t="s">
        <v>119</v>
      </c>
      <c r="I8198" t="s">
        <v>15</v>
      </c>
      <c r="J8198" s="10">
        <v>9.0771558250000002</v>
      </c>
    </row>
    <row r="8199" spans="1:10" x14ac:dyDescent="0.35">
      <c r="A8199" t="s">
        <v>22</v>
      </c>
      <c r="B8199" t="s">
        <v>51</v>
      </c>
      <c r="C8199" t="s">
        <v>117</v>
      </c>
      <c r="D8199" t="s">
        <v>118</v>
      </c>
      <c r="E8199">
        <v>2011</v>
      </c>
      <c r="F8199">
        <v>2011</v>
      </c>
      <c r="G8199" t="s">
        <v>125</v>
      </c>
      <c r="H8199" t="s">
        <v>120</v>
      </c>
      <c r="I8199" t="s">
        <v>15</v>
      </c>
      <c r="J8199" s="10">
        <v>23.742285620000001</v>
      </c>
    </row>
    <row r="8200" spans="1:10" x14ac:dyDescent="0.35">
      <c r="A8200" t="s">
        <v>22</v>
      </c>
      <c r="B8200" t="s">
        <v>51</v>
      </c>
      <c r="C8200" t="s">
        <v>117</v>
      </c>
      <c r="D8200" t="s">
        <v>118</v>
      </c>
      <c r="E8200">
        <v>2011</v>
      </c>
      <c r="F8200">
        <v>2011</v>
      </c>
      <c r="G8200" t="s">
        <v>125</v>
      </c>
      <c r="H8200" t="s">
        <v>121</v>
      </c>
      <c r="I8200" t="s">
        <v>15</v>
      </c>
      <c r="J8200" s="10">
        <v>45.421799579999998</v>
      </c>
    </row>
    <row r="8201" spans="1:10" x14ac:dyDescent="0.35">
      <c r="A8201" t="s">
        <v>22</v>
      </c>
      <c r="B8201" t="s">
        <v>51</v>
      </c>
      <c r="C8201" t="s">
        <v>117</v>
      </c>
      <c r="D8201" t="s">
        <v>118</v>
      </c>
      <c r="E8201">
        <v>2011</v>
      </c>
      <c r="F8201">
        <v>2011</v>
      </c>
      <c r="G8201" t="s">
        <v>125</v>
      </c>
      <c r="H8201" t="s">
        <v>122</v>
      </c>
      <c r="I8201" t="s">
        <v>15</v>
      </c>
      <c r="J8201" s="10">
        <v>13.28434551</v>
      </c>
    </row>
    <row r="8202" spans="1:10" x14ac:dyDescent="0.35">
      <c r="A8202" t="s">
        <v>22</v>
      </c>
      <c r="B8202" t="s">
        <v>51</v>
      </c>
      <c r="C8202" t="s">
        <v>117</v>
      </c>
      <c r="D8202" t="s">
        <v>118</v>
      </c>
      <c r="E8202">
        <v>2011</v>
      </c>
      <c r="F8202">
        <v>2011</v>
      </c>
      <c r="G8202" t="s">
        <v>125</v>
      </c>
      <c r="H8202" t="s">
        <v>123</v>
      </c>
      <c r="I8202" t="s">
        <v>15</v>
      </c>
      <c r="J8202" s="10">
        <v>7.5258746969999999</v>
      </c>
    </row>
    <row r="8203" spans="1:10" x14ac:dyDescent="0.35">
      <c r="A8203" t="s">
        <v>22</v>
      </c>
      <c r="B8203" t="s">
        <v>51</v>
      </c>
      <c r="C8203" t="s">
        <v>117</v>
      </c>
      <c r="D8203" t="s">
        <v>118</v>
      </c>
      <c r="E8203">
        <v>2011</v>
      </c>
      <c r="F8203">
        <v>2011</v>
      </c>
      <c r="G8203" t="s">
        <v>125</v>
      </c>
      <c r="H8203" t="s">
        <v>124</v>
      </c>
      <c r="I8203" t="s">
        <v>15</v>
      </c>
      <c r="J8203" s="10">
        <v>0.94853876999999998</v>
      </c>
    </row>
    <row r="8204" spans="1:10" x14ac:dyDescent="0.35">
      <c r="A8204" t="s">
        <v>22</v>
      </c>
      <c r="B8204" t="s">
        <v>51</v>
      </c>
      <c r="C8204" t="s">
        <v>117</v>
      </c>
      <c r="D8204" t="s">
        <v>118</v>
      </c>
      <c r="E8204">
        <v>2011</v>
      </c>
      <c r="F8204">
        <v>2011</v>
      </c>
      <c r="G8204" t="s">
        <v>126</v>
      </c>
      <c r="H8204" t="s">
        <v>119</v>
      </c>
      <c r="I8204" t="s">
        <v>15</v>
      </c>
      <c r="J8204" s="10">
        <v>8.5960293179999994</v>
      </c>
    </row>
    <row r="8205" spans="1:10" x14ac:dyDescent="0.35">
      <c r="A8205" t="s">
        <v>22</v>
      </c>
      <c r="B8205" t="s">
        <v>51</v>
      </c>
      <c r="C8205" t="s">
        <v>117</v>
      </c>
      <c r="D8205" t="s">
        <v>118</v>
      </c>
      <c r="E8205">
        <v>2011</v>
      </c>
      <c r="F8205">
        <v>2011</v>
      </c>
      <c r="G8205" t="s">
        <v>126</v>
      </c>
      <c r="H8205" t="s">
        <v>120</v>
      </c>
      <c r="I8205" t="s">
        <v>15</v>
      </c>
      <c r="J8205" s="10">
        <v>26.96933039</v>
      </c>
    </row>
    <row r="8206" spans="1:10" x14ac:dyDescent="0.35">
      <c r="A8206" t="s">
        <v>22</v>
      </c>
      <c r="B8206" t="s">
        <v>51</v>
      </c>
      <c r="C8206" t="s">
        <v>117</v>
      </c>
      <c r="D8206" t="s">
        <v>118</v>
      </c>
      <c r="E8206">
        <v>2011</v>
      </c>
      <c r="F8206">
        <v>2011</v>
      </c>
      <c r="G8206" t="s">
        <v>126</v>
      </c>
      <c r="H8206" t="s">
        <v>121</v>
      </c>
      <c r="I8206" t="s">
        <v>15</v>
      </c>
      <c r="J8206" s="10">
        <v>40.406556129999998</v>
      </c>
    </row>
    <row r="8207" spans="1:10" x14ac:dyDescent="0.35">
      <c r="A8207" t="s">
        <v>22</v>
      </c>
      <c r="B8207" t="s">
        <v>51</v>
      </c>
      <c r="C8207" t="s">
        <v>117</v>
      </c>
      <c r="D8207" t="s">
        <v>118</v>
      </c>
      <c r="E8207">
        <v>2011</v>
      </c>
      <c r="F8207">
        <v>2011</v>
      </c>
      <c r="G8207" t="s">
        <v>126</v>
      </c>
      <c r="H8207" t="s">
        <v>122</v>
      </c>
      <c r="I8207" t="s">
        <v>15</v>
      </c>
      <c r="J8207" s="10">
        <v>12.3342584</v>
      </c>
    </row>
    <row r="8208" spans="1:10" x14ac:dyDescent="0.35">
      <c r="A8208" t="s">
        <v>22</v>
      </c>
      <c r="B8208" t="s">
        <v>51</v>
      </c>
      <c r="C8208" t="s">
        <v>117</v>
      </c>
      <c r="D8208" t="s">
        <v>118</v>
      </c>
      <c r="E8208">
        <v>2011</v>
      </c>
      <c r="F8208">
        <v>2011</v>
      </c>
      <c r="G8208" t="s">
        <v>126</v>
      </c>
      <c r="H8208" t="s">
        <v>123</v>
      </c>
      <c r="I8208" t="s">
        <v>15</v>
      </c>
      <c r="J8208" s="10">
        <v>9.4831471329999992</v>
      </c>
    </row>
    <row r="8209" spans="1:10" x14ac:dyDescent="0.35">
      <c r="A8209" t="s">
        <v>22</v>
      </c>
      <c r="B8209" t="s">
        <v>51</v>
      </c>
      <c r="C8209" t="s">
        <v>117</v>
      </c>
      <c r="D8209" t="s">
        <v>118</v>
      </c>
      <c r="E8209">
        <v>2011</v>
      </c>
      <c r="F8209">
        <v>2011</v>
      </c>
      <c r="G8209" t="s">
        <v>126</v>
      </c>
      <c r="H8209" t="s">
        <v>124</v>
      </c>
      <c r="I8209" t="s">
        <v>15</v>
      </c>
      <c r="J8209" s="10">
        <v>2.210678621</v>
      </c>
    </row>
    <row r="8210" spans="1:10" x14ac:dyDescent="0.35">
      <c r="A8210" t="s">
        <v>22</v>
      </c>
      <c r="B8210" t="s">
        <v>52</v>
      </c>
      <c r="C8210" t="s">
        <v>117</v>
      </c>
      <c r="D8210" t="s">
        <v>118</v>
      </c>
      <c r="E8210">
        <v>2020</v>
      </c>
      <c r="F8210">
        <v>2020</v>
      </c>
      <c r="G8210" t="s">
        <v>14</v>
      </c>
      <c r="H8210" t="s">
        <v>119</v>
      </c>
      <c r="I8210" t="s">
        <v>15</v>
      </c>
      <c r="J8210" s="10">
        <v>17.34541316</v>
      </c>
    </row>
    <row r="8211" spans="1:10" x14ac:dyDescent="0.35">
      <c r="A8211" t="s">
        <v>22</v>
      </c>
      <c r="B8211" t="s">
        <v>52</v>
      </c>
      <c r="C8211" t="s">
        <v>117</v>
      </c>
      <c r="D8211" t="s">
        <v>118</v>
      </c>
      <c r="E8211">
        <v>2020</v>
      </c>
      <c r="F8211">
        <v>2020</v>
      </c>
      <c r="G8211" t="s">
        <v>14</v>
      </c>
      <c r="H8211" t="s">
        <v>120</v>
      </c>
      <c r="I8211" t="s">
        <v>15</v>
      </c>
      <c r="J8211" s="10">
        <v>7.822506862</v>
      </c>
    </row>
    <row r="8212" spans="1:10" x14ac:dyDescent="0.35">
      <c r="A8212" t="s">
        <v>22</v>
      </c>
      <c r="B8212" t="s">
        <v>52</v>
      </c>
      <c r="C8212" t="s">
        <v>117</v>
      </c>
      <c r="D8212" t="s">
        <v>118</v>
      </c>
      <c r="E8212">
        <v>2020</v>
      </c>
      <c r="F8212">
        <v>2020</v>
      </c>
      <c r="G8212" t="s">
        <v>14</v>
      </c>
      <c r="H8212" t="s">
        <v>121</v>
      </c>
      <c r="I8212" t="s">
        <v>15</v>
      </c>
      <c r="J8212" s="10">
        <v>39.083524869999998</v>
      </c>
    </row>
    <row r="8213" spans="1:10" x14ac:dyDescent="0.35">
      <c r="A8213" t="s">
        <v>22</v>
      </c>
      <c r="B8213" t="s">
        <v>52</v>
      </c>
      <c r="C8213" t="s">
        <v>117</v>
      </c>
      <c r="D8213" t="s">
        <v>118</v>
      </c>
      <c r="E8213">
        <v>2020</v>
      </c>
      <c r="F8213">
        <v>2020</v>
      </c>
      <c r="G8213" t="s">
        <v>14</v>
      </c>
      <c r="H8213" t="s">
        <v>122</v>
      </c>
      <c r="I8213" t="s">
        <v>15</v>
      </c>
      <c r="J8213" s="10">
        <v>18.621828489999999</v>
      </c>
    </row>
    <row r="8214" spans="1:10" x14ac:dyDescent="0.35">
      <c r="A8214" t="s">
        <v>22</v>
      </c>
      <c r="B8214" t="s">
        <v>52</v>
      </c>
      <c r="C8214" t="s">
        <v>117</v>
      </c>
      <c r="D8214" t="s">
        <v>118</v>
      </c>
      <c r="E8214">
        <v>2020</v>
      </c>
      <c r="F8214">
        <v>2020</v>
      </c>
      <c r="G8214" t="s">
        <v>14</v>
      </c>
      <c r="H8214" t="s">
        <v>123</v>
      </c>
      <c r="I8214" t="s">
        <v>15</v>
      </c>
      <c r="J8214" s="10">
        <v>14.689933720000001</v>
      </c>
    </row>
    <row r="8215" spans="1:10" x14ac:dyDescent="0.35">
      <c r="A8215" t="s">
        <v>22</v>
      </c>
      <c r="B8215" t="s">
        <v>52</v>
      </c>
      <c r="C8215" t="s">
        <v>117</v>
      </c>
      <c r="D8215" t="s">
        <v>118</v>
      </c>
      <c r="E8215">
        <v>2020</v>
      </c>
      <c r="F8215">
        <v>2020</v>
      </c>
      <c r="G8215" t="s">
        <v>14</v>
      </c>
      <c r="H8215" t="s">
        <v>124</v>
      </c>
      <c r="I8215" t="s">
        <v>15</v>
      </c>
      <c r="J8215" s="10">
        <v>2.436792895</v>
      </c>
    </row>
    <row r="8216" spans="1:10" x14ac:dyDescent="0.35">
      <c r="A8216" t="s">
        <v>22</v>
      </c>
      <c r="B8216" t="s">
        <v>52</v>
      </c>
      <c r="C8216" t="s">
        <v>117</v>
      </c>
      <c r="D8216" t="s">
        <v>118</v>
      </c>
      <c r="E8216">
        <v>2020</v>
      </c>
      <c r="F8216">
        <v>2020</v>
      </c>
      <c r="G8216" t="s">
        <v>125</v>
      </c>
      <c r="H8216" t="s">
        <v>119</v>
      </c>
      <c r="I8216" t="s">
        <v>15</v>
      </c>
      <c r="J8216" s="10">
        <v>18.505032700000001</v>
      </c>
    </row>
    <row r="8217" spans="1:10" x14ac:dyDescent="0.35">
      <c r="A8217" t="s">
        <v>22</v>
      </c>
      <c r="B8217" t="s">
        <v>52</v>
      </c>
      <c r="C8217" t="s">
        <v>117</v>
      </c>
      <c r="D8217" t="s">
        <v>118</v>
      </c>
      <c r="E8217">
        <v>2020</v>
      </c>
      <c r="F8217">
        <v>2020</v>
      </c>
      <c r="G8217" t="s">
        <v>125</v>
      </c>
      <c r="H8217" t="s">
        <v>120</v>
      </c>
      <c r="I8217" t="s">
        <v>15</v>
      </c>
      <c r="J8217" s="10">
        <v>8.1821976900000006</v>
      </c>
    </row>
    <row r="8218" spans="1:10" x14ac:dyDescent="0.35">
      <c r="A8218" t="s">
        <v>22</v>
      </c>
      <c r="B8218" t="s">
        <v>52</v>
      </c>
      <c r="C8218" t="s">
        <v>117</v>
      </c>
      <c r="D8218" t="s">
        <v>118</v>
      </c>
      <c r="E8218">
        <v>2020</v>
      </c>
      <c r="F8218">
        <v>2020</v>
      </c>
      <c r="G8218" t="s">
        <v>125</v>
      </c>
      <c r="H8218" t="s">
        <v>121</v>
      </c>
      <c r="I8218" t="s">
        <v>15</v>
      </c>
      <c r="J8218" s="10">
        <v>38.96980379</v>
      </c>
    </row>
    <row r="8219" spans="1:10" x14ac:dyDescent="0.35">
      <c r="A8219" t="s">
        <v>22</v>
      </c>
      <c r="B8219" t="s">
        <v>52</v>
      </c>
      <c r="C8219" t="s">
        <v>117</v>
      </c>
      <c r="D8219" t="s">
        <v>118</v>
      </c>
      <c r="E8219">
        <v>2020</v>
      </c>
      <c r="F8219">
        <v>2020</v>
      </c>
      <c r="G8219" t="s">
        <v>125</v>
      </c>
      <c r="H8219" t="s">
        <v>122</v>
      </c>
      <c r="I8219" t="s">
        <v>15</v>
      </c>
      <c r="J8219" s="10">
        <v>18.697527709999999</v>
      </c>
    </row>
    <row r="8220" spans="1:10" x14ac:dyDescent="0.35">
      <c r="A8220" t="s">
        <v>22</v>
      </c>
      <c r="B8220" t="s">
        <v>52</v>
      </c>
      <c r="C8220" t="s">
        <v>117</v>
      </c>
      <c r="D8220" t="s">
        <v>118</v>
      </c>
      <c r="E8220">
        <v>2020</v>
      </c>
      <c r="F8220">
        <v>2020</v>
      </c>
      <c r="G8220" t="s">
        <v>125</v>
      </c>
      <c r="H8220" t="s">
        <v>123</v>
      </c>
      <c r="I8220" t="s">
        <v>15</v>
      </c>
      <c r="J8220" s="10">
        <v>13.84340647</v>
      </c>
    </row>
    <row r="8221" spans="1:10" x14ac:dyDescent="0.35">
      <c r="A8221" t="s">
        <v>22</v>
      </c>
      <c r="B8221" t="s">
        <v>52</v>
      </c>
      <c r="C8221" t="s">
        <v>117</v>
      </c>
      <c r="D8221" t="s">
        <v>118</v>
      </c>
      <c r="E8221">
        <v>2020</v>
      </c>
      <c r="F8221">
        <v>2020</v>
      </c>
      <c r="G8221" t="s">
        <v>125</v>
      </c>
      <c r="H8221" t="s">
        <v>124</v>
      </c>
      <c r="I8221" t="s">
        <v>15</v>
      </c>
      <c r="J8221" s="10">
        <v>1.802031634</v>
      </c>
    </row>
    <row r="8222" spans="1:10" x14ac:dyDescent="0.35">
      <c r="A8222" t="s">
        <v>22</v>
      </c>
      <c r="B8222" t="s">
        <v>52</v>
      </c>
      <c r="C8222" t="s">
        <v>117</v>
      </c>
      <c r="D8222" t="s">
        <v>118</v>
      </c>
      <c r="E8222">
        <v>2020</v>
      </c>
      <c r="F8222">
        <v>2020</v>
      </c>
      <c r="G8222" t="s">
        <v>126</v>
      </c>
      <c r="H8222" t="s">
        <v>119</v>
      </c>
      <c r="I8222" t="s">
        <v>15</v>
      </c>
      <c r="J8222" s="10">
        <v>16.27031908</v>
      </c>
    </row>
    <row r="8223" spans="1:10" x14ac:dyDescent="0.35">
      <c r="A8223" t="s">
        <v>22</v>
      </c>
      <c r="B8223" t="s">
        <v>52</v>
      </c>
      <c r="C8223" t="s">
        <v>117</v>
      </c>
      <c r="D8223" t="s">
        <v>118</v>
      </c>
      <c r="E8223">
        <v>2020</v>
      </c>
      <c r="F8223">
        <v>2020</v>
      </c>
      <c r="G8223" t="s">
        <v>126</v>
      </c>
      <c r="H8223" t="s">
        <v>120</v>
      </c>
      <c r="I8223" t="s">
        <v>15</v>
      </c>
      <c r="J8223" s="10">
        <v>7.4890341449999998</v>
      </c>
    </row>
    <row r="8224" spans="1:10" x14ac:dyDescent="0.35">
      <c r="A8224" t="s">
        <v>22</v>
      </c>
      <c r="B8224" t="s">
        <v>52</v>
      </c>
      <c r="C8224" t="s">
        <v>117</v>
      </c>
      <c r="D8224" t="s">
        <v>118</v>
      </c>
      <c r="E8224">
        <v>2020</v>
      </c>
      <c r="F8224">
        <v>2020</v>
      </c>
      <c r="G8224" t="s">
        <v>126</v>
      </c>
      <c r="H8224" t="s">
        <v>121</v>
      </c>
      <c r="I8224" t="s">
        <v>15</v>
      </c>
      <c r="J8224" s="10">
        <v>39.188956740000002</v>
      </c>
    </row>
    <row r="8225" spans="1:10" x14ac:dyDescent="0.35">
      <c r="A8225" t="s">
        <v>22</v>
      </c>
      <c r="B8225" t="s">
        <v>52</v>
      </c>
      <c r="C8225" t="s">
        <v>117</v>
      </c>
      <c r="D8225" t="s">
        <v>118</v>
      </c>
      <c r="E8225">
        <v>2020</v>
      </c>
      <c r="F8225">
        <v>2020</v>
      </c>
      <c r="G8225" t="s">
        <v>126</v>
      </c>
      <c r="H8225" t="s">
        <v>122</v>
      </c>
      <c r="I8225" t="s">
        <v>15</v>
      </c>
      <c r="J8225" s="10">
        <v>18.551647030000002</v>
      </c>
    </row>
    <row r="8226" spans="1:10" x14ac:dyDescent="0.35">
      <c r="A8226" t="s">
        <v>22</v>
      </c>
      <c r="B8226" t="s">
        <v>52</v>
      </c>
      <c r="C8226" t="s">
        <v>117</v>
      </c>
      <c r="D8226" t="s">
        <v>118</v>
      </c>
      <c r="E8226">
        <v>2020</v>
      </c>
      <c r="F8226">
        <v>2020</v>
      </c>
      <c r="G8226" t="s">
        <v>126</v>
      </c>
      <c r="H8226" t="s">
        <v>123</v>
      </c>
      <c r="I8226" t="s">
        <v>15</v>
      </c>
      <c r="J8226" s="10">
        <v>15.474757029999999</v>
      </c>
    </row>
    <row r="8227" spans="1:10" x14ac:dyDescent="0.35">
      <c r="A8227" t="s">
        <v>22</v>
      </c>
      <c r="B8227" t="s">
        <v>52</v>
      </c>
      <c r="C8227" t="s">
        <v>117</v>
      </c>
      <c r="D8227" t="s">
        <v>118</v>
      </c>
      <c r="E8227">
        <v>2020</v>
      </c>
      <c r="F8227">
        <v>2020</v>
      </c>
      <c r="G8227" t="s">
        <v>126</v>
      </c>
      <c r="H8227" t="s">
        <v>124</v>
      </c>
      <c r="I8227" t="s">
        <v>15</v>
      </c>
      <c r="J8227" s="10">
        <v>3.0252859719999998</v>
      </c>
    </row>
    <row r="8228" spans="1:10" x14ac:dyDescent="0.35">
      <c r="A8228" t="s">
        <v>22</v>
      </c>
      <c r="B8228" t="s">
        <v>52</v>
      </c>
      <c r="C8228" t="s">
        <v>117</v>
      </c>
      <c r="D8228" t="s">
        <v>118</v>
      </c>
      <c r="E8228">
        <v>2019</v>
      </c>
      <c r="F8228">
        <v>2019</v>
      </c>
      <c r="G8228" t="s">
        <v>14</v>
      </c>
      <c r="H8228" t="s">
        <v>119</v>
      </c>
      <c r="I8228" t="s">
        <v>15</v>
      </c>
      <c r="J8228" s="10">
        <v>17.284328739999999</v>
      </c>
    </row>
    <row r="8229" spans="1:10" x14ac:dyDescent="0.35">
      <c r="A8229" t="s">
        <v>22</v>
      </c>
      <c r="B8229" t="s">
        <v>52</v>
      </c>
      <c r="C8229" t="s">
        <v>117</v>
      </c>
      <c r="D8229" t="s">
        <v>118</v>
      </c>
      <c r="E8229">
        <v>2019</v>
      </c>
      <c r="F8229">
        <v>2019</v>
      </c>
      <c r="G8229" t="s">
        <v>14</v>
      </c>
      <c r="H8229" t="s">
        <v>120</v>
      </c>
      <c r="I8229" t="s">
        <v>15</v>
      </c>
      <c r="J8229" s="10">
        <v>8.1492825139999994</v>
      </c>
    </row>
    <row r="8230" spans="1:10" x14ac:dyDescent="0.35">
      <c r="A8230" t="s">
        <v>22</v>
      </c>
      <c r="B8230" t="s">
        <v>52</v>
      </c>
      <c r="C8230" t="s">
        <v>117</v>
      </c>
      <c r="D8230" t="s">
        <v>118</v>
      </c>
      <c r="E8230">
        <v>2019</v>
      </c>
      <c r="F8230">
        <v>2019</v>
      </c>
      <c r="G8230" t="s">
        <v>14</v>
      </c>
      <c r="H8230" t="s">
        <v>121</v>
      </c>
      <c r="I8230" t="s">
        <v>15</v>
      </c>
      <c r="J8230" s="10">
        <v>38.569564970000002</v>
      </c>
    </row>
    <row r="8231" spans="1:10" x14ac:dyDescent="0.35">
      <c r="A8231" t="s">
        <v>22</v>
      </c>
      <c r="B8231" t="s">
        <v>52</v>
      </c>
      <c r="C8231" t="s">
        <v>117</v>
      </c>
      <c r="D8231" t="s">
        <v>118</v>
      </c>
      <c r="E8231">
        <v>2019</v>
      </c>
      <c r="F8231">
        <v>2019</v>
      </c>
      <c r="G8231" t="s">
        <v>14</v>
      </c>
      <c r="H8231" t="s">
        <v>122</v>
      </c>
      <c r="I8231" t="s">
        <v>15</v>
      </c>
      <c r="J8231" s="10">
        <v>18.774885149999999</v>
      </c>
    </row>
    <row r="8232" spans="1:10" x14ac:dyDescent="0.35">
      <c r="A8232" t="s">
        <v>22</v>
      </c>
      <c r="B8232" t="s">
        <v>52</v>
      </c>
      <c r="C8232" t="s">
        <v>117</v>
      </c>
      <c r="D8232" t="s">
        <v>118</v>
      </c>
      <c r="E8232">
        <v>2019</v>
      </c>
      <c r="F8232">
        <v>2019</v>
      </c>
      <c r="G8232" t="s">
        <v>14</v>
      </c>
      <c r="H8232" t="s">
        <v>123</v>
      </c>
      <c r="I8232" t="s">
        <v>15</v>
      </c>
      <c r="J8232" s="10">
        <v>14.74108105</v>
      </c>
    </row>
    <row r="8233" spans="1:10" x14ac:dyDescent="0.35">
      <c r="A8233" t="s">
        <v>22</v>
      </c>
      <c r="B8233" t="s">
        <v>52</v>
      </c>
      <c r="C8233" t="s">
        <v>117</v>
      </c>
      <c r="D8233" t="s">
        <v>118</v>
      </c>
      <c r="E8233">
        <v>2019</v>
      </c>
      <c r="F8233">
        <v>2019</v>
      </c>
      <c r="G8233" t="s">
        <v>14</v>
      </c>
      <c r="H8233" t="s">
        <v>124</v>
      </c>
      <c r="I8233" t="s">
        <v>15</v>
      </c>
      <c r="J8233" s="10">
        <v>2.4808575799999999</v>
      </c>
    </row>
    <row r="8234" spans="1:10" x14ac:dyDescent="0.35">
      <c r="A8234" t="s">
        <v>22</v>
      </c>
      <c r="B8234" t="s">
        <v>52</v>
      </c>
      <c r="C8234" t="s">
        <v>117</v>
      </c>
      <c r="D8234" t="s">
        <v>118</v>
      </c>
      <c r="E8234">
        <v>2019</v>
      </c>
      <c r="F8234">
        <v>2019</v>
      </c>
      <c r="G8234" t="s">
        <v>125</v>
      </c>
      <c r="H8234" t="s">
        <v>119</v>
      </c>
      <c r="I8234" t="s">
        <v>15</v>
      </c>
      <c r="J8234" s="10">
        <v>18.446830550000001</v>
      </c>
    </row>
    <row r="8235" spans="1:10" x14ac:dyDescent="0.35">
      <c r="A8235" t="s">
        <v>22</v>
      </c>
      <c r="B8235" t="s">
        <v>52</v>
      </c>
      <c r="C8235" t="s">
        <v>117</v>
      </c>
      <c r="D8235" t="s">
        <v>118</v>
      </c>
      <c r="E8235">
        <v>2019</v>
      </c>
      <c r="F8235">
        <v>2019</v>
      </c>
      <c r="G8235" t="s">
        <v>125</v>
      </c>
      <c r="H8235" t="s">
        <v>120</v>
      </c>
      <c r="I8235" t="s">
        <v>15</v>
      </c>
      <c r="J8235" s="10">
        <v>8.493453895</v>
      </c>
    </row>
    <row r="8236" spans="1:10" x14ac:dyDescent="0.35">
      <c r="A8236" t="s">
        <v>22</v>
      </c>
      <c r="B8236" t="s">
        <v>52</v>
      </c>
      <c r="C8236" t="s">
        <v>117</v>
      </c>
      <c r="D8236" t="s">
        <v>118</v>
      </c>
      <c r="E8236">
        <v>2019</v>
      </c>
      <c r="F8236">
        <v>2019</v>
      </c>
      <c r="G8236" t="s">
        <v>125</v>
      </c>
      <c r="H8236" t="s">
        <v>121</v>
      </c>
      <c r="I8236" t="s">
        <v>15</v>
      </c>
      <c r="J8236" s="10">
        <v>38.589055289999997</v>
      </c>
    </row>
    <row r="8237" spans="1:10" x14ac:dyDescent="0.35">
      <c r="A8237" t="s">
        <v>22</v>
      </c>
      <c r="B8237" t="s">
        <v>52</v>
      </c>
      <c r="C8237" t="s">
        <v>117</v>
      </c>
      <c r="D8237" t="s">
        <v>118</v>
      </c>
      <c r="E8237">
        <v>2019</v>
      </c>
      <c r="F8237">
        <v>2019</v>
      </c>
      <c r="G8237" t="s">
        <v>125</v>
      </c>
      <c r="H8237" t="s">
        <v>122</v>
      </c>
      <c r="I8237" t="s">
        <v>15</v>
      </c>
      <c r="J8237" s="10">
        <v>18.840067820000002</v>
      </c>
    </row>
    <row r="8238" spans="1:10" x14ac:dyDescent="0.35">
      <c r="A8238" t="s">
        <v>22</v>
      </c>
      <c r="B8238" t="s">
        <v>52</v>
      </c>
      <c r="C8238" t="s">
        <v>117</v>
      </c>
      <c r="D8238" t="s">
        <v>118</v>
      </c>
      <c r="E8238">
        <v>2019</v>
      </c>
      <c r="F8238">
        <v>2019</v>
      </c>
      <c r="G8238" t="s">
        <v>125</v>
      </c>
      <c r="H8238" t="s">
        <v>123</v>
      </c>
      <c r="I8238" t="s">
        <v>15</v>
      </c>
      <c r="J8238" s="10">
        <v>13.83865499</v>
      </c>
    </row>
    <row r="8239" spans="1:10" x14ac:dyDescent="0.35">
      <c r="A8239" t="s">
        <v>22</v>
      </c>
      <c r="B8239" t="s">
        <v>52</v>
      </c>
      <c r="C8239" t="s">
        <v>117</v>
      </c>
      <c r="D8239" t="s">
        <v>118</v>
      </c>
      <c r="E8239">
        <v>2019</v>
      </c>
      <c r="F8239">
        <v>2019</v>
      </c>
      <c r="G8239" t="s">
        <v>125</v>
      </c>
      <c r="H8239" t="s">
        <v>124</v>
      </c>
      <c r="I8239" t="s">
        <v>15</v>
      </c>
      <c r="J8239" s="10">
        <v>1.7919374589999999</v>
      </c>
    </row>
    <row r="8240" spans="1:10" x14ac:dyDescent="0.35">
      <c r="A8240" t="s">
        <v>22</v>
      </c>
      <c r="B8240" t="s">
        <v>52</v>
      </c>
      <c r="C8240" t="s">
        <v>117</v>
      </c>
      <c r="D8240" t="s">
        <v>118</v>
      </c>
      <c r="E8240">
        <v>2019</v>
      </c>
      <c r="F8240">
        <v>2019</v>
      </c>
      <c r="G8240" t="s">
        <v>126</v>
      </c>
      <c r="H8240" t="s">
        <v>119</v>
      </c>
      <c r="I8240" t="s">
        <v>15</v>
      </c>
      <c r="J8240" s="10">
        <v>16.203734099999998</v>
      </c>
    </row>
    <row r="8241" spans="1:10" x14ac:dyDescent="0.35">
      <c r="A8241" t="s">
        <v>22</v>
      </c>
      <c r="B8241" t="s">
        <v>52</v>
      </c>
      <c r="C8241" t="s">
        <v>117</v>
      </c>
      <c r="D8241" t="s">
        <v>118</v>
      </c>
      <c r="E8241">
        <v>2019</v>
      </c>
      <c r="F8241">
        <v>2019</v>
      </c>
      <c r="G8241" t="s">
        <v>126</v>
      </c>
      <c r="H8241" t="s">
        <v>120</v>
      </c>
      <c r="I8241" t="s">
        <v>15</v>
      </c>
      <c r="J8241" s="10">
        <v>7.8293606499999999</v>
      </c>
    </row>
    <row r="8242" spans="1:10" x14ac:dyDescent="0.35">
      <c r="A8242" t="s">
        <v>22</v>
      </c>
      <c r="B8242" t="s">
        <v>52</v>
      </c>
      <c r="C8242" t="s">
        <v>117</v>
      </c>
      <c r="D8242" t="s">
        <v>118</v>
      </c>
      <c r="E8242">
        <v>2019</v>
      </c>
      <c r="F8242">
        <v>2019</v>
      </c>
      <c r="G8242" t="s">
        <v>126</v>
      </c>
      <c r="H8242" t="s">
        <v>121</v>
      </c>
      <c r="I8242" t="s">
        <v>15</v>
      </c>
      <c r="J8242" s="10">
        <v>38.551447899999999</v>
      </c>
    </row>
    <row r="8243" spans="1:10" x14ac:dyDescent="0.35">
      <c r="A8243" t="s">
        <v>22</v>
      </c>
      <c r="B8243" t="s">
        <v>52</v>
      </c>
      <c r="C8243" t="s">
        <v>117</v>
      </c>
      <c r="D8243" t="s">
        <v>118</v>
      </c>
      <c r="E8243">
        <v>2019</v>
      </c>
      <c r="F8243">
        <v>2019</v>
      </c>
      <c r="G8243" t="s">
        <v>126</v>
      </c>
      <c r="H8243" t="s">
        <v>122</v>
      </c>
      <c r="I8243" t="s">
        <v>15</v>
      </c>
      <c r="J8243" s="10">
        <v>18.71429509</v>
      </c>
    </row>
    <row r="8244" spans="1:10" x14ac:dyDescent="0.35">
      <c r="A8244" t="s">
        <v>22</v>
      </c>
      <c r="B8244" t="s">
        <v>52</v>
      </c>
      <c r="C8244" t="s">
        <v>117</v>
      </c>
      <c r="D8244" t="s">
        <v>118</v>
      </c>
      <c r="E8244">
        <v>2019</v>
      </c>
      <c r="F8244">
        <v>2019</v>
      </c>
      <c r="G8244" t="s">
        <v>126</v>
      </c>
      <c r="H8244" t="s">
        <v>123</v>
      </c>
      <c r="I8244" t="s">
        <v>15</v>
      </c>
      <c r="J8244" s="10">
        <v>15.579924269999999</v>
      </c>
    </row>
    <row r="8245" spans="1:10" x14ac:dyDescent="0.35">
      <c r="A8245" t="s">
        <v>22</v>
      </c>
      <c r="B8245" t="s">
        <v>52</v>
      </c>
      <c r="C8245" t="s">
        <v>117</v>
      </c>
      <c r="D8245" t="s">
        <v>118</v>
      </c>
      <c r="E8245">
        <v>2019</v>
      </c>
      <c r="F8245">
        <v>2019</v>
      </c>
      <c r="G8245" t="s">
        <v>126</v>
      </c>
      <c r="H8245" t="s">
        <v>124</v>
      </c>
      <c r="I8245" t="s">
        <v>15</v>
      </c>
      <c r="J8245" s="10">
        <v>3.1212379889999999</v>
      </c>
    </row>
    <row r="8246" spans="1:10" x14ac:dyDescent="0.35">
      <c r="A8246" t="s">
        <v>22</v>
      </c>
      <c r="B8246" t="s">
        <v>52</v>
      </c>
      <c r="C8246" t="s">
        <v>117</v>
      </c>
      <c r="D8246" t="s">
        <v>118</v>
      </c>
      <c r="E8246">
        <v>2018</v>
      </c>
      <c r="F8246">
        <v>2018</v>
      </c>
      <c r="G8246" t="s">
        <v>14</v>
      </c>
      <c r="H8246" t="s">
        <v>119</v>
      </c>
      <c r="I8246" t="s">
        <v>15</v>
      </c>
      <c r="J8246" s="10">
        <v>17.246323189999998</v>
      </c>
    </row>
    <row r="8247" spans="1:10" x14ac:dyDescent="0.35">
      <c r="A8247" t="s">
        <v>22</v>
      </c>
      <c r="B8247" t="s">
        <v>52</v>
      </c>
      <c r="C8247" t="s">
        <v>117</v>
      </c>
      <c r="D8247" t="s">
        <v>118</v>
      </c>
      <c r="E8247">
        <v>2018</v>
      </c>
      <c r="F8247">
        <v>2018</v>
      </c>
      <c r="G8247" t="s">
        <v>14</v>
      </c>
      <c r="H8247" t="s">
        <v>120</v>
      </c>
      <c r="I8247" t="s">
        <v>15</v>
      </c>
      <c r="J8247" s="10">
        <v>8.4312274540000001</v>
      </c>
    </row>
    <row r="8248" spans="1:10" x14ac:dyDescent="0.35">
      <c r="A8248" t="s">
        <v>22</v>
      </c>
      <c r="B8248" t="s">
        <v>52</v>
      </c>
      <c r="C8248" t="s">
        <v>117</v>
      </c>
      <c r="D8248" t="s">
        <v>118</v>
      </c>
      <c r="E8248">
        <v>2018</v>
      </c>
      <c r="F8248">
        <v>2018</v>
      </c>
      <c r="G8248" t="s">
        <v>14</v>
      </c>
      <c r="H8248" t="s">
        <v>121</v>
      </c>
      <c r="I8248" t="s">
        <v>15</v>
      </c>
      <c r="J8248" s="10">
        <v>38.050365370000002</v>
      </c>
    </row>
    <row r="8249" spans="1:10" x14ac:dyDescent="0.35">
      <c r="A8249" t="s">
        <v>22</v>
      </c>
      <c r="B8249" t="s">
        <v>52</v>
      </c>
      <c r="C8249" t="s">
        <v>117</v>
      </c>
      <c r="D8249" t="s">
        <v>118</v>
      </c>
      <c r="E8249">
        <v>2018</v>
      </c>
      <c r="F8249">
        <v>2018</v>
      </c>
      <c r="G8249" t="s">
        <v>14</v>
      </c>
      <c r="H8249" t="s">
        <v>122</v>
      </c>
      <c r="I8249" t="s">
        <v>15</v>
      </c>
      <c r="J8249" s="10">
        <v>18.977199150000001</v>
      </c>
    </row>
    <row r="8250" spans="1:10" x14ac:dyDescent="0.35">
      <c r="A8250" t="s">
        <v>22</v>
      </c>
      <c r="B8250" t="s">
        <v>52</v>
      </c>
      <c r="C8250" t="s">
        <v>117</v>
      </c>
      <c r="D8250" t="s">
        <v>118</v>
      </c>
      <c r="E8250">
        <v>2018</v>
      </c>
      <c r="F8250">
        <v>2018</v>
      </c>
      <c r="G8250" t="s">
        <v>14</v>
      </c>
      <c r="H8250" t="s">
        <v>123</v>
      </c>
      <c r="I8250" t="s">
        <v>15</v>
      </c>
      <c r="J8250" s="10">
        <v>14.85061511</v>
      </c>
    </row>
    <row r="8251" spans="1:10" x14ac:dyDescent="0.35">
      <c r="A8251" t="s">
        <v>22</v>
      </c>
      <c r="B8251" t="s">
        <v>52</v>
      </c>
      <c r="C8251" t="s">
        <v>117</v>
      </c>
      <c r="D8251" t="s">
        <v>118</v>
      </c>
      <c r="E8251">
        <v>2018</v>
      </c>
      <c r="F8251">
        <v>2018</v>
      </c>
      <c r="G8251" t="s">
        <v>14</v>
      </c>
      <c r="H8251" t="s">
        <v>124</v>
      </c>
      <c r="I8251" t="s">
        <v>15</v>
      </c>
      <c r="J8251" s="10">
        <v>2.4442697249999998</v>
      </c>
    </row>
    <row r="8252" spans="1:10" x14ac:dyDescent="0.35">
      <c r="A8252" t="s">
        <v>22</v>
      </c>
      <c r="B8252" t="s">
        <v>52</v>
      </c>
      <c r="C8252" t="s">
        <v>117</v>
      </c>
      <c r="D8252" t="s">
        <v>118</v>
      </c>
      <c r="E8252">
        <v>2018</v>
      </c>
      <c r="F8252">
        <v>2018</v>
      </c>
      <c r="G8252" t="s">
        <v>125</v>
      </c>
      <c r="H8252" t="s">
        <v>119</v>
      </c>
      <c r="I8252" t="s">
        <v>15</v>
      </c>
      <c r="J8252" s="10">
        <v>18.31331681</v>
      </c>
    </row>
    <row r="8253" spans="1:10" x14ac:dyDescent="0.35">
      <c r="A8253" t="s">
        <v>22</v>
      </c>
      <c r="B8253" t="s">
        <v>52</v>
      </c>
      <c r="C8253" t="s">
        <v>117</v>
      </c>
      <c r="D8253" t="s">
        <v>118</v>
      </c>
      <c r="E8253">
        <v>2018</v>
      </c>
      <c r="F8253">
        <v>2018</v>
      </c>
      <c r="G8253" t="s">
        <v>125</v>
      </c>
      <c r="H8253" t="s">
        <v>120</v>
      </c>
      <c r="I8253" t="s">
        <v>15</v>
      </c>
      <c r="J8253" s="10">
        <v>8.6957568169999995</v>
      </c>
    </row>
    <row r="8254" spans="1:10" x14ac:dyDescent="0.35">
      <c r="A8254" t="s">
        <v>22</v>
      </c>
      <c r="B8254" t="s">
        <v>52</v>
      </c>
      <c r="C8254" t="s">
        <v>117</v>
      </c>
      <c r="D8254" t="s">
        <v>118</v>
      </c>
      <c r="E8254">
        <v>2018</v>
      </c>
      <c r="F8254">
        <v>2018</v>
      </c>
      <c r="G8254" t="s">
        <v>125</v>
      </c>
      <c r="H8254" t="s">
        <v>121</v>
      </c>
      <c r="I8254" t="s">
        <v>15</v>
      </c>
      <c r="J8254" s="10">
        <v>38.200678719999999</v>
      </c>
    </row>
    <row r="8255" spans="1:10" x14ac:dyDescent="0.35">
      <c r="A8255" t="s">
        <v>22</v>
      </c>
      <c r="B8255" t="s">
        <v>52</v>
      </c>
      <c r="C8255" t="s">
        <v>117</v>
      </c>
      <c r="D8255" t="s">
        <v>118</v>
      </c>
      <c r="E8255">
        <v>2018</v>
      </c>
      <c r="F8255">
        <v>2018</v>
      </c>
      <c r="G8255" t="s">
        <v>125</v>
      </c>
      <c r="H8255" t="s">
        <v>122</v>
      </c>
      <c r="I8255" t="s">
        <v>15</v>
      </c>
      <c r="J8255" s="10">
        <v>19.102746159999999</v>
      </c>
    </row>
    <row r="8256" spans="1:10" x14ac:dyDescent="0.35">
      <c r="A8256" t="s">
        <v>22</v>
      </c>
      <c r="B8256" t="s">
        <v>52</v>
      </c>
      <c r="C8256" t="s">
        <v>117</v>
      </c>
      <c r="D8256" t="s">
        <v>118</v>
      </c>
      <c r="E8256">
        <v>2018</v>
      </c>
      <c r="F8256">
        <v>2018</v>
      </c>
      <c r="G8256" t="s">
        <v>125</v>
      </c>
      <c r="H8256" t="s">
        <v>123</v>
      </c>
      <c r="I8256" t="s">
        <v>15</v>
      </c>
      <c r="J8256" s="10">
        <v>13.99070976</v>
      </c>
    </row>
    <row r="8257" spans="1:10" x14ac:dyDescent="0.35">
      <c r="A8257" t="s">
        <v>22</v>
      </c>
      <c r="B8257" t="s">
        <v>52</v>
      </c>
      <c r="C8257" t="s">
        <v>117</v>
      </c>
      <c r="D8257" t="s">
        <v>118</v>
      </c>
      <c r="E8257">
        <v>2018</v>
      </c>
      <c r="F8257">
        <v>2018</v>
      </c>
      <c r="G8257" t="s">
        <v>125</v>
      </c>
      <c r="H8257" t="s">
        <v>124</v>
      </c>
      <c r="I8257" t="s">
        <v>15</v>
      </c>
      <c r="J8257" s="10">
        <v>1.6967917400000001</v>
      </c>
    </row>
    <row r="8258" spans="1:10" x14ac:dyDescent="0.35">
      <c r="A8258" t="s">
        <v>22</v>
      </c>
      <c r="B8258" t="s">
        <v>52</v>
      </c>
      <c r="C8258" t="s">
        <v>117</v>
      </c>
      <c r="D8258" t="s">
        <v>118</v>
      </c>
      <c r="E8258">
        <v>2018</v>
      </c>
      <c r="F8258">
        <v>2018</v>
      </c>
      <c r="G8258" t="s">
        <v>126</v>
      </c>
      <c r="H8258" t="s">
        <v>119</v>
      </c>
      <c r="I8258" t="s">
        <v>15</v>
      </c>
      <c r="J8258" s="10">
        <v>16.25981887</v>
      </c>
    </row>
    <row r="8259" spans="1:10" x14ac:dyDescent="0.35">
      <c r="A8259" t="s">
        <v>22</v>
      </c>
      <c r="B8259" t="s">
        <v>52</v>
      </c>
      <c r="C8259" t="s">
        <v>117</v>
      </c>
      <c r="D8259" t="s">
        <v>118</v>
      </c>
      <c r="E8259">
        <v>2018</v>
      </c>
      <c r="F8259">
        <v>2018</v>
      </c>
      <c r="G8259" t="s">
        <v>126</v>
      </c>
      <c r="H8259" t="s">
        <v>120</v>
      </c>
      <c r="I8259" t="s">
        <v>15</v>
      </c>
      <c r="J8259" s="10">
        <v>8.1866530189999995</v>
      </c>
    </row>
    <row r="8260" spans="1:10" x14ac:dyDescent="0.35">
      <c r="A8260" t="s">
        <v>22</v>
      </c>
      <c r="B8260" t="s">
        <v>52</v>
      </c>
      <c r="C8260" t="s">
        <v>117</v>
      </c>
      <c r="D8260" t="s">
        <v>118</v>
      </c>
      <c r="E8260">
        <v>2018</v>
      </c>
      <c r="F8260">
        <v>2018</v>
      </c>
      <c r="G8260" t="s">
        <v>126</v>
      </c>
      <c r="H8260" t="s">
        <v>121</v>
      </c>
      <c r="I8260" t="s">
        <v>15</v>
      </c>
      <c r="J8260" s="10">
        <v>37.911391000000002</v>
      </c>
    </row>
    <row r="8261" spans="1:10" x14ac:dyDescent="0.35">
      <c r="A8261" t="s">
        <v>22</v>
      </c>
      <c r="B8261" t="s">
        <v>52</v>
      </c>
      <c r="C8261" t="s">
        <v>117</v>
      </c>
      <c r="D8261" t="s">
        <v>118</v>
      </c>
      <c r="E8261">
        <v>2018</v>
      </c>
      <c r="F8261">
        <v>2018</v>
      </c>
      <c r="G8261" t="s">
        <v>126</v>
      </c>
      <c r="H8261" t="s">
        <v>122</v>
      </c>
      <c r="I8261" t="s">
        <v>15</v>
      </c>
      <c r="J8261" s="10">
        <v>18.861122859999998</v>
      </c>
    </row>
    <row r="8262" spans="1:10" x14ac:dyDescent="0.35">
      <c r="A8262" t="s">
        <v>22</v>
      </c>
      <c r="B8262" t="s">
        <v>52</v>
      </c>
      <c r="C8262" t="s">
        <v>117</v>
      </c>
      <c r="D8262" t="s">
        <v>118</v>
      </c>
      <c r="E8262">
        <v>2018</v>
      </c>
      <c r="F8262">
        <v>2018</v>
      </c>
      <c r="G8262" t="s">
        <v>126</v>
      </c>
      <c r="H8262" t="s">
        <v>123</v>
      </c>
      <c r="I8262" t="s">
        <v>15</v>
      </c>
      <c r="J8262" s="10">
        <v>15.645652999999999</v>
      </c>
    </row>
    <row r="8263" spans="1:10" x14ac:dyDescent="0.35">
      <c r="A8263" t="s">
        <v>22</v>
      </c>
      <c r="B8263" t="s">
        <v>52</v>
      </c>
      <c r="C8263" t="s">
        <v>117</v>
      </c>
      <c r="D8263" t="s">
        <v>118</v>
      </c>
      <c r="E8263">
        <v>2018</v>
      </c>
      <c r="F8263">
        <v>2018</v>
      </c>
      <c r="G8263" t="s">
        <v>126</v>
      </c>
      <c r="H8263" t="s">
        <v>124</v>
      </c>
      <c r="I8263" t="s">
        <v>15</v>
      </c>
      <c r="J8263" s="10">
        <v>3.135361267</v>
      </c>
    </row>
    <row r="8264" spans="1:10" x14ac:dyDescent="0.35">
      <c r="A8264" t="s">
        <v>22</v>
      </c>
      <c r="B8264" t="s">
        <v>52</v>
      </c>
      <c r="C8264" t="s">
        <v>117</v>
      </c>
      <c r="D8264" t="s">
        <v>118</v>
      </c>
      <c r="E8264">
        <v>2017</v>
      </c>
      <c r="F8264">
        <v>2017</v>
      </c>
      <c r="G8264" t="s">
        <v>14</v>
      </c>
      <c r="H8264" t="s">
        <v>119</v>
      </c>
      <c r="I8264" t="s">
        <v>15</v>
      </c>
      <c r="J8264" s="10">
        <v>17.458742789999999</v>
      </c>
    </row>
    <row r="8265" spans="1:10" x14ac:dyDescent="0.35">
      <c r="A8265" t="s">
        <v>22</v>
      </c>
      <c r="B8265" t="s">
        <v>52</v>
      </c>
      <c r="C8265" t="s">
        <v>117</v>
      </c>
      <c r="D8265" t="s">
        <v>118</v>
      </c>
      <c r="E8265">
        <v>2017</v>
      </c>
      <c r="F8265">
        <v>2017</v>
      </c>
      <c r="G8265" t="s">
        <v>14</v>
      </c>
      <c r="H8265" t="s">
        <v>120</v>
      </c>
      <c r="I8265" t="s">
        <v>15</v>
      </c>
      <c r="J8265" s="10">
        <v>8.8513340019999998</v>
      </c>
    </row>
    <row r="8266" spans="1:10" x14ac:dyDescent="0.35">
      <c r="A8266" t="s">
        <v>22</v>
      </c>
      <c r="B8266" t="s">
        <v>52</v>
      </c>
      <c r="C8266" t="s">
        <v>117</v>
      </c>
      <c r="D8266" t="s">
        <v>118</v>
      </c>
      <c r="E8266">
        <v>2017</v>
      </c>
      <c r="F8266">
        <v>2017</v>
      </c>
      <c r="G8266" t="s">
        <v>14</v>
      </c>
      <c r="H8266" t="s">
        <v>121</v>
      </c>
      <c r="I8266" t="s">
        <v>15</v>
      </c>
      <c r="J8266" s="10">
        <v>37.502625989999999</v>
      </c>
    </row>
    <row r="8267" spans="1:10" x14ac:dyDescent="0.35">
      <c r="A8267" t="s">
        <v>22</v>
      </c>
      <c r="B8267" t="s">
        <v>52</v>
      </c>
      <c r="C8267" t="s">
        <v>117</v>
      </c>
      <c r="D8267" t="s">
        <v>118</v>
      </c>
      <c r="E8267">
        <v>2017</v>
      </c>
      <c r="F8267">
        <v>2017</v>
      </c>
      <c r="G8267" t="s">
        <v>14</v>
      </c>
      <c r="H8267" t="s">
        <v>122</v>
      </c>
      <c r="I8267" t="s">
        <v>15</v>
      </c>
      <c r="J8267" s="10">
        <v>19.051842860000001</v>
      </c>
    </row>
    <row r="8268" spans="1:10" x14ac:dyDescent="0.35">
      <c r="A8268" t="s">
        <v>22</v>
      </c>
      <c r="B8268" t="s">
        <v>52</v>
      </c>
      <c r="C8268" t="s">
        <v>117</v>
      </c>
      <c r="D8268" t="s">
        <v>118</v>
      </c>
      <c r="E8268">
        <v>2017</v>
      </c>
      <c r="F8268">
        <v>2017</v>
      </c>
      <c r="G8268" t="s">
        <v>14</v>
      </c>
      <c r="H8268" t="s">
        <v>123</v>
      </c>
      <c r="I8268" t="s">
        <v>15</v>
      </c>
      <c r="J8268" s="10">
        <v>14.76039308</v>
      </c>
    </row>
    <row r="8269" spans="1:10" x14ac:dyDescent="0.35">
      <c r="A8269" t="s">
        <v>22</v>
      </c>
      <c r="B8269" t="s">
        <v>52</v>
      </c>
      <c r="C8269" t="s">
        <v>117</v>
      </c>
      <c r="D8269" t="s">
        <v>118</v>
      </c>
      <c r="E8269">
        <v>2017</v>
      </c>
      <c r="F8269">
        <v>2017</v>
      </c>
      <c r="G8269" t="s">
        <v>14</v>
      </c>
      <c r="H8269" t="s">
        <v>124</v>
      </c>
      <c r="I8269" t="s">
        <v>15</v>
      </c>
      <c r="J8269" s="10">
        <v>2.375061273</v>
      </c>
    </row>
    <row r="8270" spans="1:10" x14ac:dyDescent="0.35">
      <c r="A8270" t="s">
        <v>22</v>
      </c>
      <c r="B8270" t="s">
        <v>52</v>
      </c>
      <c r="C8270" t="s">
        <v>117</v>
      </c>
      <c r="D8270" t="s">
        <v>118</v>
      </c>
      <c r="E8270">
        <v>2017</v>
      </c>
      <c r="F8270">
        <v>2017</v>
      </c>
      <c r="G8270" t="s">
        <v>125</v>
      </c>
      <c r="H8270" t="s">
        <v>119</v>
      </c>
      <c r="I8270" t="s">
        <v>15</v>
      </c>
      <c r="J8270" s="10">
        <v>18.504618229999998</v>
      </c>
    </row>
    <row r="8271" spans="1:10" x14ac:dyDescent="0.35">
      <c r="A8271" t="s">
        <v>22</v>
      </c>
      <c r="B8271" t="s">
        <v>52</v>
      </c>
      <c r="C8271" t="s">
        <v>117</v>
      </c>
      <c r="D8271" t="s">
        <v>118</v>
      </c>
      <c r="E8271">
        <v>2017</v>
      </c>
      <c r="F8271">
        <v>2017</v>
      </c>
      <c r="G8271" t="s">
        <v>125</v>
      </c>
      <c r="H8271" t="s">
        <v>120</v>
      </c>
      <c r="I8271" t="s">
        <v>15</v>
      </c>
      <c r="J8271" s="10">
        <v>9.019569615</v>
      </c>
    </row>
    <row r="8272" spans="1:10" x14ac:dyDescent="0.35">
      <c r="A8272" t="s">
        <v>22</v>
      </c>
      <c r="B8272" t="s">
        <v>52</v>
      </c>
      <c r="C8272" t="s">
        <v>117</v>
      </c>
      <c r="D8272" t="s">
        <v>118</v>
      </c>
      <c r="E8272">
        <v>2017</v>
      </c>
      <c r="F8272">
        <v>2017</v>
      </c>
      <c r="G8272" t="s">
        <v>125</v>
      </c>
      <c r="H8272" t="s">
        <v>121</v>
      </c>
      <c r="I8272" t="s">
        <v>15</v>
      </c>
      <c r="J8272" s="10">
        <v>37.623376309999998</v>
      </c>
    </row>
    <row r="8273" spans="1:10" x14ac:dyDescent="0.35">
      <c r="A8273" t="s">
        <v>22</v>
      </c>
      <c r="B8273" t="s">
        <v>52</v>
      </c>
      <c r="C8273" t="s">
        <v>117</v>
      </c>
      <c r="D8273" t="s">
        <v>118</v>
      </c>
      <c r="E8273">
        <v>2017</v>
      </c>
      <c r="F8273">
        <v>2017</v>
      </c>
      <c r="G8273" t="s">
        <v>125</v>
      </c>
      <c r="H8273" t="s">
        <v>122</v>
      </c>
      <c r="I8273" t="s">
        <v>15</v>
      </c>
      <c r="J8273" s="10">
        <v>19.252796530000001</v>
      </c>
    </row>
    <row r="8274" spans="1:10" x14ac:dyDescent="0.35">
      <c r="A8274" t="s">
        <v>22</v>
      </c>
      <c r="B8274" t="s">
        <v>52</v>
      </c>
      <c r="C8274" t="s">
        <v>117</v>
      </c>
      <c r="D8274" t="s">
        <v>118</v>
      </c>
      <c r="E8274">
        <v>2017</v>
      </c>
      <c r="F8274">
        <v>2017</v>
      </c>
      <c r="G8274" t="s">
        <v>125</v>
      </c>
      <c r="H8274" t="s">
        <v>123</v>
      </c>
      <c r="I8274" t="s">
        <v>15</v>
      </c>
      <c r="J8274" s="10">
        <v>13.91562888</v>
      </c>
    </row>
    <row r="8275" spans="1:10" x14ac:dyDescent="0.35">
      <c r="A8275" t="s">
        <v>22</v>
      </c>
      <c r="B8275" t="s">
        <v>52</v>
      </c>
      <c r="C8275" t="s">
        <v>117</v>
      </c>
      <c r="D8275" t="s">
        <v>118</v>
      </c>
      <c r="E8275">
        <v>2017</v>
      </c>
      <c r="F8275">
        <v>2017</v>
      </c>
      <c r="G8275" t="s">
        <v>125</v>
      </c>
      <c r="H8275" t="s">
        <v>124</v>
      </c>
      <c r="I8275" t="s">
        <v>15</v>
      </c>
      <c r="J8275" s="10">
        <v>1.6840104309999999</v>
      </c>
    </row>
    <row r="8276" spans="1:10" x14ac:dyDescent="0.35">
      <c r="A8276" t="s">
        <v>22</v>
      </c>
      <c r="B8276" t="s">
        <v>52</v>
      </c>
      <c r="C8276" t="s">
        <v>117</v>
      </c>
      <c r="D8276" t="s">
        <v>118</v>
      </c>
      <c r="E8276">
        <v>2017</v>
      </c>
      <c r="F8276">
        <v>2017</v>
      </c>
      <c r="G8276" t="s">
        <v>126</v>
      </c>
      <c r="H8276" t="s">
        <v>119</v>
      </c>
      <c r="I8276" t="s">
        <v>15</v>
      </c>
      <c r="J8276" s="10">
        <v>16.497569930000001</v>
      </c>
    </row>
    <row r="8277" spans="1:10" x14ac:dyDescent="0.35">
      <c r="A8277" t="s">
        <v>22</v>
      </c>
      <c r="B8277" t="s">
        <v>52</v>
      </c>
      <c r="C8277" t="s">
        <v>117</v>
      </c>
      <c r="D8277" t="s">
        <v>118</v>
      </c>
      <c r="E8277">
        <v>2017</v>
      </c>
      <c r="F8277">
        <v>2017</v>
      </c>
      <c r="G8277" t="s">
        <v>126</v>
      </c>
      <c r="H8277" t="s">
        <v>120</v>
      </c>
      <c r="I8277" t="s">
        <v>15</v>
      </c>
      <c r="J8277" s="10">
        <v>8.6967233309999994</v>
      </c>
    </row>
    <row r="8278" spans="1:10" x14ac:dyDescent="0.35">
      <c r="A8278" t="s">
        <v>22</v>
      </c>
      <c r="B8278" t="s">
        <v>52</v>
      </c>
      <c r="C8278" t="s">
        <v>117</v>
      </c>
      <c r="D8278" t="s">
        <v>118</v>
      </c>
      <c r="E8278">
        <v>2017</v>
      </c>
      <c r="F8278">
        <v>2017</v>
      </c>
      <c r="G8278" t="s">
        <v>126</v>
      </c>
      <c r="H8278" t="s">
        <v>121</v>
      </c>
      <c r="I8278" t="s">
        <v>15</v>
      </c>
      <c r="J8278" s="10">
        <v>37.39165491</v>
      </c>
    </row>
    <row r="8279" spans="1:10" x14ac:dyDescent="0.35">
      <c r="A8279" t="s">
        <v>22</v>
      </c>
      <c r="B8279" t="s">
        <v>52</v>
      </c>
      <c r="C8279" t="s">
        <v>117</v>
      </c>
      <c r="D8279" t="s">
        <v>118</v>
      </c>
      <c r="E8279">
        <v>2017</v>
      </c>
      <c r="F8279">
        <v>2017</v>
      </c>
      <c r="G8279" t="s">
        <v>126</v>
      </c>
      <c r="H8279" t="s">
        <v>122</v>
      </c>
      <c r="I8279" t="s">
        <v>15</v>
      </c>
      <c r="J8279" s="10">
        <v>18.86716388</v>
      </c>
    </row>
    <row r="8280" spans="1:10" x14ac:dyDescent="0.35">
      <c r="A8280" t="s">
        <v>22</v>
      </c>
      <c r="B8280" t="s">
        <v>52</v>
      </c>
      <c r="C8280" t="s">
        <v>117</v>
      </c>
      <c r="D8280" t="s">
        <v>118</v>
      </c>
      <c r="E8280">
        <v>2017</v>
      </c>
      <c r="F8280">
        <v>2017</v>
      </c>
      <c r="G8280" t="s">
        <v>126</v>
      </c>
      <c r="H8280" t="s">
        <v>123</v>
      </c>
      <c r="I8280" t="s">
        <v>15</v>
      </c>
      <c r="J8280" s="10">
        <v>15.536742139999999</v>
      </c>
    </row>
    <row r="8281" spans="1:10" x14ac:dyDescent="0.35">
      <c r="A8281" t="s">
        <v>22</v>
      </c>
      <c r="B8281" t="s">
        <v>52</v>
      </c>
      <c r="C8281" t="s">
        <v>117</v>
      </c>
      <c r="D8281" t="s">
        <v>118</v>
      </c>
      <c r="E8281">
        <v>2017</v>
      </c>
      <c r="F8281">
        <v>2017</v>
      </c>
      <c r="G8281" t="s">
        <v>126</v>
      </c>
      <c r="H8281" t="s">
        <v>124</v>
      </c>
      <c r="I8281" t="s">
        <v>15</v>
      </c>
      <c r="J8281" s="10">
        <v>3.010145804</v>
      </c>
    </row>
    <row r="8282" spans="1:10" x14ac:dyDescent="0.35">
      <c r="A8282" t="s">
        <v>22</v>
      </c>
      <c r="B8282" t="s">
        <v>52</v>
      </c>
      <c r="C8282" t="s">
        <v>117</v>
      </c>
      <c r="D8282" t="s">
        <v>118</v>
      </c>
      <c r="E8282">
        <v>2016</v>
      </c>
      <c r="F8282">
        <v>2016</v>
      </c>
      <c r="G8282" t="s">
        <v>14</v>
      </c>
      <c r="H8282" t="s">
        <v>119</v>
      </c>
      <c r="I8282" t="s">
        <v>15</v>
      </c>
      <c r="J8282" s="10">
        <v>17.386679269999998</v>
      </c>
    </row>
    <row r="8283" spans="1:10" x14ac:dyDescent="0.35">
      <c r="A8283" t="s">
        <v>22</v>
      </c>
      <c r="B8283" t="s">
        <v>52</v>
      </c>
      <c r="C8283" t="s">
        <v>117</v>
      </c>
      <c r="D8283" t="s">
        <v>118</v>
      </c>
      <c r="E8283">
        <v>2016</v>
      </c>
      <c r="F8283">
        <v>2016</v>
      </c>
      <c r="G8283" t="s">
        <v>14</v>
      </c>
      <c r="H8283" t="s">
        <v>120</v>
      </c>
      <c r="I8283" t="s">
        <v>15</v>
      </c>
      <c r="J8283" s="10">
        <v>9.331599787</v>
      </c>
    </row>
    <row r="8284" spans="1:10" x14ac:dyDescent="0.35">
      <c r="A8284" t="s">
        <v>22</v>
      </c>
      <c r="B8284" t="s">
        <v>52</v>
      </c>
      <c r="C8284" t="s">
        <v>117</v>
      </c>
      <c r="D8284" t="s">
        <v>118</v>
      </c>
      <c r="E8284">
        <v>2016</v>
      </c>
      <c r="F8284">
        <v>2016</v>
      </c>
      <c r="G8284" t="s">
        <v>14</v>
      </c>
      <c r="H8284" t="s">
        <v>121</v>
      </c>
      <c r="I8284" t="s">
        <v>15</v>
      </c>
      <c r="J8284" s="10">
        <v>36.988357659999998</v>
      </c>
    </row>
    <row r="8285" spans="1:10" x14ac:dyDescent="0.35">
      <c r="A8285" t="s">
        <v>22</v>
      </c>
      <c r="B8285" t="s">
        <v>52</v>
      </c>
      <c r="C8285" t="s">
        <v>117</v>
      </c>
      <c r="D8285" t="s">
        <v>118</v>
      </c>
      <c r="E8285">
        <v>2016</v>
      </c>
      <c r="F8285">
        <v>2016</v>
      </c>
      <c r="G8285" t="s">
        <v>14</v>
      </c>
      <c r="H8285" t="s">
        <v>122</v>
      </c>
      <c r="I8285" t="s">
        <v>15</v>
      </c>
      <c r="J8285" s="10">
        <v>19.08279653</v>
      </c>
    </row>
    <row r="8286" spans="1:10" x14ac:dyDescent="0.35">
      <c r="A8286" t="s">
        <v>22</v>
      </c>
      <c r="B8286" t="s">
        <v>52</v>
      </c>
      <c r="C8286" t="s">
        <v>117</v>
      </c>
      <c r="D8286" t="s">
        <v>118</v>
      </c>
      <c r="E8286">
        <v>2016</v>
      </c>
      <c r="F8286">
        <v>2016</v>
      </c>
      <c r="G8286" t="s">
        <v>14</v>
      </c>
      <c r="H8286" t="s">
        <v>123</v>
      </c>
      <c r="I8286" t="s">
        <v>15</v>
      </c>
      <c r="J8286" s="10">
        <v>14.87500739</v>
      </c>
    </row>
    <row r="8287" spans="1:10" x14ac:dyDescent="0.35">
      <c r="A8287" t="s">
        <v>22</v>
      </c>
      <c r="B8287" t="s">
        <v>52</v>
      </c>
      <c r="C8287" t="s">
        <v>117</v>
      </c>
      <c r="D8287" t="s">
        <v>118</v>
      </c>
      <c r="E8287">
        <v>2016</v>
      </c>
      <c r="F8287">
        <v>2016</v>
      </c>
      <c r="G8287" t="s">
        <v>14</v>
      </c>
      <c r="H8287" t="s">
        <v>124</v>
      </c>
      <c r="I8287" t="s">
        <v>15</v>
      </c>
      <c r="J8287" s="10">
        <v>2.3355593639999999</v>
      </c>
    </row>
    <row r="8288" spans="1:10" x14ac:dyDescent="0.35">
      <c r="A8288" t="s">
        <v>22</v>
      </c>
      <c r="B8288" t="s">
        <v>52</v>
      </c>
      <c r="C8288" t="s">
        <v>117</v>
      </c>
      <c r="D8288" t="s">
        <v>118</v>
      </c>
      <c r="E8288">
        <v>2016</v>
      </c>
      <c r="F8288">
        <v>2016</v>
      </c>
      <c r="G8288" t="s">
        <v>125</v>
      </c>
      <c r="H8288" t="s">
        <v>119</v>
      </c>
      <c r="I8288" t="s">
        <v>15</v>
      </c>
      <c r="J8288" s="10">
        <v>18.34244846</v>
      </c>
    </row>
    <row r="8289" spans="1:10" x14ac:dyDescent="0.35">
      <c r="A8289" t="s">
        <v>22</v>
      </c>
      <c r="B8289" t="s">
        <v>52</v>
      </c>
      <c r="C8289" t="s">
        <v>117</v>
      </c>
      <c r="D8289" t="s">
        <v>118</v>
      </c>
      <c r="E8289">
        <v>2016</v>
      </c>
      <c r="F8289">
        <v>2016</v>
      </c>
      <c r="G8289" t="s">
        <v>125</v>
      </c>
      <c r="H8289" t="s">
        <v>120</v>
      </c>
      <c r="I8289" t="s">
        <v>15</v>
      </c>
      <c r="J8289" s="10">
        <v>9.4731371719999995</v>
      </c>
    </row>
    <row r="8290" spans="1:10" x14ac:dyDescent="0.35">
      <c r="A8290" t="s">
        <v>22</v>
      </c>
      <c r="B8290" t="s">
        <v>52</v>
      </c>
      <c r="C8290" t="s">
        <v>117</v>
      </c>
      <c r="D8290" t="s">
        <v>118</v>
      </c>
      <c r="E8290">
        <v>2016</v>
      </c>
      <c r="F8290">
        <v>2016</v>
      </c>
      <c r="G8290" t="s">
        <v>125</v>
      </c>
      <c r="H8290" t="s">
        <v>121</v>
      </c>
      <c r="I8290" t="s">
        <v>15</v>
      </c>
      <c r="J8290" s="10">
        <v>37.256551760000001</v>
      </c>
    </row>
    <row r="8291" spans="1:10" x14ac:dyDescent="0.35">
      <c r="A8291" t="s">
        <v>22</v>
      </c>
      <c r="B8291" t="s">
        <v>52</v>
      </c>
      <c r="C8291" t="s">
        <v>117</v>
      </c>
      <c r="D8291" t="s">
        <v>118</v>
      </c>
      <c r="E8291">
        <v>2016</v>
      </c>
      <c r="F8291">
        <v>2016</v>
      </c>
      <c r="G8291" t="s">
        <v>125</v>
      </c>
      <c r="H8291" t="s">
        <v>122</v>
      </c>
      <c r="I8291" t="s">
        <v>15</v>
      </c>
      <c r="J8291" s="10">
        <v>19.364498009999998</v>
      </c>
    </row>
    <row r="8292" spans="1:10" x14ac:dyDescent="0.35">
      <c r="A8292" t="s">
        <v>22</v>
      </c>
      <c r="B8292" t="s">
        <v>52</v>
      </c>
      <c r="C8292" t="s">
        <v>117</v>
      </c>
      <c r="D8292" t="s">
        <v>118</v>
      </c>
      <c r="E8292">
        <v>2016</v>
      </c>
      <c r="F8292">
        <v>2016</v>
      </c>
      <c r="G8292" t="s">
        <v>125</v>
      </c>
      <c r="H8292" t="s">
        <v>123</v>
      </c>
      <c r="I8292" t="s">
        <v>15</v>
      </c>
      <c r="J8292" s="10">
        <v>13.979559009999999</v>
      </c>
    </row>
    <row r="8293" spans="1:10" x14ac:dyDescent="0.35">
      <c r="A8293" t="s">
        <v>22</v>
      </c>
      <c r="B8293" t="s">
        <v>52</v>
      </c>
      <c r="C8293" t="s">
        <v>117</v>
      </c>
      <c r="D8293" t="s">
        <v>118</v>
      </c>
      <c r="E8293">
        <v>2016</v>
      </c>
      <c r="F8293">
        <v>2016</v>
      </c>
      <c r="G8293" t="s">
        <v>125</v>
      </c>
      <c r="H8293" t="s">
        <v>124</v>
      </c>
      <c r="I8293" t="s">
        <v>15</v>
      </c>
      <c r="J8293" s="10">
        <v>1.5838055879999999</v>
      </c>
    </row>
    <row r="8294" spans="1:10" x14ac:dyDescent="0.35">
      <c r="A8294" t="s">
        <v>22</v>
      </c>
      <c r="B8294" t="s">
        <v>52</v>
      </c>
      <c r="C8294" t="s">
        <v>117</v>
      </c>
      <c r="D8294" t="s">
        <v>118</v>
      </c>
      <c r="E8294">
        <v>2016</v>
      </c>
      <c r="F8294">
        <v>2016</v>
      </c>
      <c r="G8294" t="s">
        <v>126</v>
      </c>
      <c r="H8294" t="s">
        <v>119</v>
      </c>
      <c r="I8294" t="s">
        <v>15</v>
      </c>
      <c r="J8294" s="10">
        <v>16.51280659</v>
      </c>
    </row>
    <row r="8295" spans="1:10" x14ac:dyDescent="0.35">
      <c r="A8295" t="s">
        <v>22</v>
      </c>
      <c r="B8295" t="s">
        <v>52</v>
      </c>
      <c r="C8295" t="s">
        <v>117</v>
      </c>
      <c r="D8295" t="s">
        <v>118</v>
      </c>
      <c r="E8295">
        <v>2016</v>
      </c>
      <c r="F8295">
        <v>2016</v>
      </c>
      <c r="G8295" t="s">
        <v>126</v>
      </c>
      <c r="H8295" t="s">
        <v>120</v>
      </c>
      <c r="I8295" t="s">
        <v>15</v>
      </c>
      <c r="J8295" s="10">
        <v>9.2021902430000004</v>
      </c>
    </row>
    <row r="8296" spans="1:10" x14ac:dyDescent="0.35">
      <c r="A8296" t="s">
        <v>22</v>
      </c>
      <c r="B8296" t="s">
        <v>52</v>
      </c>
      <c r="C8296" t="s">
        <v>117</v>
      </c>
      <c r="D8296" t="s">
        <v>118</v>
      </c>
      <c r="E8296">
        <v>2016</v>
      </c>
      <c r="F8296">
        <v>2016</v>
      </c>
      <c r="G8296" t="s">
        <v>126</v>
      </c>
      <c r="H8296" t="s">
        <v>121</v>
      </c>
      <c r="I8296" t="s">
        <v>15</v>
      </c>
      <c r="J8296" s="10">
        <v>36.743144180000002</v>
      </c>
    </row>
    <row r="8297" spans="1:10" x14ac:dyDescent="0.35">
      <c r="A8297" t="s">
        <v>22</v>
      </c>
      <c r="B8297" t="s">
        <v>52</v>
      </c>
      <c r="C8297" t="s">
        <v>117</v>
      </c>
      <c r="D8297" t="s">
        <v>118</v>
      </c>
      <c r="E8297">
        <v>2016</v>
      </c>
      <c r="F8297">
        <v>2016</v>
      </c>
      <c r="G8297" t="s">
        <v>126</v>
      </c>
      <c r="H8297" t="s">
        <v>122</v>
      </c>
      <c r="I8297" t="s">
        <v>15</v>
      </c>
      <c r="J8297" s="10">
        <v>18.825233050000001</v>
      </c>
    </row>
    <row r="8298" spans="1:10" x14ac:dyDescent="0.35">
      <c r="A8298" t="s">
        <v>22</v>
      </c>
      <c r="B8298" t="s">
        <v>52</v>
      </c>
      <c r="C8298" t="s">
        <v>117</v>
      </c>
      <c r="D8298" t="s">
        <v>118</v>
      </c>
      <c r="E8298">
        <v>2016</v>
      </c>
      <c r="F8298">
        <v>2016</v>
      </c>
      <c r="G8298" t="s">
        <v>126</v>
      </c>
      <c r="H8298" t="s">
        <v>123</v>
      </c>
      <c r="I8298" t="s">
        <v>15</v>
      </c>
      <c r="J8298" s="10">
        <v>15.69372794</v>
      </c>
    </row>
    <row r="8299" spans="1:10" x14ac:dyDescent="0.35">
      <c r="A8299" t="s">
        <v>22</v>
      </c>
      <c r="B8299" t="s">
        <v>52</v>
      </c>
      <c r="C8299" t="s">
        <v>117</v>
      </c>
      <c r="D8299" t="s">
        <v>118</v>
      </c>
      <c r="E8299">
        <v>2016</v>
      </c>
      <c r="F8299">
        <v>2016</v>
      </c>
      <c r="G8299" t="s">
        <v>126</v>
      </c>
      <c r="H8299" t="s">
        <v>124</v>
      </c>
      <c r="I8299" t="s">
        <v>15</v>
      </c>
      <c r="J8299" s="10">
        <v>3.0228980000000001</v>
      </c>
    </row>
    <row r="8300" spans="1:10" x14ac:dyDescent="0.35">
      <c r="A8300" t="s">
        <v>22</v>
      </c>
      <c r="B8300" t="s">
        <v>52</v>
      </c>
      <c r="C8300" t="s">
        <v>117</v>
      </c>
      <c r="D8300" t="s">
        <v>118</v>
      </c>
      <c r="E8300">
        <v>2015</v>
      </c>
      <c r="F8300">
        <v>2015</v>
      </c>
      <c r="G8300" t="s">
        <v>14</v>
      </c>
      <c r="H8300" t="s">
        <v>119</v>
      </c>
      <c r="I8300" t="s">
        <v>15</v>
      </c>
      <c r="J8300" s="10">
        <v>17.394739680000001</v>
      </c>
    </row>
    <row r="8301" spans="1:10" x14ac:dyDescent="0.35">
      <c r="A8301" t="s">
        <v>22</v>
      </c>
      <c r="B8301" t="s">
        <v>52</v>
      </c>
      <c r="C8301" t="s">
        <v>117</v>
      </c>
      <c r="D8301" t="s">
        <v>118</v>
      </c>
      <c r="E8301">
        <v>2015</v>
      </c>
      <c r="F8301">
        <v>2015</v>
      </c>
      <c r="G8301" t="s">
        <v>14</v>
      </c>
      <c r="H8301" t="s">
        <v>120</v>
      </c>
      <c r="I8301" t="s">
        <v>15</v>
      </c>
      <c r="J8301" s="10">
        <v>9.8143204320000006</v>
      </c>
    </row>
    <row r="8302" spans="1:10" x14ac:dyDescent="0.35">
      <c r="A8302" t="s">
        <v>22</v>
      </c>
      <c r="B8302" t="s">
        <v>52</v>
      </c>
      <c r="C8302" t="s">
        <v>117</v>
      </c>
      <c r="D8302" t="s">
        <v>118</v>
      </c>
      <c r="E8302">
        <v>2015</v>
      </c>
      <c r="F8302">
        <v>2015</v>
      </c>
      <c r="G8302" t="s">
        <v>14</v>
      </c>
      <c r="H8302" t="s">
        <v>121</v>
      </c>
      <c r="I8302" t="s">
        <v>15</v>
      </c>
      <c r="J8302" s="10">
        <v>36.568459609999998</v>
      </c>
    </row>
    <row r="8303" spans="1:10" x14ac:dyDescent="0.35">
      <c r="A8303" t="s">
        <v>22</v>
      </c>
      <c r="B8303" t="s">
        <v>52</v>
      </c>
      <c r="C8303" t="s">
        <v>117</v>
      </c>
      <c r="D8303" t="s">
        <v>118</v>
      </c>
      <c r="E8303">
        <v>2015</v>
      </c>
      <c r="F8303">
        <v>2015</v>
      </c>
      <c r="G8303" t="s">
        <v>14</v>
      </c>
      <c r="H8303" t="s">
        <v>122</v>
      </c>
      <c r="I8303" t="s">
        <v>15</v>
      </c>
      <c r="J8303" s="10">
        <v>19.044426619999999</v>
      </c>
    </row>
    <row r="8304" spans="1:10" x14ac:dyDescent="0.35">
      <c r="A8304" t="s">
        <v>22</v>
      </c>
      <c r="B8304" t="s">
        <v>52</v>
      </c>
      <c r="C8304" t="s">
        <v>117</v>
      </c>
      <c r="D8304" t="s">
        <v>118</v>
      </c>
      <c r="E8304">
        <v>2015</v>
      </c>
      <c r="F8304">
        <v>2015</v>
      </c>
      <c r="G8304" t="s">
        <v>14</v>
      </c>
      <c r="H8304" t="s">
        <v>123</v>
      </c>
      <c r="I8304" t="s">
        <v>15</v>
      </c>
      <c r="J8304" s="10">
        <v>14.88190013</v>
      </c>
    </row>
    <row r="8305" spans="1:10" x14ac:dyDescent="0.35">
      <c r="A8305" t="s">
        <v>22</v>
      </c>
      <c r="B8305" t="s">
        <v>52</v>
      </c>
      <c r="C8305" t="s">
        <v>117</v>
      </c>
      <c r="D8305" t="s">
        <v>118</v>
      </c>
      <c r="E8305">
        <v>2015</v>
      </c>
      <c r="F8305">
        <v>2015</v>
      </c>
      <c r="G8305" t="s">
        <v>14</v>
      </c>
      <c r="H8305" t="s">
        <v>124</v>
      </c>
      <c r="I8305" t="s">
        <v>15</v>
      </c>
      <c r="J8305" s="10">
        <v>2.2961535240000002</v>
      </c>
    </row>
    <row r="8306" spans="1:10" x14ac:dyDescent="0.35">
      <c r="A8306" t="s">
        <v>22</v>
      </c>
      <c r="B8306" t="s">
        <v>52</v>
      </c>
      <c r="C8306" t="s">
        <v>117</v>
      </c>
      <c r="D8306" t="s">
        <v>118</v>
      </c>
      <c r="E8306">
        <v>2015</v>
      </c>
      <c r="F8306">
        <v>2015</v>
      </c>
      <c r="G8306" t="s">
        <v>125</v>
      </c>
      <c r="H8306" t="s">
        <v>119</v>
      </c>
      <c r="I8306" t="s">
        <v>15</v>
      </c>
      <c r="J8306" s="10">
        <v>18.406290689999999</v>
      </c>
    </row>
    <row r="8307" spans="1:10" x14ac:dyDescent="0.35">
      <c r="A8307" t="s">
        <v>22</v>
      </c>
      <c r="B8307" t="s">
        <v>52</v>
      </c>
      <c r="C8307" t="s">
        <v>117</v>
      </c>
      <c r="D8307" t="s">
        <v>118</v>
      </c>
      <c r="E8307">
        <v>2015</v>
      </c>
      <c r="F8307">
        <v>2015</v>
      </c>
      <c r="G8307" t="s">
        <v>125</v>
      </c>
      <c r="H8307" t="s">
        <v>120</v>
      </c>
      <c r="I8307" t="s">
        <v>15</v>
      </c>
      <c r="J8307" s="10">
        <v>9.9318842029999992</v>
      </c>
    </row>
    <row r="8308" spans="1:10" x14ac:dyDescent="0.35">
      <c r="A8308" t="s">
        <v>22</v>
      </c>
      <c r="B8308" t="s">
        <v>52</v>
      </c>
      <c r="C8308" t="s">
        <v>117</v>
      </c>
      <c r="D8308" t="s">
        <v>118</v>
      </c>
      <c r="E8308">
        <v>2015</v>
      </c>
      <c r="F8308">
        <v>2015</v>
      </c>
      <c r="G8308" t="s">
        <v>125</v>
      </c>
      <c r="H8308" t="s">
        <v>121</v>
      </c>
      <c r="I8308" t="s">
        <v>15</v>
      </c>
      <c r="J8308" s="10">
        <v>36.937794250000003</v>
      </c>
    </row>
    <row r="8309" spans="1:10" x14ac:dyDescent="0.35">
      <c r="A8309" t="s">
        <v>22</v>
      </c>
      <c r="B8309" t="s">
        <v>52</v>
      </c>
      <c r="C8309" t="s">
        <v>117</v>
      </c>
      <c r="D8309" t="s">
        <v>118</v>
      </c>
      <c r="E8309">
        <v>2015</v>
      </c>
      <c r="F8309">
        <v>2015</v>
      </c>
      <c r="G8309" t="s">
        <v>125</v>
      </c>
      <c r="H8309" t="s">
        <v>122</v>
      </c>
      <c r="I8309" t="s">
        <v>15</v>
      </c>
      <c r="J8309" s="10">
        <v>19.312831809999999</v>
      </c>
    </row>
    <row r="8310" spans="1:10" x14ac:dyDescent="0.35">
      <c r="A8310" t="s">
        <v>22</v>
      </c>
      <c r="B8310" t="s">
        <v>52</v>
      </c>
      <c r="C8310" t="s">
        <v>117</v>
      </c>
      <c r="D8310" t="s">
        <v>118</v>
      </c>
      <c r="E8310">
        <v>2015</v>
      </c>
      <c r="F8310">
        <v>2015</v>
      </c>
      <c r="G8310" t="s">
        <v>125</v>
      </c>
      <c r="H8310" t="s">
        <v>123</v>
      </c>
      <c r="I8310" t="s">
        <v>15</v>
      </c>
      <c r="J8310" s="10">
        <v>13.841029750000001</v>
      </c>
    </row>
    <row r="8311" spans="1:10" x14ac:dyDescent="0.35">
      <c r="A8311" t="s">
        <v>22</v>
      </c>
      <c r="B8311" t="s">
        <v>52</v>
      </c>
      <c r="C8311" t="s">
        <v>117</v>
      </c>
      <c r="D8311" t="s">
        <v>118</v>
      </c>
      <c r="E8311">
        <v>2015</v>
      </c>
      <c r="F8311">
        <v>2015</v>
      </c>
      <c r="G8311" t="s">
        <v>125</v>
      </c>
      <c r="H8311" t="s">
        <v>124</v>
      </c>
      <c r="I8311" t="s">
        <v>15</v>
      </c>
      <c r="J8311" s="10">
        <v>1.570169288</v>
      </c>
    </row>
    <row r="8312" spans="1:10" x14ac:dyDescent="0.35">
      <c r="A8312" t="s">
        <v>22</v>
      </c>
      <c r="B8312" t="s">
        <v>52</v>
      </c>
      <c r="C8312" t="s">
        <v>117</v>
      </c>
      <c r="D8312" t="s">
        <v>118</v>
      </c>
      <c r="E8312">
        <v>2015</v>
      </c>
      <c r="F8312">
        <v>2015</v>
      </c>
      <c r="G8312" t="s">
        <v>126</v>
      </c>
      <c r="H8312" t="s">
        <v>119</v>
      </c>
      <c r="I8312" t="s">
        <v>15</v>
      </c>
      <c r="J8312" s="10">
        <v>16.468267619999999</v>
      </c>
    </row>
    <row r="8313" spans="1:10" x14ac:dyDescent="0.35">
      <c r="A8313" t="s">
        <v>22</v>
      </c>
      <c r="B8313" t="s">
        <v>52</v>
      </c>
      <c r="C8313" t="s">
        <v>117</v>
      </c>
      <c r="D8313" t="s">
        <v>118</v>
      </c>
      <c r="E8313">
        <v>2015</v>
      </c>
      <c r="F8313">
        <v>2015</v>
      </c>
      <c r="G8313" t="s">
        <v>126</v>
      </c>
      <c r="H8313" t="s">
        <v>120</v>
      </c>
      <c r="I8313" t="s">
        <v>15</v>
      </c>
      <c r="J8313" s="10">
        <v>9.7066446479999993</v>
      </c>
    </row>
    <row r="8314" spans="1:10" x14ac:dyDescent="0.35">
      <c r="A8314" t="s">
        <v>22</v>
      </c>
      <c r="B8314" t="s">
        <v>52</v>
      </c>
      <c r="C8314" t="s">
        <v>117</v>
      </c>
      <c r="D8314" t="s">
        <v>118</v>
      </c>
      <c r="E8314">
        <v>2015</v>
      </c>
      <c r="F8314">
        <v>2015</v>
      </c>
      <c r="G8314" t="s">
        <v>126</v>
      </c>
      <c r="H8314" t="s">
        <v>121</v>
      </c>
      <c r="I8314" t="s">
        <v>15</v>
      </c>
      <c r="J8314" s="10">
        <v>36.230188769999998</v>
      </c>
    </row>
    <row r="8315" spans="1:10" x14ac:dyDescent="0.35">
      <c r="A8315" t="s">
        <v>22</v>
      </c>
      <c r="B8315" t="s">
        <v>52</v>
      </c>
      <c r="C8315" t="s">
        <v>117</v>
      </c>
      <c r="D8315" t="s">
        <v>118</v>
      </c>
      <c r="E8315">
        <v>2015</v>
      </c>
      <c r="F8315">
        <v>2015</v>
      </c>
      <c r="G8315" t="s">
        <v>126</v>
      </c>
      <c r="H8315" t="s">
        <v>122</v>
      </c>
      <c r="I8315" t="s">
        <v>15</v>
      </c>
      <c r="J8315" s="10">
        <v>18.7985963</v>
      </c>
    </row>
    <row r="8316" spans="1:10" x14ac:dyDescent="0.35">
      <c r="A8316" t="s">
        <v>22</v>
      </c>
      <c r="B8316" t="s">
        <v>52</v>
      </c>
      <c r="C8316" t="s">
        <v>117</v>
      </c>
      <c r="D8316" t="s">
        <v>118</v>
      </c>
      <c r="E8316">
        <v>2015</v>
      </c>
      <c r="F8316">
        <v>2015</v>
      </c>
      <c r="G8316" t="s">
        <v>126</v>
      </c>
      <c r="H8316" t="s">
        <v>123</v>
      </c>
      <c r="I8316" t="s">
        <v>15</v>
      </c>
      <c r="J8316" s="10">
        <v>15.835225579999999</v>
      </c>
    </row>
    <row r="8317" spans="1:10" x14ac:dyDescent="0.35">
      <c r="A8317" t="s">
        <v>22</v>
      </c>
      <c r="B8317" t="s">
        <v>52</v>
      </c>
      <c r="C8317" t="s">
        <v>117</v>
      </c>
      <c r="D8317" t="s">
        <v>118</v>
      </c>
      <c r="E8317">
        <v>2015</v>
      </c>
      <c r="F8317">
        <v>2015</v>
      </c>
      <c r="G8317" t="s">
        <v>126</v>
      </c>
      <c r="H8317" t="s">
        <v>124</v>
      </c>
      <c r="I8317" t="s">
        <v>15</v>
      </c>
      <c r="J8317" s="10">
        <v>2.9610770890000002</v>
      </c>
    </row>
    <row r="8318" spans="1:10" x14ac:dyDescent="0.35">
      <c r="A8318" t="s">
        <v>22</v>
      </c>
      <c r="B8318" t="s">
        <v>52</v>
      </c>
      <c r="C8318" t="s">
        <v>117</v>
      </c>
      <c r="D8318" t="s">
        <v>118</v>
      </c>
      <c r="E8318">
        <v>2014</v>
      </c>
      <c r="F8318">
        <v>2014</v>
      </c>
      <c r="G8318" t="s">
        <v>14</v>
      </c>
      <c r="H8318" t="s">
        <v>119</v>
      </c>
      <c r="I8318" t="s">
        <v>15</v>
      </c>
      <c r="J8318" s="10">
        <v>17.615130180000001</v>
      </c>
    </row>
    <row r="8319" spans="1:10" x14ac:dyDescent="0.35">
      <c r="A8319" t="s">
        <v>22</v>
      </c>
      <c r="B8319" t="s">
        <v>52</v>
      </c>
      <c r="C8319" t="s">
        <v>117</v>
      </c>
      <c r="D8319" t="s">
        <v>118</v>
      </c>
      <c r="E8319">
        <v>2014</v>
      </c>
      <c r="F8319">
        <v>2014</v>
      </c>
      <c r="G8319" t="s">
        <v>14</v>
      </c>
      <c r="H8319" t="s">
        <v>120</v>
      </c>
      <c r="I8319" t="s">
        <v>15</v>
      </c>
      <c r="J8319" s="10">
        <v>9.7871257739999997</v>
      </c>
    </row>
    <row r="8320" spans="1:10" x14ac:dyDescent="0.35">
      <c r="A8320" t="s">
        <v>22</v>
      </c>
      <c r="B8320" t="s">
        <v>52</v>
      </c>
      <c r="C8320" t="s">
        <v>117</v>
      </c>
      <c r="D8320" t="s">
        <v>118</v>
      </c>
      <c r="E8320">
        <v>2014</v>
      </c>
      <c r="F8320">
        <v>2014</v>
      </c>
      <c r="G8320" t="s">
        <v>14</v>
      </c>
      <c r="H8320" t="s">
        <v>121</v>
      </c>
      <c r="I8320" t="s">
        <v>15</v>
      </c>
      <c r="J8320" s="10">
        <v>36.495147629999998</v>
      </c>
    </row>
    <row r="8321" spans="1:10" x14ac:dyDescent="0.35">
      <c r="A8321" t="s">
        <v>22</v>
      </c>
      <c r="B8321" t="s">
        <v>52</v>
      </c>
      <c r="C8321" t="s">
        <v>117</v>
      </c>
      <c r="D8321" t="s">
        <v>118</v>
      </c>
      <c r="E8321">
        <v>2014</v>
      </c>
      <c r="F8321">
        <v>2014</v>
      </c>
      <c r="G8321" t="s">
        <v>14</v>
      </c>
      <c r="H8321" t="s">
        <v>122</v>
      </c>
      <c r="I8321" t="s">
        <v>15</v>
      </c>
      <c r="J8321" s="10">
        <v>18.915153199999999</v>
      </c>
    </row>
    <row r="8322" spans="1:10" x14ac:dyDescent="0.35">
      <c r="A8322" t="s">
        <v>22</v>
      </c>
      <c r="B8322" t="s">
        <v>52</v>
      </c>
      <c r="C8322" t="s">
        <v>117</v>
      </c>
      <c r="D8322" t="s">
        <v>118</v>
      </c>
      <c r="E8322">
        <v>2014</v>
      </c>
      <c r="F8322">
        <v>2014</v>
      </c>
      <c r="G8322" t="s">
        <v>14</v>
      </c>
      <c r="H8322" t="s">
        <v>123</v>
      </c>
      <c r="I8322" t="s">
        <v>15</v>
      </c>
      <c r="J8322" s="10">
        <v>14.89513794</v>
      </c>
    </row>
    <row r="8323" spans="1:10" x14ac:dyDescent="0.35">
      <c r="A8323" t="s">
        <v>22</v>
      </c>
      <c r="B8323" t="s">
        <v>52</v>
      </c>
      <c r="C8323" t="s">
        <v>117</v>
      </c>
      <c r="D8323" t="s">
        <v>118</v>
      </c>
      <c r="E8323">
        <v>2014</v>
      </c>
      <c r="F8323">
        <v>2014</v>
      </c>
      <c r="G8323" t="s">
        <v>14</v>
      </c>
      <c r="H8323" t="s">
        <v>124</v>
      </c>
      <c r="I8323" t="s">
        <v>15</v>
      </c>
      <c r="J8323" s="10">
        <v>2.2923052689999999</v>
      </c>
    </row>
    <row r="8324" spans="1:10" x14ac:dyDescent="0.35">
      <c r="A8324" t="s">
        <v>22</v>
      </c>
      <c r="B8324" t="s">
        <v>52</v>
      </c>
      <c r="C8324" t="s">
        <v>117</v>
      </c>
      <c r="D8324" t="s">
        <v>118</v>
      </c>
      <c r="E8324">
        <v>2014</v>
      </c>
      <c r="F8324">
        <v>2014</v>
      </c>
      <c r="G8324" t="s">
        <v>125</v>
      </c>
      <c r="H8324" t="s">
        <v>119</v>
      </c>
      <c r="I8324" t="s">
        <v>15</v>
      </c>
      <c r="J8324" s="10">
        <v>18.64415361</v>
      </c>
    </row>
    <row r="8325" spans="1:10" x14ac:dyDescent="0.35">
      <c r="A8325" t="s">
        <v>22</v>
      </c>
      <c r="B8325" t="s">
        <v>52</v>
      </c>
      <c r="C8325" t="s">
        <v>117</v>
      </c>
      <c r="D8325" t="s">
        <v>118</v>
      </c>
      <c r="E8325">
        <v>2014</v>
      </c>
      <c r="F8325">
        <v>2014</v>
      </c>
      <c r="G8325" t="s">
        <v>125</v>
      </c>
      <c r="H8325" t="s">
        <v>120</v>
      </c>
      <c r="I8325" t="s">
        <v>15</v>
      </c>
      <c r="J8325" s="10">
        <v>10.019492189999999</v>
      </c>
    </row>
    <row r="8326" spans="1:10" x14ac:dyDescent="0.35">
      <c r="A8326" t="s">
        <v>22</v>
      </c>
      <c r="B8326" t="s">
        <v>52</v>
      </c>
      <c r="C8326" t="s">
        <v>117</v>
      </c>
      <c r="D8326" t="s">
        <v>118</v>
      </c>
      <c r="E8326">
        <v>2014</v>
      </c>
      <c r="F8326">
        <v>2014</v>
      </c>
      <c r="G8326" t="s">
        <v>125</v>
      </c>
      <c r="H8326" t="s">
        <v>121</v>
      </c>
      <c r="I8326" t="s">
        <v>15</v>
      </c>
      <c r="J8326" s="10">
        <v>36.936435209999999</v>
      </c>
    </row>
    <row r="8327" spans="1:10" x14ac:dyDescent="0.35">
      <c r="A8327" t="s">
        <v>22</v>
      </c>
      <c r="B8327" t="s">
        <v>52</v>
      </c>
      <c r="C8327" t="s">
        <v>117</v>
      </c>
      <c r="D8327" t="s">
        <v>118</v>
      </c>
      <c r="E8327">
        <v>2014</v>
      </c>
      <c r="F8327">
        <v>2014</v>
      </c>
      <c r="G8327" t="s">
        <v>125</v>
      </c>
      <c r="H8327" t="s">
        <v>122</v>
      </c>
      <c r="I8327" t="s">
        <v>15</v>
      </c>
      <c r="J8327" s="10">
        <v>19.082095030000001</v>
      </c>
    </row>
    <row r="8328" spans="1:10" x14ac:dyDescent="0.35">
      <c r="A8328" t="s">
        <v>22</v>
      </c>
      <c r="B8328" t="s">
        <v>52</v>
      </c>
      <c r="C8328" t="s">
        <v>117</v>
      </c>
      <c r="D8328" t="s">
        <v>118</v>
      </c>
      <c r="E8328">
        <v>2014</v>
      </c>
      <c r="F8328">
        <v>2014</v>
      </c>
      <c r="G8328" t="s">
        <v>125</v>
      </c>
      <c r="H8328" t="s">
        <v>123</v>
      </c>
      <c r="I8328" t="s">
        <v>15</v>
      </c>
      <c r="J8328" s="10">
        <v>13.715414020000001</v>
      </c>
    </row>
    <row r="8329" spans="1:10" x14ac:dyDescent="0.35">
      <c r="A8329" t="s">
        <v>22</v>
      </c>
      <c r="B8329" t="s">
        <v>52</v>
      </c>
      <c r="C8329" t="s">
        <v>117</v>
      </c>
      <c r="D8329" t="s">
        <v>118</v>
      </c>
      <c r="E8329">
        <v>2014</v>
      </c>
      <c r="F8329">
        <v>2014</v>
      </c>
      <c r="G8329" t="s">
        <v>125</v>
      </c>
      <c r="H8329" t="s">
        <v>124</v>
      </c>
      <c r="I8329" t="s">
        <v>15</v>
      </c>
      <c r="J8329" s="10">
        <v>1.6024099439999999</v>
      </c>
    </row>
    <row r="8330" spans="1:10" x14ac:dyDescent="0.35">
      <c r="A8330" t="s">
        <v>22</v>
      </c>
      <c r="B8330" t="s">
        <v>52</v>
      </c>
      <c r="C8330" t="s">
        <v>117</v>
      </c>
      <c r="D8330" t="s">
        <v>118</v>
      </c>
      <c r="E8330">
        <v>2014</v>
      </c>
      <c r="F8330">
        <v>2014</v>
      </c>
      <c r="G8330" t="s">
        <v>126</v>
      </c>
      <c r="H8330" t="s">
        <v>119</v>
      </c>
      <c r="I8330" t="s">
        <v>15</v>
      </c>
      <c r="J8330" s="10">
        <v>16.670539569999999</v>
      </c>
    </row>
    <row r="8331" spans="1:10" x14ac:dyDescent="0.35">
      <c r="A8331" t="s">
        <v>22</v>
      </c>
      <c r="B8331" t="s">
        <v>52</v>
      </c>
      <c r="C8331" t="s">
        <v>117</v>
      </c>
      <c r="D8331" t="s">
        <v>118</v>
      </c>
      <c r="E8331">
        <v>2014</v>
      </c>
      <c r="F8331">
        <v>2014</v>
      </c>
      <c r="G8331" t="s">
        <v>126</v>
      </c>
      <c r="H8331" t="s">
        <v>120</v>
      </c>
      <c r="I8331" t="s">
        <v>15</v>
      </c>
      <c r="J8331" s="10">
        <v>9.5738253469999997</v>
      </c>
    </row>
    <row r="8332" spans="1:10" x14ac:dyDescent="0.35">
      <c r="A8332" t="s">
        <v>22</v>
      </c>
      <c r="B8332" t="s">
        <v>52</v>
      </c>
      <c r="C8332" t="s">
        <v>117</v>
      </c>
      <c r="D8332" t="s">
        <v>118</v>
      </c>
      <c r="E8332">
        <v>2014</v>
      </c>
      <c r="F8332">
        <v>2014</v>
      </c>
      <c r="G8332" t="s">
        <v>126</v>
      </c>
      <c r="H8332" t="s">
        <v>121</v>
      </c>
      <c r="I8332" t="s">
        <v>15</v>
      </c>
      <c r="J8332" s="10">
        <v>36.09006832</v>
      </c>
    </row>
    <row r="8333" spans="1:10" x14ac:dyDescent="0.35">
      <c r="A8333" t="s">
        <v>22</v>
      </c>
      <c r="B8333" t="s">
        <v>52</v>
      </c>
      <c r="C8333" t="s">
        <v>117</v>
      </c>
      <c r="D8333" t="s">
        <v>118</v>
      </c>
      <c r="E8333">
        <v>2014</v>
      </c>
      <c r="F8333">
        <v>2014</v>
      </c>
      <c r="G8333" t="s">
        <v>126</v>
      </c>
      <c r="H8333" t="s">
        <v>122</v>
      </c>
      <c r="I8333" t="s">
        <v>15</v>
      </c>
      <c r="J8333" s="10">
        <v>18.761909190000001</v>
      </c>
    </row>
    <row r="8334" spans="1:10" x14ac:dyDescent="0.35">
      <c r="A8334" t="s">
        <v>22</v>
      </c>
      <c r="B8334" t="s">
        <v>52</v>
      </c>
      <c r="C8334" t="s">
        <v>117</v>
      </c>
      <c r="D8334" t="s">
        <v>118</v>
      </c>
      <c r="E8334">
        <v>2014</v>
      </c>
      <c r="F8334">
        <v>2014</v>
      </c>
      <c r="G8334" t="s">
        <v>126</v>
      </c>
      <c r="H8334" t="s">
        <v>123</v>
      </c>
      <c r="I8334" t="s">
        <v>15</v>
      </c>
      <c r="J8334" s="10">
        <v>15.978063860000001</v>
      </c>
    </row>
    <row r="8335" spans="1:10" x14ac:dyDescent="0.35">
      <c r="A8335" t="s">
        <v>22</v>
      </c>
      <c r="B8335" t="s">
        <v>52</v>
      </c>
      <c r="C8335" t="s">
        <v>117</v>
      </c>
      <c r="D8335" t="s">
        <v>118</v>
      </c>
      <c r="E8335">
        <v>2014</v>
      </c>
      <c r="F8335">
        <v>2014</v>
      </c>
      <c r="G8335" t="s">
        <v>126</v>
      </c>
      <c r="H8335" t="s">
        <v>124</v>
      </c>
      <c r="I8335" t="s">
        <v>15</v>
      </c>
      <c r="J8335" s="10">
        <v>2.9255937169999999</v>
      </c>
    </row>
    <row r="8336" spans="1:10" x14ac:dyDescent="0.35">
      <c r="A8336" t="s">
        <v>22</v>
      </c>
      <c r="B8336" t="s">
        <v>52</v>
      </c>
      <c r="C8336" t="s">
        <v>117</v>
      </c>
      <c r="D8336" t="s">
        <v>118</v>
      </c>
      <c r="E8336">
        <v>2013</v>
      </c>
      <c r="F8336">
        <v>2013</v>
      </c>
      <c r="G8336" t="s">
        <v>14</v>
      </c>
      <c r="H8336" t="s">
        <v>119</v>
      </c>
      <c r="I8336" t="s">
        <v>15</v>
      </c>
      <c r="J8336" s="10">
        <v>17.710965439999999</v>
      </c>
    </row>
    <row r="8337" spans="1:10" x14ac:dyDescent="0.35">
      <c r="A8337" t="s">
        <v>22</v>
      </c>
      <c r="B8337" t="s">
        <v>52</v>
      </c>
      <c r="C8337" t="s">
        <v>117</v>
      </c>
      <c r="D8337" t="s">
        <v>118</v>
      </c>
      <c r="E8337">
        <v>2013</v>
      </c>
      <c r="F8337">
        <v>2013</v>
      </c>
      <c r="G8337" t="s">
        <v>14</v>
      </c>
      <c r="H8337" t="s">
        <v>120</v>
      </c>
      <c r="I8337" t="s">
        <v>15</v>
      </c>
      <c r="J8337" s="10">
        <v>10.115843310000001</v>
      </c>
    </row>
    <row r="8338" spans="1:10" x14ac:dyDescent="0.35">
      <c r="A8338" t="s">
        <v>22</v>
      </c>
      <c r="B8338" t="s">
        <v>52</v>
      </c>
      <c r="C8338" t="s">
        <v>117</v>
      </c>
      <c r="D8338" t="s">
        <v>118</v>
      </c>
      <c r="E8338">
        <v>2013</v>
      </c>
      <c r="F8338">
        <v>2013</v>
      </c>
      <c r="G8338" t="s">
        <v>14</v>
      </c>
      <c r="H8338" t="s">
        <v>121</v>
      </c>
      <c r="I8338" t="s">
        <v>15</v>
      </c>
      <c r="J8338" s="10">
        <v>36.338667739999998</v>
      </c>
    </row>
    <row r="8339" spans="1:10" x14ac:dyDescent="0.35">
      <c r="A8339" t="s">
        <v>22</v>
      </c>
      <c r="B8339" t="s">
        <v>52</v>
      </c>
      <c r="C8339" t="s">
        <v>117</v>
      </c>
      <c r="D8339" t="s">
        <v>118</v>
      </c>
      <c r="E8339">
        <v>2013</v>
      </c>
      <c r="F8339">
        <v>2013</v>
      </c>
      <c r="G8339" t="s">
        <v>14</v>
      </c>
      <c r="H8339" t="s">
        <v>122</v>
      </c>
      <c r="I8339" t="s">
        <v>15</v>
      </c>
      <c r="J8339" s="10">
        <v>18.85230893</v>
      </c>
    </row>
    <row r="8340" spans="1:10" x14ac:dyDescent="0.35">
      <c r="A8340" t="s">
        <v>22</v>
      </c>
      <c r="B8340" t="s">
        <v>52</v>
      </c>
      <c r="C8340" t="s">
        <v>117</v>
      </c>
      <c r="D8340" t="s">
        <v>118</v>
      </c>
      <c r="E8340">
        <v>2013</v>
      </c>
      <c r="F8340">
        <v>2013</v>
      </c>
      <c r="G8340" t="s">
        <v>14</v>
      </c>
      <c r="H8340" t="s">
        <v>123</v>
      </c>
      <c r="I8340" t="s">
        <v>15</v>
      </c>
      <c r="J8340" s="10">
        <v>14.727603419999999</v>
      </c>
    </row>
    <row r="8341" spans="1:10" x14ac:dyDescent="0.35">
      <c r="A8341" t="s">
        <v>22</v>
      </c>
      <c r="B8341" t="s">
        <v>52</v>
      </c>
      <c r="C8341" t="s">
        <v>117</v>
      </c>
      <c r="D8341" t="s">
        <v>118</v>
      </c>
      <c r="E8341">
        <v>2013</v>
      </c>
      <c r="F8341">
        <v>2013</v>
      </c>
      <c r="G8341" t="s">
        <v>14</v>
      </c>
      <c r="H8341" t="s">
        <v>124</v>
      </c>
      <c r="I8341" t="s">
        <v>15</v>
      </c>
      <c r="J8341" s="10">
        <v>2.2546111500000001</v>
      </c>
    </row>
    <row r="8342" spans="1:10" x14ac:dyDescent="0.35">
      <c r="A8342" t="s">
        <v>22</v>
      </c>
      <c r="B8342" t="s">
        <v>52</v>
      </c>
      <c r="C8342" t="s">
        <v>117</v>
      </c>
      <c r="D8342" t="s">
        <v>118</v>
      </c>
      <c r="E8342">
        <v>2013</v>
      </c>
      <c r="F8342">
        <v>2013</v>
      </c>
      <c r="G8342" t="s">
        <v>125</v>
      </c>
      <c r="H8342" t="s">
        <v>119</v>
      </c>
      <c r="I8342" t="s">
        <v>15</v>
      </c>
      <c r="J8342" s="10">
        <v>18.90713448</v>
      </c>
    </row>
    <row r="8343" spans="1:10" x14ac:dyDescent="0.35">
      <c r="A8343" t="s">
        <v>22</v>
      </c>
      <c r="B8343" t="s">
        <v>52</v>
      </c>
      <c r="C8343" t="s">
        <v>117</v>
      </c>
      <c r="D8343" t="s">
        <v>118</v>
      </c>
      <c r="E8343">
        <v>2013</v>
      </c>
      <c r="F8343">
        <v>2013</v>
      </c>
      <c r="G8343" t="s">
        <v>125</v>
      </c>
      <c r="H8343" t="s">
        <v>120</v>
      </c>
      <c r="I8343" t="s">
        <v>15</v>
      </c>
      <c r="J8343" s="10">
        <v>10.28609312</v>
      </c>
    </row>
    <row r="8344" spans="1:10" x14ac:dyDescent="0.35">
      <c r="A8344" t="s">
        <v>22</v>
      </c>
      <c r="B8344" t="s">
        <v>52</v>
      </c>
      <c r="C8344" t="s">
        <v>117</v>
      </c>
      <c r="D8344" t="s">
        <v>118</v>
      </c>
      <c r="E8344">
        <v>2013</v>
      </c>
      <c r="F8344">
        <v>2013</v>
      </c>
      <c r="G8344" t="s">
        <v>125</v>
      </c>
      <c r="H8344" t="s">
        <v>121</v>
      </c>
      <c r="I8344" t="s">
        <v>15</v>
      </c>
      <c r="J8344" s="10">
        <v>36.608190120000003</v>
      </c>
    </row>
    <row r="8345" spans="1:10" x14ac:dyDescent="0.35">
      <c r="A8345" t="s">
        <v>22</v>
      </c>
      <c r="B8345" t="s">
        <v>52</v>
      </c>
      <c r="C8345" t="s">
        <v>117</v>
      </c>
      <c r="D8345" t="s">
        <v>118</v>
      </c>
      <c r="E8345">
        <v>2013</v>
      </c>
      <c r="F8345">
        <v>2013</v>
      </c>
      <c r="G8345" t="s">
        <v>125</v>
      </c>
      <c r="H8345" t="s">
        <v>122</v>
      </c>
      <c r="I8345" t="s">
        <v>15</v>
      </c>
      <c r="J8345" s="10">
        <v>19.062675299999999</v>
      </c>
    </row>
    <row r="8346" spans="1:10" x14ac:dyDescent="0.35">
      <c r="A8346" t="s">
        <v>22</v>
      </c>
      <c r="B8346" t="s">
        <v>52</v>
      </c>
      <c r="C8346" t="s">
        <v>117</v>
      </c>
      <c r="D8346" t="s">
        <v>118</v>
      </c>
      <c r="E8346">
        <v>2013</v>
      </c>
      <c r="F8346">
        <v>2013</v>
      </c>
      <c r="G8346" t="s">
        <v>125</v>
      </c>
      <c r="H8346" t="s">
        <v>123</v>
      </c>
      <c r="I8346" t="s">
        <v>15</v>
      </c>
      <c r="J8346" s="10">
        <v>13.621296340000001</v>
      </c>
    </row>
    <row r="8347" spans="1:10" x14ac:dyDescent="0.35">
      <c r="A8347" t="s">
        <v>22</v>
      </c>
      <c r="B8347" t="s">
        <v>52</v>
      </c>
      <c r="C8347" t="s">
        <v>117</v>
      </c>
      <c r="D8347" t="s">
        <v>118</v>
      </c>
      <c r="E8347">
        <v>2013</v>
      </c>
      <c r="F8347">
        <v>2013</v>
      </c>
      <c r="G8347" t="s">
        <v>125</v>
      </c>
      <c r="H8347" t="s">
        <v>124</v>
      </c>
      <c r="I8347" t="s">
        <v>15</v>
      </c>
      <c r="J8347" s="10">
        <v>1.514610638</v>
      </c>
    </row>
    <row r="8348" spans="1:10" x14ac:dyDescent="0.35">
      <c r="A8348" t="s">
        <v>22</v>
      </c>
      <c r="B8348" t="s">
        <v>52</v>
      </c>
      <c r="C8348" t="s">
        <v>117</v>
      </c>
      <c r="D8348" t="s">
        <v>118</v>
      </c>
      <c r="E8348">
        <v>2013</v>
      </c>
      <c r="F8348">
        <v>2013</v>
      </c>
      <c r="G8348" t="s">
        <v>126</v>
      </c>
      <c r="H8348" t="s">
        <v>119</v>
      </c>
      <c r="I8348" t="s">
        <v>15</v>
      </c>
      <c r="J8348" s="10">
        <v>16.612415989999999</v>
      </c>
    </row>
    <row r="8349" spans="1:10" x14ac:dyDescent="0.35">
      <c r="A8349" t="s">
        <v>22</v>
      </c>
      <c r="B8349" t="s">
        <v>52</v>
      </c>
      <c r="C8349" t="s">
        <v>117</v>
      </c>
      <c r="D8349" t="s">
        <v>118</v>
      </c>
      <c r="E8349">
        <v>2013</v>
      </c>
      <c r="F8349">
        <v>2013</v>
      </c>
      <c r="G8349" t="s">
        <v>126</v>
      </c>
      <c r="H8349" t="s">
        <v>120</v>
      </c>
      <c r="I8349" t="s">
        <v>15</v>
      </c>
      <c r="J8349" s="10">
        <v>9.9594876239999994</v>
      </c>
    </row>
    <row r="8350" spans="1:10" x14ac:dyDescent="0.35">
      <c r="A8350" t="s">
        <v>22</v>
      </c>
      <c r="B8350" t="s">
        <v>52</v>
      </c>
      <c r="C8350" t="s">
        <v>117</v>
      </c>
      <c r="D8350" t="s">
        <v>118</v>
      </c>
      <c r="E8350">
        <v>2013</v>
      </c>
      <c r="F8350">
        <v>2013</v>
      </c>
      <c r="G8350" t="s">
        <v>126</v>
      </c>
      <c r="H8350" t="s">
        <v>121</v>
      </c>
      <c r="I8350" t="s">
        <v>15</v>
      </c>
      <c r="J8350" s="10">
        <v>36.091141139999998</v>
      </c>
    </row>
    <row r="8351" spans="1:10" x14ac:dyDescent="0.35">
      <c r="A8351" t="s">
        <v>22</v>
      </c>
      <c r="B8351" t="s">
        <v>52</v>
      </c>
      <c r="C8351" t="s">
        <v>117</v>
      </c>
      <c r="D8351" t="s">
        <v>118</v>
      </c>
      <c r="E8351">
        <v>2013</v>
      </c>
      <c r="F8351">
        <v>2013</v>
      </c>
      <c r="G8351" t="s">
        <v>126</v>
      </c>
      <c r="H8351" t="s">
        <v>122</v>
      </c>
      <c r="I8351" t="s">
        <v>15</v>
      </c>
      <c r="J8351" s="10">
        <v>18.659110600000002</v>
      </c>
    </row>
    <row r="8352" spans="1:10" x14ac:dyDescent="0.35">
      <c r="A8352" t="s">
        <v>22</v>
      </c>
      <c r="B8352" t="s">
        <v>52</v>
      </c>
      <c r="C8352" t="s">
        <v>117</v>
      </c>
      <c r="D8352" t="s">
        <v>118</v>
      </c>
      <c r="E8352">
        <v>2013</v>
      </c>
      <c r="F8352">
        <v>2013</v>
      </c>
      <c r="G8352" t="s">
        <v>126</v>
      </c>
      <c r="H8352" t="s">
        <v>123</v>
      </c>
      <c r="I8352" t="s">
        <v>15</v>
      </c>
      <c r="J8352" s="10">
        <v>15.74362457</v>
      </c>
    </row>
    <row r="8353" spans="1:10" x14ac:dyDescent="0.35">
      <c r="A8353" t="s">
        <v>22</v>
      </c>
      <c r="B8353" t="s">
        <v>52</v>
      </c>
      <c r="C8353" t="s">
        <v>117</v>
      </c>
      <c r="D8353" t="s">
        <v>118</v>
      </c>
      <c r="E8353">
        <v>2013</v>
      </c>
      <c r="F8353">
        <v>2013</v>
      </c>
      <c r="G8353" t="s">
        <v>126</v>
      </c>
      <c r="H8353" t="s">
        <v>124</v>
      </c>
      <c r="I8353" t="s">
        <v>15</v>
      </c>
      <c r="J8353" s="10">
        <v>2.9342200780000001</v>
      </c>
    </row>
    <row r="8354" spans="1:10" x14ac:dyDescent="0.35">
      <c r="A8354" t="s">
        <v>22</v>
      </c>
      <c r="B8354" t="s">
        <v>52</v>
      </c>
      <c r="C8354" t="s">
        <v>117</v>
      </c>
      <c r="D8354" t="s">
        <v>118</v>
      </c>
      <c r="E8354">
        <v>2012</v>
      </c>
      <c r="F8354">
        <v>2012</v>
      </c>
      <c r="G8354" t="s">
        <v>14</v>
      </c>
      <c r="H8354" t="s">
        <v>119</v>
      </c>
      <c r="I8354" t="s">
        <v>15</v>
      </c>
      <c r="J8354" s="10">
        <v>17.776436830000002</v>
      </c>
    </row>
    <row r="8355" spans="1:10" x14ac:dyDescent="0.35">
      <c r="A8355" t="s">
        <v>22</v>
      </c>
      <c r="B8355" t="s">
        <v>52</v>
      </c>
      <c r="C8355" t="s">
        <v>117</v>
      </c>
      <c r="D8355" t="s">
        <v>118</v>
      </c>
      <c r="E8355">
        <v>2012</v>
      </c>
      <c r="F8355">
        <v>2012</v>
      </c>
      <c r="G8355" t="s">
        <v>14</v>
      </c>
      <c r="H8355" t="s">
        <v>120</v>
      </c>
      <c r="I8355" t="s">
        <v>15</v>
      </c>
      <c r="J8355" s="10">
        <v>10.396167630000001</v>
      </c>
    </row>
    <row r="8356" spans="1:10" x14ac:dyDescent="0.35">
      <c r="A8356" t="s">
        <v>22</v>
      </c>
      <c r="B8356" t="s">
        <v>52</v>
      </c>
      <c r="C8356" t="s">
        <v>117</v>
      </c>
      <c r="D8356" t="s">
        <v>118</v>
      </c>
      <c r="E8356">
        <v>2012</v>
      </c>
      <c r="F8356">
        <v>2012</v>
      </c>
      <c r="G8356" t="s">
        <v>14</v>
      </c>
      <c r="H8356" t="s">
        <v>121</v>
      </c>
      <c r="I8356" t="s">
        <v>15</v>
      </c>
      <c r="J8356" s="10">
        <v>36.264670019999997</v>
      </c>
    </row>
    <row r="8357" spans="1:10" x14ac:dyDescent="0.35">
      <c r="A8357" t="s">
        <v>22</v>
      </c>
      <c r="B8357" t="s">
        <v>52</v>
      </c>
      <c r="C8357" t="s">
        <v>117</v>
      </c>
      <c r="D8357" t="s">
        <v>118</v>
      </c>
      <c r="E8357">
        <v>2012</v>
      </c>
      <c r="F8357">
        <v>2012</v>
      </c>
      <c r="G8357" t="s">
        <v>14</v>
      </c>
      <c r="H8357" t="s">
        <v>122</v>
      </c>
      <c r="I8357" t="s">
        <v>15</v>
      </c>
      <c r="J8357" s="10">
        <v>18.73329803</v>
      </c>
    </row>
    <row r="8358" spans="1:10" x14ac:dyDescent="0.35">
      <c r="A8358" t="s">
        <v>22</v>
      </c>
      <c r="B8358" t="s">
        <v>52</v>
      </c>
      <c r="C8358" t="s">
        <v>117</v>
      </c>
      <c r="D8358" t="s">
        <v>118</v>
      </c>
      <c r="E8358">
        <v>2012</v>
      </c>
      <c r="F8358">
        <v>2012</v>
      </c>
      <c r="G8358" t="s">
        <v>14</v>
      </c>
      <c r="H8358" t="s">
        <v>123</v>
      </c>
      <c r="I8358" t="s">
        <v>15</v>
      </c>
      <c r="J8358" s="10">
        <v>14.631232839999999</v>
      </c>
    </row>
    <row r="8359" spans="1:10" x14ac:dyDescent="0.35">
      <c r="A8359" t="s">
        <v>22</v>
      </c>
      <c r="B8359" t="s">
        <v>52</v>
      </c>
      <c r="C8359" t="s">
        <v>117</v>
      </c>
      <c r="D8359" t="s">
        <v>118</v>
      </c>
      <c r="E8359">
        <v>2012</v>
      </c>
      <c r="F8359">
        <v>2012</v>
      </c>
      <c r="G8359" t="s">
        <v>14</v>
      </c>
      <c r="H8359" t="s">
        <v>124</v>
      </c>
      <c r="I8359" t="s">
        <v>15</v>
      </c>
      <c r="J8359" s="10">
        <v>2.1981946479999999</v>
      </c>
    </row>
    <row r="8360" spans="1:10" x14ac:dyDescent="0.35">
      <c r="A8360" t="s">
        <v>22</v>
      </c>
      <c r="B8360" t="s">
        <v>52</v>
      </c>
      <c r="C8360" t="s">
        <v>117</v>
      </c>
      <c r="D8360" t="s">
        <v>118</v>
      </c>
      <c r="E8360">
        <v>2012</v>
      </c>
      <c r="F8360">
        <v>2012</v>
      </c>
      <c r="G8360" t="s">
        <v>125</v>
      </c>
      <c r="H8360" t="s">
        <v>119</v>
      </c>
      <c r="I8360" t="s">
        <v>15</v>
      </c>
      <c r="J8360" s="10">
        <v>19.050559629999999</v>
      </c>
    </row>
    <row r="8361" spans="1:10" x14ac:dyDescent="0.35">
      <c r="A8361" t="s">
        <v>22</v>
      </c>
      <c r="B8361" t="s">
        <v>52</v>
      </c>
      <c r="C8361" t="s">
        <v>117</v>
      </c>
      <c r="D8361" t="s">
        <v>118</v>
      </c>
      <c r="E8361">
        <v>2012</v>
      </c>
      <c r="F8361">
        <v>2012</v>
      </c>
      <c r="G8361" t="s">
        <v>125</v>
      </c>
      <c r="H8361" t="s">
        <v>120</v>
      </c>
      <c r="I8361" t="s">
        <v>15</v>
      </c>
      <c r="J8361" s="10">
        <v>10.672841890000001</v>
      </c>
    </row>
    <row r="8362" spans="1:10" x14ac:dyDescent="0.35">
      <c r="A8362" t="s">
        <v>22</v>
      </c>
      <c r="B8362" t="s">
        <v>52</v>
      </c>
      <c r="C8362" t="s">
        <v>117</v>
      </c>
      <c r="D8362" t="s">
        <v>118</v>
      </c>
      <c r="E8362">
        <v>2012</v>
      </c>
      <c r="F8362">
        <v>2012</v>
      </c>
      <c r="G8362" t="s">
        <v>125</v>
      </c>
      <c r="H8362" t="s">
        <v>121</v>
      </c>
      <c r="I8362" t="s">
        <v>15</v>
      </c>
      <c r="J8362" s="10">
        <v>36.482696509999997</v>
      </c>
    </row>
    <row r="8363" spans="1:10" x14ac:dyDescent="0.35">
      <c r="A8363" t="s">
        <v>22</v>
      </c>
      <c r="B8363" t="s">
        <v>52</v>
      </c>
      <c r="C8363" t="s">
        <v>117</v>
      </c>
      <c r="D8363" t="s">
        <v>118</v>
      </c>
      <c r="E8363">
        <v>2012</v>
      </c>
      <c r="F8363">
        <v>2012</v>
      </c>
      <c r="G8363" t="s">
        <v>125</v>
      </c>
      <c r="H8363" t="s">
        <v>122</v>
      </c>
      <c r="I8363" t="s">
        <v>15</v>
      </c>
      <c r="J8363" s="10">
        <v>18.950212270000002</v>
      </c>
    </row>
    <row r="8364" spans="1:10" x14ac:dyDescent="0.35">
      <c r="A8364" t="s">
        <v>22</v>
      </c>
      <c r="B8364" t="s">
        <v>52</v>
      </c>
      <c r="C8364" t="s">
        <v>117</v>
      </c>
      <c r="D8364" t="s">
        <v>118</v>
      </c>
      <c r="E8364">
        <v>2012</v>
      </c>
      <c r="F8364">
        <v>2012</v>
      </c>
      <c r="G8364" t="s">
        <v>125</v>
      </c>
      <c r="H8364" t="s">
        <v>123</v>
      </c>
      <c r="I8364" t="s">
        <v>15</v>
      </c>
      <c r="J8364" s="10">
        <v>13.407950599999999</v>
      </c>
    </row>
    <row r="8365" spans="1:10" x14ac:dyDescent="0.35">
      <c r="A8365" t="s">
        <v>22</v>
      </c>
      <c r="B8365" t="s">
        <v>52</v>
      </c>
      <c r="C8365" t="s">
        <v>117</v>
      </c>
      <c r="D8365" t="s">
        <v>118</v>
      </c>
      <c r="E8365">
        <v>2012</v>
      </c>
      <c r="F8365">
        <v>2012</v>
      </c>
      <c r="G8365" t="s">
        <v>125</v>
      </c>
      <c r="H8365" t="s">
        <v>124</v>
      </c>
      <c r="I8365" t="s">
        <v>15</v>
      </c>
      <c r="J8365" s="10">
        <v>1.4357390969999999</v>
      </c>
    </row>
    <row r="8366" spans="1:10" x14ac:dyDescent="0.35">
      <c r="A8366" t="s">
        <v>22</v>
      </c>
      <c r="B8366" t="s">
        <v>52</v>
      </c>
      <c r="C8366" t="s">
        <v>117</v>
      </c>
      <c r="D8366" t="s">
        <v>118</v>
      </c>
      <c r="E8366">
        <v>2012</v>
      </c>
      <c r="F8366">
        <v>2012</v>
      </c>
      <c r="G8366" t="s">
        <v>126</v>
      </c>
      <c r="H8366" t="s">
        <v>119</v>
      </c>
      <c r="I8366" t="s">
        <v>15</v>
      </c>
      <c r="J8366" s="10">
        <v>16.606830739999999</v>
      </c>
    </row>
    <row r="8367" spans="1:10" x14ac:dyDescent="0.35">
      <c r="A8367" t="s">
        <v>22</v>
      </c>
      <c r="B8367" t="s">
        <v>52</v>
      </c>
      <c r="C8367" t="s">
        <v>117</v>
      </c>
      <c r="D8367" t="s">
        <v>118</v>
      </c>
      <c r="E8367">
        <v>2012</v>
      </c>
      <c r="F8367">
        <v>2012</v>
      </c>
      <c r="G8367" t="s">
        <v>126</v>
      </c>
      <c r="H8367" t="s">
        <v>120</v>
      </c>
      <c r="I8367" t="s">
        <v>15</v>
      </c>
      <c r="J8367" s="10">
        <v>10.142189050000001</v>
      </c>
    </row>
    <row r="8368" spans="1:10" x14ac:dyDescent="0.35">
      <c r="A8368" t="s">
        <v>22</v>
      </c>
      <c r="B8368" t="s">
        <v>52</v>
      </c>
      <c r="C8368" t="s">
        <v>117</v>
      </c>
      <c r="D8368" t="s">
        <v>118</v>
      </c>
      <c r="E8368">
        <v>2012</v>
      </c>
      <c r="F8368">
        <v>2012</v>
      </c>
      <c r="G8368" t="s">
        <v>126</v>
      </c>
      <c r="H8368" t="s">
        <v>121</v>
      </c>
      <c r="I8368" t="s">
        <v>15</v>
      </c>
      <c r="J8368" s="10">
        <v>36.064528320000001</v>
      </c>
    </row>
    <row r="8369" spans="1:10" x14ac:dyDescent="0.35">
      <c r="A8369" t="s">
        <v>22</v>
      </c>
      <c r="B8369" t="s">
        <v>52</v>
      </c>
      <c r="C8369" t="s">
        <v>117</v>
      </c>
      <c r="D8369" t="s">
        <v>118</v>
      </c>
      <c r="E8369">
        <v>2012</v>
      </c>
      <c r="F8369">
        <v>2012</v>
      </c>
      <c r="G8369" t="s">
        <v>126</v>
      </c>
      <c r="H8369" t="s">
        <v>122</v>
      </c>
      <c r="I8369" t="s">
        <v>15</v>
      </c>
      <c r="J8369" s="10">
        <v>18.534177329999999</v>
      </c>
    </row>
    <row r="8370" spans="1:10" x14ac:dyDescent="0.35">
      <c r="A8370" t="s">
        <v>22</v>
      </c>
      <c r="B8370" t="s">
        <v>52</v>
      </c>
      <c r="C8370" t="s">
        <v>117</v>
      </c>
      <c r="D8370" t="s">
        <v>118</v>
      </c>
      <c r="E8370">
        <v>2012</v>
      </c>
      <c r="F8370">
        <v>2012</v>
      </c>
      <c r="G8370" t="s">
        <v>126</v>
      </c>
      <c r="H8370" t="s">
        <v>123</v>
      </c>
      <c r="I8370" t="s">
        <v>15</v>
      </c>
      <c r="J8370" s="10">
        <v>15.754168829999999</v>
      </c>
    </row>
    <row r="8371" spans="1:10" x14ac:dyDescent="0.35">
      <c r="A8371" t="s">
        <v>22</v>
      </c>
      <c r="B8371" t="s">
        <v>52</v>
      </c>
      <c r="C8371" t="s">
        <v>117</v>
      </c>
      <c r="D8371" t="s">
        <v>118</v>
      </c>
      <c r="E8371">
        <v>2012</v>
      </c>
      <c r="F8371">
        <v>2012</v>
      </c>
      <c r="G8371" t="s">
        <v>126</v>
      </c>
      <c r="H8371" t="s">
        <v>124</v>
      </c>
      <c r="I8371" t="s">
        <v>15</v>
      </c>
      <c r="J8371" s="10">
        <v>2.8981057209999999</v>
      </c>
    </row>
    <row r="8372" spans="1:10" x14ac:dyDescent="0.35">
      <c r="A8372" t="s">
        <v>22</v>
      </c>
      <c r="B8372" t="s">
        <v>52</v>
      </c>
      <c r="C8372" t="s">
        <v>117</v>
      </c>
      <c r="D8372" t="s">
        <v>118</v>
      </c>
      <c r="E8372">
        <v>2011</v>
      </c>
      <c r="F8372">
        <v>2011</v>
      </c>
      <c r="G8372" t="s">
        <v>14</v>
      </c>
      <c r="H8372" t="s">
        <v>119</v>
      </c>
      <c r="I8372" t="s">
        <v>15</v>
      </c>
      <c r="J8372" s="10">
        <v>17.761554149999998</v>
      </c>
    </row>
    <row r="8373" spans="1:10" x14ac:dyDescent="0.35">
      <c r="A8373" t="s">
        <v>22</v>
      </c>
      <c r="B8373" t="s">
        <v>52</v>
      </c>
      <c r="C8373" t="s">
        <v>117</v>
      </c>
      <c r="D8373" t="s">
        <v>118</v>
      </c>
      <c r="E8373">
        <v>2011</v>
      </c>
      <c r="F8373">
        <v>2011</v>
      </c>
      <c r="G8373" t="s">
        <v>14</v>
      </c>
      <c r="H8373" t="s">
        <v>120</v>
      </c>
      <c r="I8373" t="s">
        <v>15</v>
      </c>
      <c r="J8373" s="10">
        <v>10.45967862</v>
      </c>
    </row>
    <row r="8374" spans="1:10" x14ac:dyDescent="0.35">
      <c r="A8374" t="s">
        <v>22</v>
      </c>
      <c r="B8374" t="s">
        <v>52</v>
      </c>
      <c r="C8374" t="s">
        <v>117</v>
      </c>
      <c r="D8374" t="s">
        <v>118</v>
      </c>
      <c r="E8374">
        <v>2011</v>
      </c>
      <c r="F8374">
        <v>2011</v>
      </c>
      <c r="G8374" t="s">
        <v>14</v>
      </c>
      <c r="H8374" t="s">
        <v>121</v>
      </c>
      <c r="I8374" t="s">
        <v>15</v>
      </c>
      <c r="J8374" s="10">
        <v>36.285508180000001</v>
      </c>
    </row>
    <row r="8375" spans="1:10" x14ac:dyDescent="0.35">
      <c r="A8375" t="s">
        <v>22</v>
      </c>
      <c r="B8375" t="s">
        <v>52</v>
      </c>
      <c r="C8375" t="s">
        <v>117</v>
      </c>
      <c r="D8375" t="s">
        <v>118</v>
      </c>
      <c r="E8375">
        <v>2011</v>
      </c>
      <c r="F8375">
        <v>2011</v>
      </c>
      <c r="G8375" t="s">
        <v>14</v>
      </c>
      <c r="H8375" t="s">
        <v>122</v>
      </c>
      <c r="I8375" t="s">
        <v>15</v>
      </c>
      <c r="J8375" s="10">
        <v>19.018954279999999</v>
      </c>
    </row>
    <row r="8376" spans="1:10" x14ac:dyDescent="0.35">
      <c r="A8376" t="s">
        <v>22</v>
      </c>
      <c r="B8376" t="s">
        <v>52</v>
      </c>
      <c r="C8376" t="s">
        <v>117</v>
      </c>
      <c r="D8376" t="s">
        <v>118</v>
      </c>
      <c r="E8376">
        <v>2011</v>
      </c>
      <c r="F8376">
        <v>2011</v>
      </c>
      <c r="G8376" t="s">
        <v>14</v>
      </c>
      <c r="H8376" t="s">
        <v>123</v>
      </c>
      <c r="I8376" t="s">
        <v>15</v>
      </c>
      <c r="J8376" s="10">
        <v>14.34505746</v>
      </c>
    </row>
    <row r="8377" spans="1:10" x14ac:dyDescent="0.35">
      <c r="A8377" t="s">
        <v>22</v>
      </c>
      <c r="B8377" t="s">
        <v>52</v>
      </c>
      <c r="C8377" t="s">
        <v>117</v>
      </c>
      <c r="D8377" t="s">
        <v>118</v>
      </c>
      <c r="E8377">
        <v>2011</v>
      </c>
      <c r="F8377">
        <v>2011</v>
      </c>
      <c r="G8377" t="s">
        <v>14</v>
      </c>
      <c r="H8377" t="s">
        <v>124</v>
      </c>
      <c r="I8377" t="s">
        <v>15</v>
      </c>
      <c r="J8377" s="10">
        <v>2.1292473009999999</v>
      </c>
    </row>
    <row r="8378" spans="1:10" x14ac:dyDescent="0.35">
      <c r="A8378" t="s">
        <v>22</v>
      </c>
      <c r="B8378" t="s">
        <v>52</v>
      </c>
      <c r="C8378" t="s">
        <v>117</v>
      </c>
      <c r="D8378" t="s">
        <v>118</v>
      </c>
      <c r="E8378">
        <v>2011</v>
      </c>
      <c r="F8378">
        <v>2011</v>
      </c>
      <c r="G8378" t="s">
        <v>125</v>
      </c>
      <c r="H8378" t="s">
        <v>119</v>
      </c>
      <c r="I8378" t="s">
        <v>15</v>
      </c>
      <c r="J8378" s="10">
        <v>18.978539430000001</v>
      </c>
    </row>
    <row r="8379" spans="1:10" x14ac:dyDescent="0.35">
      <c r="A8379" t="s">
        <v>22</v>
      </c>
      <c r="B8379" t="s">
        <v>52</v>
      </c>
      <c r="C8379" t="s">
        <v>117</v>
      </c>
      <c r="D8379" t="s">
        <v>118</v>
      </c>
      <c r="E8379">
        <v>2011</v>
      </c>
      <c r="F8379">
        <v>2011</v>
      </c>
      <c r="G8379" t="s">
        <v>125</v>
      </c>
      <c r="H8379" t="s">
        <v>120</v>
      </c>
      <c r="I8379" t="s">
        <v>15</v>
      </c>
      <c r="J8379" s="10">
        <v>10.79539535</v>
      </c>
    </row>
    <row r="8380" spans="1:10" x14ac:dyDescent="0.35">
      <c r="A8380" t="s">
        <v>22</v>
      </c>
      <c r="B8380" t="s">
        <v>52</v>
      </c>
      <c r="C8380" t="s">
        <v>117</v>
      </c>
      <c r="D8380" t="s">
        <v>118</v>
      </c>
      <c r="E8380">
        <v>2011</v>
      </c>
      <c r="F8380">
        <v>2011</v>
      </c>
      <c r="G8380" t="s">
        <v>125</v>
      </c>
      <c r="H8380" t="s">
        <v>121</v>
      </c>
      <c r="I8380" t="s">
        <v>15</v>
      </c>
      <c r="J8380" s="10">
        <v>36.52724242</v>
      </c>
    </row>
    <row r="8381" spans="1:10" x14ac:dyDescent="0.35">
      <c r="A8381" t="s">
        <v>22</v>
      </c>
      <c r="B8381" t="s">
        <v>52</v>
      </c>
      <c r="C8381" t="s">
        <v>117</v>
      </c>
      <c r="D8381" t="s">
        <v>118</v>
      </c>
      <c r="E8381">
        <v>2011</v>
      </c>
      <c r="F8381">
        <v>2011</v>
      </c>
      <c r="G8381" t="s">
        <v>125</v>
      </c>
      <c r="H8381" t="s">
        <v>122</v>
      </c>
      <c r="I8381" t="s">
        <v>15</v>
      </c>
      <c r="J8381" s="10">
        <v>19.28065423</v>
      </c>
    </row>
    <row r="8382" spans="1:10" x14ac:dyDescent="0.35">
      <c r="A8382" t="s">
        <v>22</v>
      </c>
      <c r="B8382" t="s">
        <v>52</v>
      </c>
      <c r="C8382" t="s">
        <v>117</v>
      </c>
      <c r="D8382" t="s">
        <v>118</v>
      </c>
      <c r="E8382">
        <v>2011</v>
      </c>
      <c r="F8382">
        <v>2011</v>
      </c>
      <c r="G8382" t="s">
        <v>125</v>
      </c>
      <c r="H8382" t="s">
        <v>123</v>
      </c>
      <c r="I8382" t="s">
        <v>15</v>
      </c>
      <c r="J8382" s="10">
        <v>13.02739869</v>
      </c>
    </row>
    <row r="8383" spans="1:10" x14ac:dyDescent="0.35">
      <c r="A8383" t="s">
        <v>22</v>
      </c>
      <c r="B8383" t="s">
        <v>52</v>
      </c>
      <c r="C8383" t="s">
        <v>117</v>
      </c>
      <c r="D8383" t="s">
        <v>118</v>
      </c>
      <c r="E8383">
        <v>2011</v>
      </c>
      <c r="F8383">
        <v>2011</v>
      </c>
      <c r="G8383" t="s">
        <v>125</v>
      </c>
      <c r="H8383" t="s">
        <v>124</v>
      </c>
      <c r="I8383" t="s">
        <v>15</v>
      </c>
      <c r="J8383" s="10">
        <v>1.3907698719999999</v>
      </c>
    </row>
    <row r="8384" spans="1:10" x14ac:dyDescent="0.35">
      <c r="A8384" t="s">
        <v>22</v>
      </c>
      <c r="B8384" t="s">
        <v>52</v>
      </c>
      <c r="C8384" t="s">
        <v>117</v>
      </c>
      <c r="D8384" t="s">
        <v>118</v>
      </c>
      <c r="E8384">
        <v>2011</v>
      </c>
      <c r="F8384">
        <v>2011</v>
      </c>
      <c r="G8384" t="s">
        <v>126</v>
      </c>
      <c r="H8384" t="s">
        <v>119</v>
      </c>
      <c r="I8384" t="s">
        <v>15</v>
      </c>
      <c r="J8384" s="10">
        <v>16.649209670000001</v>
      </c>
    </row>
    <row r="8385" spans="1:10" x14ac:dyDescent="0.35">
      <c r="A8385" t="s">
        <v>22</v>
      </c>
      <c r="B8385" t="s">
        <v>52</v>
      </c>
      <c r="C8385" t="s">
        <v>117</v>
      </c>
      <c r="D8385" t="s">
        <v>118</v>
      </c>
      <c r="E8385">
        <v>2011</v>
      </c>
      <c r="F8385">
        <v>2011</v>
      </c>
      <c r="G8385" t="s">
        <v>126</v>
      </c>
      <c r="H8385" t="s">
        <v>120</v>
      </c>
      <c r="I8385" t="s">
        <v>15</v>
      </c>
      <c r="J8385" s="10">
        <v>10.15282803</v>
      </c>
    </row>
    <row r="8386" spans="1:10" x14ac:dyDescent="0.35">
      <c r="A8386" t="s">
        <v>22</v>
      </c>
      <c r="B8386" t="s">
        <v>52</v>
      </c>
      <c r="C8386" t="s">
        <v>117</v>
      </c>
      <c r="D8386" t="s">
        <v>118</v>
      </c>
      <c r="E8386">
        <v>2011</v>
      </c>
      <c r="F8386">
        <v>2011</v>
      </c>
      <c r="G8386" t="s">
        <v>126</v>
      </c>
      <c r="H8386" t="s">
        <v>121</v>
      </c>
      <c r="I8386" t="s">
        <v>15</v>
      </c>
      <c r="J8386" s="10">
        <v>36.064559129999999</v>
      </c>
    </row>
    <row r="8387" spans="1:10" x14ac:dyDescent="0.35">
      <c r="A8387" t="s">
        <v>22</v>
      </c>
      <c r="B8387" t="s">
        <v>52</v>
      </c>
      <c r="C8387" t="s">
        <v>117</v>
      </c>
      <c r="D8387" t="s">
        <v>118</v>
      </c>
      <c r="E8387">
        <v>2011</v>
      </c>
      <c r="F8387">
        <v>2011</v>
      </c>
      <c r="G8387" t="s">
        <v>126</v>
      </c>
      <c r="H8387" t="s">
        <v>122</v>
      </c>
      <c r="I8387" t="s">
        <v>15</v>
      </c>
      <c r="J8387" s="10">
        <v>18.779756240000001</v>
      </c>
    </row>
    <row r="8388" spans="1:10" x14ac:dyDescent="0.35">
      <c r="A8388" t="s">
        <v>22</v>
      </c>
      <c r="B8388" t="s">
        <v>52</v>
      </c>
      <c r="C8388" t="s">
        <v>117</v>
      </c>
      <c r="D8388" t="s">
        <v>118</v>
      </c>
      <c r="E8388">
        <v>2011</v>
      </c>
      <c r="F8388">
        <v>2011</v>
      </c>
      <c r="G8388" t="s">
        <v>126</v>
      </c>
      <c r="H8388" t="s">
        <v>123</v>
      </c>
      <c r="I8388" t="s">
        <v>15</v>
      </c>
      <c r="J8388" s="10">
        <v>15.549419159999999</v>
      </c>
    </row>
    <row r="8389" spans="1:10" x14ac:dyDescent="0.35">
      <c r="A8389" t="s">
        <v>22</v>
      </c>
      <c r="B8389" t="s">
        <v>52</v>
      </c>
      <c r="C8389" t="s">
        <v>117</v>
      </c>
      <c r="D8389" t="s">
        <v>118</v>
      </c>
      <c r="E8389">
        <v>2011</v>
      </c>
      <c r="F8389">
        <v>2011</v>
      </c>
      <c r="G8389" t="s">
        <v>126</v>
      </c>
      <c r="H8389" t="s">
        <v>124</v>
      </c>
      <c r="I8389" t="s">
        <v>15</v>
      </c>
      <c r="J8389" s="10">
        <v>2.8042277659999999</v>
      </c>
    </row>
    <row r="8390" spans="1:10" x14ac:dyDescent="0.35">
      <c r="A8390" t="s">
        <v>22</v>
      </c>
      <c r="B8390" t="s">
        <v>53</v>
      </c>
      <c r="C8390" t="s">
        <v>117</v>
      </c>
      <c r="D8390" t="s">
        <v>118</v>
      </c>
      <c r="E8390">
        <v>2020</v>
      </c>
      <c r="F8390">
        <v>2020</v>
      </c>
      <c r="G8390" t="s">
        <v>14</v>
      </c>
      <c r="H8390" t="s">
        <v>119</v>
      </c>
      <c r="I8390" t="s">
        <v>15</v>
      </c>
      <c r="J8390" s="10">
        <v>13.904571779999999</v>
      </c>
    </row>
    <row r="8391" spans="1:10" x14ac:dyDescent="0.35">
      <c r="A8391" t="s">
        <v>22</v>
      </c>
      <c r="B8391" t="s">
        <v>53</v>
      </c>
      <c r="C8391" t="s">
        <v>117</v>
      </c>
      <c r="D8391" t="s">
        <v>118</v>
      </c>
      <c r="E8391">
        <v>2020</v>
      </c>
      <c r="F8391">
        <v>2020</v>
      </c>
      <c r="G8391" t="s">
        <v>14</v>
      </c>
      <c r="H8391" t="s">
        <v>120</v>
      </c>
      <c r="I8391" t="s">
        <v>15</v>
      </c>
      <c r="J8391" s="10">
        <v>7.6255237740000004</v>
      </c>
    </row>
    <row r="8392" spans="1:10" x14ac:dyDescent="0.35">
      <c r="A8392" t="s">
        <v>22</v>
      </c>
      <c r="B8392" t="s">
        <v>53</v>
      </c>
      <c r="C8392" t="s">
        <v>117</v>
      </c>
      <c r="D8392" t="s">
        <v>118</v>
      </c>
      <c r="E8392">
        <v>2020</v>
      </c>
      <c r="F8392">
        <v>2020</v>
      </c>
      <c r="G8392" t="s">
        <v>14</v>
      </c>
      <c r="H8392" t="s">
        <v>121</v>
      </c>
      <c r="I8392" t="s">
        <v>15</v>
      </c>
      <c r="J8392" s="10">
        <v>50.986202519999999</v>
      </c>
    </row>
    <row r="8393" spans="1:10" x14ac:dyDescent="0.35">
      <c r="A8393" t="s">
        <v>22</v>
      </c>
      <c r="B8393" t="s">
        <v>53</v>
      </c>
      <c r="C8393" t="s">
        <v>117</v>
      </c>
      <c r="D8393" t="s">
        <v>118</v>
      </c>
      <c r="E8393">
        <v>2020</v>
      </c>
      <c r="F8393">
        <v>2020</v>
      </c>
      <c r="G8393" t="s">
        <v>14</v>
      </c>
      <c r="H8393" t="s">
        <v>122</v>
      </c>
      <c r="I8393" t="s">
        <v>15</v>
      </c>
      <c r="J8393" s="10">
        <v>15.89985132</v>
      </c>
    </row>
    <row r="8394" spans="1:10" x14ac:dyDescent="0.35">
      <c r="A8394" t="s">
        <v>22</v>
      </c>
      <c r="B8394" t="s">
        <v>53</v>
      </c>
      <c r="C8394" t="s">
        <v>117</v>
      </c>
      <c r="D8394" t="s">
        <v>118</v>
      </c>
      <c r="E8394">
        <v>2020</v>
      </c>
      <c r="F8394">
        <v>2020</v>
      </c>
      <c r="G8394" t="s">
        <v>14</v>
      </c>
      <c r="H8394" t="s">
        <v>123</v>
      </c>
      <c r="I8394" t="s">
        <v>15</v>
      </c>
      <c r="J8394" s="10">
        <v>10.00031192</v>
      </c>
    </row>
    <row r="8395" spans="1:10" x14ac:dyDescent="0.35">
      <c r="A8395" t="s">
        <v>22</v>
      </c>
      <c r="B8395" t="s">
        <v>53</v>
      </c>
      <c r="C8395" t="s">
        <v>117</v>
      </c>
      <c r="D8395" t="s">
        <v>118</v>
      </c>
      <c r="E8395">
        <v>2020</v>
      </c>
      <c r="F8395">
        <v>2020</v>
      </c>
      <c r="G8395" t="s">
        <v>14</v>
      </c>
      <c r="H8395" t="s">
        <v>124</v>
      </c>
      <c r="I8395" t="s">
        <v>15</v>
      </c>
      <c r="J8395" s="10">
        <v>1.5835386840000001</v>
      </c>
    </row>
    <row r="8396" spans="1:10" x14ac:dyDescent="0.35">
      <c r="A8396" t="s">
        <v>22</v>
      </c>
      <c r="B8396" t="s">
        <v>53</v>
      </c>
      <c r="C8396" t="s">
        <v>117</v>
      </c>
      <c r="D8396" t="s">
        <v>118</v>
      </c>
      <c r="E8396">
        <v>2020</v>
      </c>
      <c r="F8396">
        <v>2020</v>
      </c>
      <c r="G8396" t="s">
        <v>125</v>
      </c>
      <c r="H8396" t="s">
        <v>119</v>
      </c>
      <c r="I8396" t="s">
        <v>15</v>
      </c>
      <c r="J8396" s="10">
        <v>14.191460490000001</v>
      </c>
    </row>
    <row r="8397" spans="1:10" x14ac:dyDescent="0.35">
      <c r="A8397" t="s">
        <v>22</v>
      </c>
      <c r="B8397" t="s">
        <v>53</v>
      </c>
      <c r="C8397" t="s">
        <v>117</v>
      </c>
      <c r="D8397" t="s">
        <v>118</v>
      </c>
      <c r="E8397">
        <v>2020</v>
      </c>
      <c r="F8397">
        <v>2020</v>
      </c>
      <c r="G8397" t="s">
        <v>125</v>
      </c>
      <c r="H8397" t="s">
        <v>120</v>
      </c>
      <c r="I8397" t="s">
        <v>15</v>
      </c>
      <c r="J8397" s="10">
        <v>7.4036955840000003</v>
      </c>
    </row>
    <row r="8398" spans="1:10" x14ac:dyDescent="0.35">
      <c r="A8398" t="s">
        <v>22</v>
      </c>
      <c r="B8398" t="s">
        <v>53</v>
      </c>
      <c r="C8398" t="s">
        <v>117</v>
      </c>
      <c r="D8398" t="s">
        <v>118</v>
      </c>
      <c r="E8398">
        <v>2020</v>
      </c>
      <c r="F8398">
        <v>2020</v>
      </c>
      <c r="G8398" t="s">
        <v>125</v>
      </c>
      <c r="H8398" t="s">
        <v>121</v>
      </c>
      <c r="I8398" t="s">
        <v>15</v>
      </c>
      <c r="J8398" s="10">
        <v>51.28301493</v>
      </c>
    </row>
    <row r="8399" spans="1:10" x14ac:dyDescent="0.35">
      <c r="A8399" t="s">
        <v>22</v>
      </c>
      <c r="B8399" t="s">
        <v>53</v>
      </c>
      <c r="C8399" t="s">
        <v>117</v>
      </c>
      <c r="D8399" t="s">
        <v>118</v>
      </c>
      <c r="E8399">
        <v>2020</v>
      </c>
      <c r="F8399">
        <v>2020</v>
      </c>
      <c r="G8399" t="s">
        <v>125</v>
      </c>
      <c r="H8399" t="s">
        <v>122</v>
      </c>
      <c r="I8399" t="s">
        <v>15</v>
      </c>
      <c r="J8399" s="10">
        <v>16.500678570000002</v>
      </c>
    </row>
    <row r="8400" spans="1:10" x14ac:dyDescent="0.35">
      <c r="A8400" t="s">
        <v>22</v>
      </c>
      <c r="B8400" t="s">
        <v>53</v>
      </c>
      <c r="C8400" t="s">
        <v>117</v>
      </c>
      <c r="D8400" t="s">
        <v>118</v>
      </c>
      <c r="E8400">
        <v>2020</v>
      </c>
      <c r="F8400">
        <v>2020</v>
      </c>
      <c r="G8400" t="s">
        <v>125</v>
      </c>
      <c r="H8400" t="s">
        <v>123</v>
      </c>
      <c r="I8400" t="s">
        <v>15</v>
      </c>
      <c r="J8400" s="10">
        <v>9.4915962</v>
      </c>
    </row>
    <row r="8401" spans="1:10" x14ac:dyDescent="0.35">
      <c r="A8401" t="s">
        <v>22</v>
      </c>
      <c r="B8401" t="s">
        <v>53</v>
      </c>
      <c r="C8401" t="s">
        <v>117</v>
      </c>
      <c r="D8401" t="s">
        <v>118</v>
      </c>
      <c r="E8401">
        <v>2020</v>
      </c>
      <c r="F8401">
        <v>2020</v>
      </c>
      <c r="G8401" t="s">
        <v>125</v>
      </c>
      <c r="H8401" t="s">
        <v>124</v>
      </c>
      <c r="I8401" t="s">
        <v>15</v>
      </c>
      <c r="J8401" s="10">
        <v>1.1295542329999999</v>
      </c>
    </row>
    <row r="8402" spans="1:10" x14ac:dyDescent="0.35">
      <c r="A8402" t="s">
        <v>22</v>
      </c>
      <c r="B8402" t="s">
        <v>53</v>
      </c>
      <c r="C8402" t="s">
        <v>117</v>
      </c>
      <c r="D8402" t="s">
        <v>118</v>
      </c>
      <c r="E8402">
        <v>2020</v>
      </c>
      <c r="F8402">
        <v>2020</v>
      </c>
      <c r="G8402" t="s">
        <v>126</v>
      </c>
      <c r="H8402" t="s">
        <v>119</v>
      </c>
      <c r="I8402" t="s">
        <v>15</v>
      </c>
      <c r="J8402" s="10">
        <v>13.6199826</v>
      </c>
    </row>
    <row r="8403" spans="1:10" x14ac:dyDescent="0.35">
      <c r="A8403" t="s">
        <v>22</v>
      </c>
      <c r="B8403" t="s">
        <v>53</v>
      </c>
      <c r="C8403" t="s">
        <v>117</v>
      </c>
      <c r="D8403" t="s">
        <v>118</v>
      </c>
      <c r="E8403">
        <v>2020</v>
      </c>
      <c r="F8403">
        <v>2020</v>
      </c>
      <c r="G8403" t="s">
        <v>126</v>
      </c>
      <c r="H8403" t="s">
        <v>120</v>
      </c>
      <c r="I8403" t="s">
        <v>15</v>
      </c>
      <c r="J8403" s="10">
        <v>7.8455739199999996</v>
      </c>
    </row>
    <row r="8404" spans="1:10" x14ac:dyDescent="0.35">
      <c r="A8404" t="s">
        <v>22</v>
      </c>
      <c r="B8404" t="s">
        <v>53</v>
      </c>
      <c r="C8404" t="s">
        <v>117</v>
      </c>
      <c r="D8404" t="s">
        <v>118</v>
      </c>
      <c r="E8404">
        <v>2020</v>
      </c>
      <c r="F8404">
        <v>2020</v>
      </c>
      <c r="G8404" t="s">
        <v>126</v>
      </c>
      <c r="H8404" t="s">
        <v>121</v>
      </c>
      <c r="I8404" t="s">
        <v>15</v>
      </c>
      <c r="J8404" s="10">
        <v>50.691769190000002</v>
      </c>
    </row>
    <row r="8405" spans="1:10" x14ac:dyDescent="0.35">
      <c r="A8405" t="s">
        <v>22</v>
      </c>
      <c r="B8405" t="s">
        <v>53</v>
      </c>
      <c r="C8405" t="s">
        <v>117</v>
      </c>
      <c r="D8405" t="s">
        <v>118</v>
      </c>
      <c r="E8405">
        <v>2020</v>
      </c>
      <c r="F8405">
        <v>2020</v>
      </c>
      <c r="G8405" t="s">
        <v>126</v>
      </c>
      <c r="H8405" t="s">
        <v>122</v>
      </c>
      <c r="I8405" t="s">
        <v>15</v>
      </c>
      <c r="J8405" s="10">
        <v>15.30383994</v>
      </c>
    </row>
    <row r="8406" spans="1:10" x14ac:dyDescent="0.35">
      <c r="A8406" t="s">
        <v>22</v>
      </c>
      <c r="B8406" t="s">
        <v>53</v>
      </c>
      <c r="C8406" t="s">
        <v>117</v>
      </c>
      <c r="D8406" t="s">
        <v>118</v>
      </c>
      <c r="E8406">
        <v>2020</v>
      </c>
      <c r="F8406">
        <v>2020</v>
      </c>
      <c r="G8406" t="s">
        <v>126</v>
      </c>
      <c r="H8406" t="s">
        <v>123</v>
      </c>
      <c r="I8406" t="s">
        <v>15</v>
      </c>
      <c r="J8406" s="10">
        <v>10.50495008</v>
      </c>
    </row>
    <row r="8407" spans="1:10" x14ac:dyDescent="0.35">
      <c r="A8407" t="s">
        <v>22</v>
      </c>
      <c r="B8407" t="s">
        <v>53</v>
      </c>
      <c r="C8407" t="s">
        <v>117</v>
      </c>
      <c r="D8407" t="s">
        <v>118</v>
      </c>
      <c r="E8407">
        <v>2020</v>
      </c>
      <c r="F8407">
        <v>2020</v>
      </c>
      <c r="G8407" t="s">
        <v>126</v>
      </c>
      <c r="H8407" t="s">
        <v>124</v>
      </c>
      <c r="I8407" t="s">
        <v>15</v>
      </c>
      <c r="J8407" s="10">
        <v>2.033884263</v>
      </c>
    </row>
    <row r="8408" spans="1:10" x14ac:dyDescent="0.35">
      <c r="A8408" t="s">
        <v>22</v>
      </c>
      <c r="B8408" t="s">
        <v>53</v>
      </c>
      <c r="C8408" t="s">
        <v>117</v>
      </c>
      <c r="D8408" t="s">
        <v>118</v>
      </c>
      <c r="E8408">
        <v>2019</v>
      </c>
      <c r="F8408">
        <v>2019</v>
      </c>
      <c r="G8408" t="s">
        <v>14</v>
      </c>
      <c r="H8408" t="s">
        <v>119</v>
      </c>
      <c r="I8408" t="s">
        <v>15</v>
      </c>
      <c r="J8408" s="10">
        <v>14.076172489999999</v>
      </c>
    </row>
    <row r="8409" spans="1:10" x14ac:dyDescent="0.35">
      <c r="A8409" t="s">
        <v>22</v>
      </c>
      <c r="B8409" t="s">
        <v>53</v>
      </c>
      <c r="C8409" t="s">
        <v>117</v>
      </c>
      <c r="D8409" t="s">
        <v>118</v>
      </c>
      <c r="E8409">
        <v>2019</v>
      </c>
      <c r="F8409">
        <v>2019</v>
      </c>
      <c r="G8409" t="s">
        <v>14</v>
      </c>
      <c r="H8409" t="s">
        <v>120</v>
      </c>
      <c r="I8409" t="s">
        <v>15</v>
      </c>
      <c r="J8409" s="10">
        <v>7.7200713460000001</v>
      </c>
    </row>
    <row r="8410" spans="1:10" x14ac:dyDescent="0.35">
      <c r="A8410" t="s">
        <v>22</v>
      </c>
      <c r="B8410" t="s">
        <v>53</v>
      </c>
      <c r="C8410" t="s">
        <v>117</v>
      </c>
      <c r="D8410" t="s">
        <v>118</v>
      </c>
      <c r="E8410">
        <v>2019</v>
      </c>
      <c r="F8410">
        <v>2019</v>
      </c>
      <c r="G8410" t="s">
        <v>14</v>
      </c>
      <c r="H8410" t="s">
        <v>121</v>
      </c>
      <c r="I8410" t="s">
        <v>15</v>
      </c>
      <c r="J8410" s="10">
        <v>50.718707379999998</v>
      </c>
    </row>
    <row r="8411" spans="1:10" x14ac:dyDescent="0.35">
      <c r="A8411" t="s">
        <v>22</v>
      </c>
      <c r="B8411" t="s">
        <v>53</v>
      </c>
      <c r="C8411" t="s">
        <v>117</v>
      </c>
      <c r="D8411" t="s">
        <v>118</v>
      </c>
      <c r="E8411">
        <v>2019</v>
      </c>
      <c r="F8411">
        <v>2019</v>
      </c>
      <c r="G8411" t="s">
        <v>14</v>
      </c>
      <c r="H8411" t="s">
        <v>122</v>
      </c>
      <c r="I8411" t="s">
        <v>15</v>
      </c>
      <c r="J8411" s="10">
        <v>15.87766236</v>
      </c>
    </row>
    <row r="8412" spans="1:10" x14ac:dyDescent="0.35">
      <c r="A8412" t="s">
        <v>22</v>
      </c>
      <c r="B8412" t="s">
        <v>53</v>
      </c>
      <c r="C8412" t="s">
        <v>117</v>
      </c>
      <c r="D8412" t="s">
        <v>118</v>
      </c>
      <c r="E8412">
        <v>2019</v>
      </c>
      <c r="F8412">
        <v>2019</v>
      </c>
      <c r="G8412" t="s">
        <v>14</v>
      </c>
      <c r="H8412" t="s">
        <v>123</v>
      </c>
      <c r="I8412" t="s">
        <v>15</v>
      </c>
      <c r="J8412" s="10">
        <v>9.9674745569999992</v>
      </c>
    </row>
    <row r="8413" spans="1:10" x14ac:dyDescent="0.35">
      <c r="A8413" t="s">
        <v>22</v>
      </c>
      <c r="B8413" t="s">
        <v>53</v>
      </c>
      <c r="C8413" t="s">
        <v>117</v>
      </c>
      <c r="D8413" t="s">
        <v>118</v>
      </c>
      <c r="E8413">
        <v>2019</v>
      </c>
      <c r="F8413">
        <v>2019</v>
      </c>
      <c r="G8413" t="s">
        <v>14</v>
      </c>
      <c r="H8413" t="s">
        <v>124</v>
      </c>
      <c r="I8413" t="s">
        <v>15</v>
      </c>
      <c r="J8413" s="10">
        <v>1.6399118669999999</v>
      </c>
    </row>
    <row r="8414" spans="1:10" x14ac:dyDescent="0.35">
      <c r="A8414" t="s">
        <v>22</v>
      </c>
      <c r="B8414" t="s">
        <v>53</v>
      </c>
      <c r="C8414" t="s">
        <v>117</v>
      </c>
      <c r="D8414" t="s">
        <v>118</v>
      </c>
      <c r="E8414">
        <v>2019</v>
      </c>
      <c r="F8414">
        <v>2019</v>
      </c>
      <c r="G8414" t="s">
        <v>125</v>
      </c>
      <c r="H8414" t="s">
        <v>119</v>
      </c>
      <c r="I8414" t="s">
        <v>15</v>
      </c>
      <c r="J8414" s="10">
        <v>14.448974420000001</v>
      </c>
    </row>
    <row r="8415" spans="1:10" x14ac:dyDescent="0.35">
      <c r="A8415" t="s">
        <v>22</v>
      </c>
      <c r="B8415" t="s">
        <v>53</v>
      </c>
      <c r="C8415" t="s">
        <v>117</v>
      </c>
      <c r="D8415" t="s">
        <v>118</v>
      </c>
      <c r="E8415">
        <v>2019</v>
      </c>
      <c r="F8415">
        <v>2019</v>
      </c>
      <c r="G8415" t="s">
        <v>125</v>
      </c>
      <c r="H8415" t="s">
        <v>120</v>
      </c>
      <c r="I8415" t="s">
        <v>15</v>
      </c>
      <c r="J8415" s="10">
        <v>7.3998183319999997</v>
      </c>
    </row>
    <row r="8416" spans="1:10" x14ac:dyDescent="0.35">
      <c r="A8416" t="s">
        <v>22</v>
      </c>
      <c r="B8416" t="s">
        <v>53</v>
      </c>
      <c r="C8416" t="s">
        <v>117</v>
      </c>
      <c r="D8416" t="s">
        <v>118</v>
      </c>
      <c r="E8416">
        <v>2019</v>
      </c>
      <c r="F8416">
        <v>2019</v>
      </c>
      <c r="G8416" t="s">
        <v>125</v>
      </c>
      <c r="H8416" t="s">
        <v>121</v>
      </c>
      <c r="I8416" t="s">
        <v>15</v>
      </c>
      <c r="J8416" s="10">
        <v>51.101628679999997</v>
      </c>
    </row>
    <row r="8417" spans="1:10" x14ac:dyDescent="0.35">
      <c r="A8417" t="s">
        <v>22</v>
      </c>
      <c r="B8417" t="s">
        <v>53</v>
      </c>
      <c r="C8417" t="s">
        <v>117</v>
      </c>
      <c r="D8417" t="s">
        <v>118</v>
      </c>
      <c r="E8417">
        <v>2019</v>
      </c>
      <c r="F8417">
        <v>2019</v>
      </c>
      <c r="G8417" t="s">
        <v>125</v>
      </c>
      <c r="H8417" t="s">
        <v>122</v>
      </c>
      <c r="I8417" t="s">
        <v>15</v>
      </c>
      <c r="J8417" s="10">
        <v>16.481125500000001</v>
      </c>
    </row>
    <row r="8418" spans="1:10" x14ac:dyDescent="0.35">
      <c r="A8418" t="s">
        <v>22</v>
      </c>
      <c r="B8418" t="s">
        <v>53</v>
      </c>
      <c r="C8418" t="s">
        <v>117</v>
      </c>
      <c r="D8418" t="s">
        <v>118</v>
      </c>
      <c r="E8418">
        <v>2019</v>
      </c>
      <c r="F8418">
        <v>2019</v>
      </c>
      <c r="G8418" t="s">
        <v>125</v>
      </c>
      <c r="H8418" t="s">
        <v>123</v>
      </c>
      <c r="I8418" t="s">
        <v>15</v>
      </c>
      <c r="J8418" s="10">
        <v>9.4108451809999991</v>
      </c>
    </row>
    <row r="8419" spans="1:10" x14ac:dyDescent="0.35">
      <c r="A8419" t="s">
        <v>22</v>
      </c>
      <c r="B8419" t="s">
        <v>53</v>
      </c>
      <c r="C8419" t="s">
        <v>117</v>
      </c>
      <c r="D8419" t="s">
        <v>118</v>
      </c>
      <c r="E8419">
        <v>2019</v>
      </c>
      <c r="F8419">
        <v>2019</v>
      </c>
      <c r="G8419" t="s">
        <v>125</v>
      </c>
      <c r="H8419" t="s">
        <v>124</v>
      </c>
      <c r="I8419" t="s">
        <v>15</v>
      </c>
      <c r="J8419" s="10">
        <v>1.1576078919999999</v>
      </c>
    </row>
    <row r="8420" spans="1:10" x14ac:dyDescent="0.35">
      <c r="A8420" t="s">
        <v>22</v>
      </c>
      <c r="B8420" t="s">
        <v>53</v>
      </c>
      <c r="C8420" t="s">
        <v>117</v>
      </c>
      <c r="D8420" t="s">
        <v>118</v>
      </c>
      <c r="E8420">
        <v>2019</v>
      </c>
      <c r="F8420">
        <v>2019</v>
      </c>
      <c r="G8420" t="s">
        <v>126</v>
      </c>
      <c r="H8420" t="s">
        <v>119</v>
      </c>
      <c r="I8420" t="s">
        <v>15</v>
      </c>
      <c r="J8420" s="10">
        <v>13.708282090000001</v>
      </c>
    </row>
    <row r="8421" spans="1:10" x14ac:dyDescent="0.35">
      <c r="A8421" t="s">
        <v>22</v>
      </c>
      <c r="B8421" t="s">
        <v>53</v>
      </c>
      <c r="C8421" t="s">
        <v>117</v>
      </c>
      <c r="D8421" t="s">
        <v>118</v>
      </c>
      <c r="E8421">
        <v>2019</v>
      </c>
      <c r="F8421">
        <v>2019</v>
      </c>
      <c r="G8421" t="s">
        <v>126</v>
      </c>
      <c r="H8421" t="s">
        <v>120</v>
      </c>
      <c r="I8421" t="s">
        <v>15</v>
      </c>
      <c r="J8421" s="10">
        <v>8.0361051470000007</v>
      </c>
    </row>
    <row r="8422" spans="1:10" x14ac:dyDescent="0.35">
      <c r="A8422" t="s">
        <v>22</v>
      </c>
      <c r="B8422" t="s">
        <v>53</v>
      </c>
      <c r="C8422" t="s">
        <v>117</v>
      </c>
      <c r="D8422" t="s">
        <v>118</v>
      </c>
      <c r="E8422">
        <v>2019</v>
      </c>
      <c r="F8422">
        <v>2019</v>
      </c>
      <c r="G8422" t="s">
        <v>126</v>
      </c>
      <c r="H8422" t="s">
        <v>121</v>
      </c>
      <c r="I8422" t="s">
        <v>15</v>
      </c>
      <c r="J8422" s="10">
        <v>50.340830920000002</v>
      </c>
    </row>
    <row r="8423" spans="1:10" x14ac:dyDescent="0.35">
      <c r="A8423" t="s">
        <v>22</v>
      </c>
      <c r="B8423" t="s">
        <v>53</v>
      </c>
      <c r="C8423" t="s">
        <v>117</v>
      </c>
      <c r="D8423" t="s">
        <v>118</v>
      </c>
      <c r="E8423">
        <v>2019</v>
      </c>
      <c r="F8423">
        <v>2019</v>
      </c>
      <c r="G8423" t="s">
        <v>126</v>
      </c>
      <c r="H8423" t="s">
        <v>122</v>
      </c>
      <c r="I8423" t="s">
        <v>15</v>
      </c>
      <c r="J8423" s="10">
        <v>15.282149629999999</v>
      </c>
    </row>
    <row r="8424" spans="1:10" x14ac:dyDescent="0.35">
      <c r="A8424" t="s">
        <v>22</v>
      </c>
      <c r="B8424" t="s">
        <v>53</v>
      </c>
      <c r="C8424" t="s">
        <v>117</v>
      </c>
      <c r="D8424" t="s">
        <v>118</v>
      </c>
      <c r="E8424">
        <v>2019</v>
      </c>
      <c r="F8424">
        <v>2019</v>
      </c>
      <c r="G8424" t="s">
        <v>126</v>
      </c>
      <c r="H8424" t="s">
        <v>123</v>
      </c>
      <c r="I8424" t="s">
        <v>15</v>
      </c>
      <c r="J8424" s="10">
        <v>10.51677055</v>
      </c>
    </row>
    <row r="8425" spans="1:10" x14ac:dyDescent="0.35">
      <c r="A8425" t="s">
        <v>22</v>
      </c>
      <c r="B8425" t="s">
        <v>53</v>
      </c>
      <c r="C8425" t="s">
        <v>117</v>
      </c>
      <c r="D8425" t="s">
        <v>118</v>
      </c>
      <c r="E8425">
        <v>2019</v>
      </c>
      <c r="F8425">
        <v>2019</v>
      </c>
      <c r="G8425" t="s">
        <v>126</v>
      </c>
      <c r="H8425" t="s">
        <v>124</v>
      </c>
      <c r="I8425" t="s">
        <v>15</v>
      </c>
      <c r="J8425" s="10">
        <v>2.1158616659999998</v>
      </c>
    </row>
    <row r="8426" spans="1:10" x14ac:dyDescent="0.35">
      <c r="A8426" t="s">
        <v>22</v>
      </c>
      <c r="B8426" t="s">
        <v>53</v>
      </c>
      <c r="C8426" t="s">
        <v>117</v>
      </c>
      <c r="D8426" t="s">
        <v>118</v>
      </c>
      <c r="E8426">
        <v>2018</v>
      </c>
      <c r="F8426">
        <v>2018</v>
      </c>
      <c r="G8426" t="s">
        <v>14</v>
      </c>
      <c r="H8426" t="s">
        <v>119</v>
      </c>
      <c r="I8426" t="s">
        <v>15</v>
      </c>
      <c r="J8426" s="10">
        <v>14.30799637</v>
      </c>
    </row>
    <row r="8427" spans="1:10" x14ac:dyDescent="0.35">
      <c r="A8427" t="s">
        <v>22</v>
      </c>
      <c r="B8427" t="s">
        <v>53</v>
      </c>
      <c r="C8427" t="s">
        <v>117</v>
      </c>
      <c r="D8427" t="s">
        <v>118</v>
      </c>
      <c r="E8427">
        <v>2018</v>
      </c>
      <c r="F8427">
        <v>2018</v>
      </c>
      <c r="G8427" t="s">
        <v>14</v>
      </c>
      <c r="H8427" t="s">
        <v>120</v>
      </c>
      <c r="I8427" t="s">
        <v>15</v>
      </c>
      <c r="J8427" s="10">
        <v>7.7955237430000004</v>
      </c>
    </row>
    <row r="8428" spans="1:10" x14ac:dyDescent="0.35">
      <c r="A8428" t="s">
        <v>22</v>
      </c>
      <c r="B8428" t="s">
        <v>53</v>
      </c>
      <c r="C8428" t="s">
        <v>117</v>
      </c>
      <c r="D8428" t="s">
        <v>118</v>
      </c>
      <c r="E8428">
        <v>2018</v>
      </c>
      <c r="F8428">
        <v>2018</v>
      </c>
      <c r="G8428" t="s">
        <v>14</v>
      </c>
      <c r="H8428" t="s">
        <v>121</v>
      </c>
      <c r="I8428" t="s">
        <v>15</v>
      </c>
      <c r="J8428" s="10">
        <v>50.475936109999999</v>
      </c>
    </row>
    <row r="8429" spans="1:10" x14ac:dyDescent="0.35">
      <c r="A8429" t="s">
        <v>22</v>
      </c>
      <c r="B8429" t="s">
        <v>53</v>
      </c>
      <c r="C8429" t="s">
        <v>117</v>
      </c>
      <c r="D8429" t="s">
        <v>118</v>
      </c>
      <c r="E8429">
        <v>2018</v>
      </c>
      <c r="F8429">
        <v>2018</v>
      </c>
      <c r="G8429" t="s">
        <v>14</v>
      </c>
      <c r="H8429" t="s">
        <v>122</v>
      </c>
      <c r="I8429" t="s">
        <v>15</v>
      </c>
      <c r="J8429" s="10">
        <v>15.87949362</v>
      </c>
    </row>
    <row r="8430" spans="1:10" x14ac:dyDescent="0.35">
      <c r="A8430" t="s">
        <v>22</v>
      </c>
      <c r="B8430" t="s">
        <v>53</v>
      </c>
      <c r="C8430" t="s">
        <v>117</v>
      </c>
      <c r="D8430" t="s">
        <v>118</v>
      </c>
      <c r="E8430">
        <v>2018</v>
      </c>
      <c r="F8430">
        <v>2018</v>
      </c>
      <c r="G8430" t="s">
        <v>14</v>
      </c>
      <c r="H8430" t="s">
        <v>123</v>
      </c>
      <c r="I8430" t="s">
        <v>15</v>
      </c>
      <c r="J8430" s="10">
        <v>9.9524598040000001</v>
      </c>
    </row>
    <row r="8431" spans="1:10" x14ac:dyDescent="0.35">
      <c r="A8431" t="s">
        <v>22</v>
      </c>
      <c r="B8431" t="s">
        <v>53</v>
      </c>
      <c r="C8431" t="s">
        <v>117</v>
      </c>
      <c r="D8431" t="s">
        <v>118</v>
      </c>
      <c r="E8431">
        <v>2018</v>
      </c>
      <c r="F8431">
        <v>2018</v>
      </c>
      <c r="G8431" t="s">
        <v>14</v>
      </c>
      <c r="H8431" t="s">
        <v>124</v>
      </c>
      <c r="I8431" t="s">
        <v>15</v>
      </c>
      <c r="J8431" s="10">
        <v>1.5885903530000001</v>
      </c>
    </row>
    <row r="8432" spans="1:10" x14ac:dyDescent="0.35">
      <c r="A8432" t="s">
        <v>22</v>
      </c>
      <c r="B8432" t="s">
        <v>53</v>
      </c>
      <c r="C8432" t="s">
        <v>117</v>
      </c>
      <c r="D8432" t="s">
        <v>118</v>
      </c>
      <c r="E8432">
        <v>2018</v>
      </c>
      <c r="F8432">
        <v>2018</v>
      </c>
      <c r="G8432" t="s">
        <v>125</v>
      </c>
      <c r="H8432" t="s">
        <v>119</v>
      </c>
      <c r="I8432" t="s">
        <v>15</v>
      </c>
      <c r="J8432" s="10">
        <v>14.66927913</v>
      </c>
    </row>
    <row r="8433" spans="1:10" x14ac:dyDescent="0.35">
      <c r="A8433" t="s">
        <v>22</v>
      </c>
      <c r="B8433" t="s">
        <v>53</v>
      </c>
      <c r="C8433" t="s">
        <v>117</v>
      </c>
      <c r="D8433" t="s">
        <v>118</v>
      </c>
      <c r="E8433">
        <v>2018</v>
      </c>
      <c r="F8433">
        <v>2018</v>
      </c>
      <c r="G8433" t="s">
        <v>125</v>
      </c>
      <c r="H8433" t="s">
        <v>120</v>
      </c>
      <c r="I8433" t="s">
        <v>15</v>
      </c>
      <c r="J8433" s="10">
        <v>7.4347601409999999</v>
      </c>
    </row>
    <row r="8434" spans="1:10" x14ac:dyDescent="0.35">
      <c r="A8434" t="s">
        <v>22</v>
      </c>
      <c r="B8434" t="s">
        <v>53</v>
      </c>
      <c r="C8434" t="s">
        <v>117</v>
      </c>
      <c r="D8434" t="s">
        <v>118</v>
      </c>
      <c r="E8434">
        <v>2018</v>
      </c>
      <c r="F8434">
        <v>2018</v>
      </c>
      <c r="G8434" t="s">
        <v>125</v>
      </c>
      <c r="H8434" t="s">
        <v>121</v>
      </c>
      <c r="I8434" t="s">
        <v>15</v>
      </c>
      <c r="J8434" s="10">
        <v>50.975368189999998</v>
      </c>
    </row>
    <row r="8435" spans="1:10" x14ac:dyDescent="0.35">
      <c r="A8435" t="s">
        <v>22</v>
      </c>
      <c r="B8435" t="s">
        <v>53</v>
      </c>
      <c r="C8435" t="s">
        <v>117</v>
      </c>
      <c r="D8435" t="s">
        <v>118</v>
      </c>
      <c r="E8435">
        <v>2018</v>
      </c>
      <c r="F8435">
        <v>2018</v>
      </c>
      <c r="G8435" t="s">
        <v>125</v>
      </c>
      <c r="H8435" t="s">
        <v>122</v>
      </c>
      <c r="I8435" t="s">
        <v>15</v>
      </c>
      <c r="J8435" s="10">
        <v>16.462836960000001</v>
      </c>
    </row>
    <row r="8436" spans="1:10" x14ac:dyDescent="0.35">
      <c r="A8436" t="s">
        <v>22</v>
      </c>
      <c r="B8436" t="s">
        <v>53</v>
      </c>
      <c r="C8436" t="s">
        <v>117</v>
      </c>
      <c r="D8436" t="s">
        <v>118</v>
      </c>
      <c r="E8436">
        <v>2018</v>
      </c>
      <c r="F8436">
        <v>2018</v>
      </c>
      <c r="G8436" t="s">
        <v>125</v>
      </c>
      <c r="H8436" t="s">
        <v>123</v>
      </c>
      <c r="I8436" t="s">
        <v>15</v>
      </c>
      <c r="J8436" s="10">
        <v>9.3618120749999996</v>
      </c>
    </row>
    <row r="8437" spans="1:10" x14ac:dyDescent="0.35">
      <c r="A8437" t="s">
        <v>22</v>
      </c>
      <c r="B8437" t="s">
        <v>53</v>
      </c>
      <c r="C8437" t="s">
        <v>117</v>
      </c>
      <c r="D8437" t="s">
        <v>118</v>
      </c>
      <c r="E8437">
        <v>2018</v>
      </c>
      <c r="F8437">
        <v>2018</v>
      </c>
      <c r="G8437" t="s">
        <v>125</v>
      </c>
      <c r="H8437" t="s">
        <v>124</v>
      </c>
      <c r="I8437" t="s">
        <v>15</v>
      </c>
      <c r="J8437" s="10">
        <v>1.0959435019999999</v>
      </c>
    </row>
    <row r="8438" spans="1:10" x14ac:dyDescent="0.35">
      <c r="A8438" t="s">
        <v>22</v>
      </c>
      <c r="B8438" t="s">
        <v>53</v>
      </c>
      <c r="C8438" t="s">
        <v>117</v>
      </c>
      <c r="D8438" t="s">
        <v>118</v>
      </c>
      <c r="E8438">
        <v>2018</v>
      </c>
      <c r="F8438">
        <v>2018</v>
      </c>
      <c r="G8438" t="s">
        <v>126</v>
      </c>
      <c r="H8438" t="s">
        <v>119</v>
      </c>
      <c r="I8438" t="s">
        <v>15</v>
      </c>
      <c r="J8438" s="10">
        <v>13.95220627</v>
      </c>
    </row>
    <row r="8439" spans="1:10" x14ac:dyDescent="0.35">
      <c r="A8439" t="s">
        <v>22</v>
      </c>
      <c r="B8439" t="s">
        <v>53</v>
      </c>
      <c r="C8439" t="s">
        <v>117</v>
      </c>
      <c r="D8439" t="s">
        <v>118</v>
      </c>
      <c r="E8439">
        <v>2018</v>
      </c>
      <c r="F8439">
        <v>2018</v>
      </c>
      <c r="G8439" t="s">
        <v>126</v>
      </c>
      <c r="H8439" t="s">
        <v>120</v>
      </c>
      <c r="I8439" t="s">
        <v>15</v>
      </c>
      <c r="J8439" s="10">
        <v>8.1508025699999997</v>
      </c>
    </row>
    <row r="8440" spans="1:10" x14ac:dyDescent="0.35">
      <c r="A8440" t="s">
        <v>22</v>
      </c>
      <c r="B8440" t="s">
        <v>53</v>
      </c>
      <c r="C8440" t="s">
        <v>117</v>
      </c>
      <c r="D8440" t="s">
        <v>118</v>
      </c>
      <c r="E8440">
        <v>2018</v>
      </c>
      <c r="F8440">
        <v>2018</v>
      </c>
      <c r="G8440" t="s">
        <v>126</v>
      </c>
      <c r="H8440" t="s">
        <v>121</v>
      </c>
      <c r="I8440" t="s">
        <v>15</v>
      </c>
      <c r="J8440" s="10">
        <v>49.984097030000001</v>
      </c>
    </row>
    <row r="8441" spans="1:10" x14ac:dyDescent="0.35">
      <c r="A8441" t="s">
        <v>22</v>
      </c>
      <c r="B8441" t="s">
        <v>53</v>
      </c>
      <c r="C8441" t="s">
        <v>117</v>
      </c>
      <c r="D8441" t="s">
        <v>118</v>
      </c>
      <c r="E8441">
        <v>2018</v>
      </c>
      <c r="F8441">
        <v>2018</v>
      </c>
      <c r="G8441" t="s">
        <v>126</v>
      </c>
      <c r="H8441" t="s">
        <v>122</v>
      </c>
      <c r="I8441" t="s">
        <v>15</v>
      </c>
      <c r="J8441" s="10">
        <v>15.30501898</v>
      </c>
    </row>
    <row r="8442" spans="1:10" x14ac:dyDescent="0.35">
      <c r="A8442" t="s">
        <v>22</v>
      </c>
      <c r="B8442" t="s">
        <v>53</v>
      </c>
      <c r="C8442" t="s">
        <v>117</v>
      </c>
      <c r="D8442" t="s">
        <v>118</v>
      </c>
      <c r="E8442">
        <v>2018</v>
      </c>
      <c r="F8442">
        <v>2018</v>
      </c>
      <c r="G8442" t="s">
        <v>126</v>
      </c>
      <c r="H8442" t="s">
        <v>123</v>
      </c>
      <c r="I8442" t="s">
        <v>15</v>
      </c>
      <c r="J8442" s="10">
        <v>10.53412778</v>
      </c>
    </row>
    <row r="8443" spans="1:10" x14ac:dyDescent="0.35">
      <c r="A8443" t="s">
        <v>22</v>
      </c>
      <c r="B8443" t="s">
        <v>53</v>
      </c>
      <c r="C8443" t="s">
        <v>117</v>
      </c>
      <c r="D8443" t="s">
        <v>118</v>
      </c>
      <c r="E8443">
        <v>2018</v>
      </c>
      <c r="F8443">
        <v>2018</v>
      </c>
      <c r="G8443" t="s">
        <v>126</v>
      </c>
      <c r="H8443" t="s">
        <v>124</v>
      </c>
      <c r="I8443" t="s">
        <v>15</v>
      </c>
      <c r="J8443" s="10">
        <v>2.073747376</v>
      </c>
    </row>
    <row r="8444" spans="1:10" x14ac:dyDescent="0.35">
      <c r="A8444" t="s">
        <v>22</v>
      </c>
      <c r="B8444" t="s">
        <v>53</v>
      </c>
      <c r="C8444" t="s">
        <v>117</v>
      </c>
      <c r="D8444" t="s">
        <v>118</v>
      </c>
      <c r="E8444">
        <v>2017</v>
      </c>
      <c r="F8444">
        <v>2017</v>
      </c>
      <c r="G8444" t="s">
        <v>14</v>
      </c>
      <c r="H8444" t="s">
        <v>119</v>
      </c>
      <c r="I8444" t="s">
        <v>15</v>
      </c>
      <c r="J8444" s="10">
        <v>14.36674193</v>
      </c>
    </row>
    <row r="8445" spans="1:10" x14ac:dyDescent="0.35">
      <c r="A8445" t="s">
        <v>22</v>
      </c>
      <c r="B8445" t="s">
        <v>53</v>
      </c>
      <c r="C8445" t="s">
        <v>117</v>
      </c>
      <c r="D8445" t="s">
        <v>118</v>
      </c>
      <c r="E8445">
        <v>2017</v>
      </c>
      <c r="F8445">
        <v>2017</v>
      </c>
      <c r="G8445" t="s">
        <v>14</v>
      </c>
      <c r="H8445" t="s">
        <v>120</v>
      </c>
      <c r="I8445" t="s">
        <v>15</v>
      </c>
      <c r="J8445" s="10">
        <v>8.1319346160000006</v>
      </c>
    </row>
    <row r="8446" spans="1:10" x14ac:dyDescent="0.35">
      <c r="A8446" t="s">
        <v>22</v>
      </c>
      <c r="B8446" t="s">
        <v>53</v>
      </c>
      <c r="C8446" t="s">
        <v>117</v>
      </c>
      <c r="D8446" t="s">
        <v>118</v>
      </c>
      <c r="E8446">
        <v>2017</v>
      </c>
      <c r="F8446">
        <v>2017</v>
      </c>
      <c r="G8446" t="s">
        <v>14</v>
      </c>
      <c r="H8446" t="s">
        <v>121</v>
      </c>
      <c r="I8446" t="s">
        <v>15</v>
      </c>
      <c r="J8446" s="10">
        <v>50.290078970000003</v>
      </c>
    </row>
    <row r="8447" spans="1:10" x14ac:dyDescent="0.35">
      <c r="A8447" t="s">
        <v>22</v>
      </c>
      <c r="B8447" t="s">
        <v>53</v>
      </c>
      <c r="C8447" t="s">
        <v>117</v>
      </c>
      <c r="D8447" t="s">
        <v>118</v>
      </c>
      <c r="E8447">
        <v>2017</v>
      </c>
      <c r="F8447">
        <v>2017</v>
      </c>
      <c r="G8447" t="s">
        <v>14</v>
      </c>
      <c r="H8447" t="s">
        <v>122</v>
      </c>
      <c r="I8447" t="s">
        <v>15</v>
      </c>
      <c r="J8447" s="10">
        <v>15.668586120000001</v>
      </c>
    </row>
    <row r="8448" spans="1:10" x14ac:dyDescent="0.35">
      <c r="A8448" t="s">
        <v>22</v>
      </c>
      <c r="B8448" t="s">
        <v>53</v>
      </c>
      <c r="C8448" t="s">
        <v>117</v>
      </c>
      <c r="D8448" t="s">
        <v>118</v>
      </c>
      <c r="E8448">
        <v>2017</v>
      </c>
      <c r="F8448">
        <v>2017</v>
      </c>
      <c r="G8448" t="s">
        <v>14</v>
      </c>
      <c r="H8448" t="s">
        <v>123</v>
      </c>
      <c r="I8448" t="s">
        <v>15</v>
      </c>
      <c r="J8448" s="10">
        <v>9.9383109520000001</v>
      </c>
    </row>
    <row r="8449" spans="1:10" x14ac:dyDescent="0.35">
      <c r="A8449" t="s">
        <v>22</v>
      </c>
      <c r="B8449" t="s">
        <v>53</v>
      </c>
      <c r="C8449" t="s">
        <v>117</v>
      </c>
      <c r="D8449" t="s">
        <v>118</v>
      </c>
      <c r="E8449">
        <v>2017</v>
      </c>
      <c r="F8449">
        <v>2017</v>
      </c>
      <c r="G8449" t="s">
        <v>14</v>
      </c>
      <c r="H8449" t="s">
        <v>124</v>
      </c>
      <c r="I8449" t="s">
        <v>15</v>
      </c>
      <c r="J8449" s="10">
        <v>1.604347403</v>
      </c>
    </row>
    <row r="8450" spans="1:10" x14ac:dyDescent="0.35">
      <c r="A8450" t="s">
        <v>22</v>
      </c>
      <c r="B8450" t="s">
        <v>53</v>
      </c>
      <c r="C8450" t="s">
        <v>117</v>
      </c>
      <c r="D8450" t="s">
        <v>118</v>
      </c>
      <c r="E8450">
        <v>2017</v>
      </c>
      <c r="F8450">
        <v>2017</v>
      </c>
      <c r="G8450" t="s">
        <v>125</v>
      </c>
      <c r="H8450" t="s">
        <v>119</v>
      </c>
      <c r="I8450" t="s">
        <v>15</v>
      </c>
      <c r="J8450" s="10">
        <v>14.8219966</v>
      </c>
    </row>
    <row r="8451" spans="1:10" x14ac:dyDescent="0.35">
      <c r="A8451" t="s">
        <v>22</v>
      </c>
      <c r="B8451" t="s">
        <v>53</v>
      </c>
      <c r="C8451" t="s">
        <v>117</v>
      </c>
      <c r="D8451" t="s">
        <v>118</v>
      </c>
      <c r="E8451">
        <v>2017</v>
      </c>
      <c r="F8451">
        <v>2017</v>
      </c>
      <c r="G8451" t="s">
        <v>125</v>
      </c>
      <c r="H8451" t="s">
        <v>120</v>
      </c>
      <c r="I8451" t="s">
        <v>15</v>
      </c>
      <c r="J8451" s="10">
        <v>7.6277833460000002</v>
      </c>
    </row>
    <row r="8452" spans="1:10" x14ac:dyDescent="0.35">
      <c r="A8452" t="s">
        <v>22</v>
      </c>
      <c r="B8452" t="s">
        <v>53</v>
      </c>
      <c r="C8452" t="s">
        <v>117</v>
      </c>
      <c r="D8452" t="s">
        <v>118</v>
      </c>
      <c r="E8452">
        <v>2017</v>
      </c>
      <c r="F8452">
        <v>2017</v>
      </c>
      <c r="G8452" t="s">
        <v>125</v>
      </c>
      <c r="H8452" t="s">
        <v>121</v>
      </c>
      <c r="I8452" t="s">
        <v>15</v>
      </c>
      <c r="J8452" s="10">
        <v>50.943396229999998</v>
      </c>
    </row>
    <row r="8453" spans="1:10" x14ac:dyDescent="0.35">
      <c r="A8453" t="s">
        <v>22</v>
      </c>
      <c r="B8453" t="s">
        <v>53</v>
      </c>
      <c r="C8453" t="s">
        <v>117</v>
      </c>
      <c r="D8453" t="s">
        <v>118</v>
      </c>
      <c r="E8453">
        <v>2017</v>
      </c>
      <c r="F8453">
        <v>2017</v>
      </c>
      <c r="G8453" t="s">
        <v>125</v>
      </c>
      <c r="H8453" t="s">
        <v>122</v>
      </c>
      <c r="I8453" t="s">
        <v>15</v>
      </c>
      <c r="J8453" s="10">
        <v>16.20332041</v>
      </c>
    </row>
    <row r="8454" spans="1:10" x14ac:dyDescent="0.35">
      <c r="A8454" t="s">
        <v>22</v>
      </c>
      <c r="B8454" t="s">
        <v>53</v>
      </c>
      <c r="C8454" t="s">
        <v>117</v>
      </c>
      <c r="D8454" t="s">
        <v>118</v>
      </c>
      <c r="E8454">
        <v>2017</v>
      </c>
      <c r="F8454">
        <v>2017</v>
      </c>
      <c r="G8454" t="s">
        <v>125</v>
      </c>
      <c r="H8454" t="s">
        <v>123</v>
      </c>
      <c r="I8454" t="s">
        <v>15</v>
      </c>
      <c r="J8454" s="10">
        <v>9.3293825439999996</v>
      </c>
    </row>
    <row r="8455" spans="1:10" x14ac:dyDescent="0.35">
      <c r="A8455" t="s">
        <v>22</v>
      </c>
      <c r="B8455" t="s">
        <v>53</v>
      </c>
      <c r="C8455" t="s">
        <v>117</v>
      </c>
      <c r="D8455" t="s">
        <v>118</v>
      </c>
      <c r="E8455">
        <v>2017</v>
      </c>
      <c r="F8455">
        <v>2017</v>
      </c>
      <c r="G8455" t="s">
        <v>125</v>
      </c>
      <c r="H8455" t="s">
        <v>124</v>
      </c>
      <c r="I8455" t="s">
        <v>15</v>
      </c>
      <c r="J8455" s="10">
        <v>1.0741208769999999</v>
      </c>
    </row>
    <row r="8456" spans="1:10" x14ac:dyDescent="0.35">
      <c r="A8456" t="s">
        <v>22</v>
      </c>
      <c r="B8456" t="s">
        <v>53</v>
      </c>
      <c r="C8456" t="s">
        <v>117</v>
      </c>
      <c r="D8456" t="s">
        <v>118</v>
      </c>
      <c r="E8456">
        <v>2017</v>
      </c>
      <c r="F8456">
        <v>2017</v>
      </c>
      <c r="G8456" t="s">
        <v>126</v>
      </c>
      <c r="H8456" t="s">
        <v>119</v>
      </c>
      <c r="I8456" t="s">
        <v>15</v>
      </c>
      <c r="J8456" s="10">
        <v>13.91895077</v>
      </c>
    </row>
    <row r="8457" spans="1:10" x14ac:dyDescent="0.35">
      <c r="A8457" t="s">
        <v>22</v>
      </c>
      <c r="B8457" t="s">
        <v>53</v>
      </c>
      <c r="C8457" t="s">
        <v>117</v>
      </c>
      <c r="D8457" t="s">
        <v>118</v>
      </c>
      <c r="E8457">
        <v>2017</v>
      </c>
      <c r="F8457">
        <v>2017</v>
      </c>
      <c r="G8457" t="s">
        <v>126</v>
      </c>
      <c r="H8457" t="s">
        <v>120</v>
      </c>
      <c r="I8457" t="s">
        <v>15</v>
      </c>
      <c r="J8457" s="10">
        <v>8.6278207570000003</v>
      </c>
    </row>
    <row r="8458" spans="1:10" x14ac:dyDescent="0.35">
      <c r="A8458" t="s">
        <v>22</v>
      </c>
      <c r="B8458" t="s">
        <v>53</v>
      </c>
      <c r="C8458" t="s">
        <v>117</v>
      </c>
      <c r="D8458" t="s">
        <v>118</v>
      </c>
      <c r="E8458">
        <v>2017</v>
      </c>
      <c r="F8458">
        <v>2017</v>
      </c>
      <c r="G8458" t="s">
        <v>126</v>
      </c>
      <c r="H8458" t="s">
        <v>121</v>
      </c>
      <c r="I8458" t="s">
        <v>15</v>
      </c>
      <c r="J8458" s="10">
        <v>49.647472299999997</v>
      </c>
    </row>
    <row r="8459" spans="1:10" x14ac:dyDescent="0.35">
      <c r="A8459" t="s">
        <v>22</v>
      </c>
      <c r="B8459" t="s">
        <v>53</v>
      </c>
      <c r="C8459" t="s">
        <v>117</v>
      </c>
      <c r="D8459" t="s">
        <v>118</v>
      </c>
      <c r="E8459">
        <v>2017</v>
      </c>
      <c r="F8459">
        <v>2017</v>
      </c>
      <c r="G8459" t="s">
        <v>126</v>
      </c>
      <c r="H8459" t="s">
        <v>122</v>
      </c>
      <c r="I8459" t="s">
        <v>15</v>
      </c>
      <c r="J8459" s="10">
        <v>15.142618349999999</v>
      </c>
    </row>
    <row r="8460" spans="1:10" x14ac:dyDescent="0.35">
      <c r="A8460" t="s">
        <v>22</v>
      </c>
      <c r="B8460" t="s">
        <v>53</v>
      </c>
      <c r="C8460" t="s">
        <v>117</v>
      </c>
      <c r="D8460" t="s">
        <v>118</v>
      </c>
      <c r="E8460">
        <v>2017</v>
      </c>
      <c r="F8460">
        <v>2017</v>
      </c>
      <c r="G8460" t="s">
        <v>126</v>
      </c>
      <c r="H8460" t="s">
        <v>123</v>
      </c>
      <c r="I8460" t="s">
        <v>15</v>
      </c>
      <c r="J8460" s="10">
        <v>10.5372565</v>
      </c>
    </row>
    <row r="8461" spans="1:10" x14ac:dyDescent="0.35">
      <c r="A8461" t="s">
        <v>22</v>
      </c>
      <c r="B8461" t="s">
        <v>53</v>
      </c>
      <c r="C8461" t="s">
        <v>117</v>
      </c>
      <c r="D8461" t="s">
        <v>118</v>
      </c>
      <c r="E8461">
        <v>2017</v>
      </c>
      <c r="F8461">
        <v>2017</v>
      </c>
      <c r="G8461" t="s">
        <v>126</v>
      </c>
      <c r="H8461" t="s">
        <v>124</v>
      </c>
      <c r="I8461" t="s">
        <v>15</v>
      </c>
      <c r="J8461" s="10">
        <v>2.1258813189999999</v>
      </c>
    </row>
    <row r="8462" spans="1:10" x14ac:dyDescent="0.35">
      <c r="A8462" t="s">
        <v>22</v>
      </c>
      <c r="B8462" t="s">
        <v>53</v>
      </c>
      <c r="C8462" t="s">
        <v>117</v>
      </c>
      <c r="D8462" t="s">
        <v>118</v>
      </c>
      <c r="E8462">
        <v>2016</v>
      </c>
      <c r="F8462">
        <v>2016</v>
      </c>
      <c r="G8462" t="s">
        <v>14</v>
      </c>
      <c r="H8462" t="s">
        <v>119</v>
      </c>
      <c r="I8462" t="s">
        <v>15</v>
      </c>
      <c r="J8462" s="10">
        <v>14.43749043</v>
      </c>
    </row>
    <row r="8463" spans="1:10" x14ac:dyDescent="0.35">
      <c r="A8463" t="s">
        <v>22</v>
      </c>
      <c r="B8463" t="s">
        <v>53</v>
      </c>
      <c r="C8463" t="s">
        <v>117</v>
      </c>
      <c r="D8463" t="s">
        <v>118</v>
      </c>
      <c r="E8463">
        <v>2016</v>
      </c>
      <c r="F8463">
        <v>2016</v>
      </c>
      <c r="G8463" t="s">
        <v>14</v>
      </c>
      <c r="H8463" t="s">
        <v>120</v>
      </c>
      <c r="I8463" t="s">
        <v>15</v>
      </c>
      <c r="J8463" s="10">
        <v>8.6887541850000005</v>
      </c>
    </row>
    <row r="8464" spans="1:10" x14ac:dyDescent="0.35">
      <c r="A8464" t="s">
        <v>22</v>
      </c>
      <c r="B8464" t="s">
        <v>53</v>
      </c>
      <c r="C8464" t="s">
        <v>117</v>
      </c>
      <c r="D8464" t="s">
        <v>118</v>
      </c>
      <c r="E8464">
        <v>2016</v>
      </c>
      <c r="F8464">
        <v>2016</v>
      </c>
      <c r="G8464" t="s">
        <v>14</v>
      </c>
      <c r="H8464" t="s">
        <v>121</v>
      </c>
      <c r="I8464" t="s">
        <v>15</v>
      </c>
      <c r="J8464" s="10">
        <v>50.010941639999999</v>
      </c>
    </row>
    <row r="8465" spans="1:10" x14ac:dyDescent="0.35">
      <c r="A8465" t="s">
        <v>22</v>
      </c>
      <c r="B8465" t="s">
        <v>53</v>
      </c>
      <c r="C8465" t="s">
        <v>117</v>
      </c>
      <c r="D8465" t="s">
        <v>118</v>
      </c>
      <c r="E8465">
        <v>2016</v>
      </c>
      <c r="F8465">
        <v>2016</v>
      </c>
      <c r="G8465" t="s">
        <v>14</v>
      </c>
      <c r="H8465" t="s">
        <v>122</v>
      </c>
      <c r="I8465" t="s">
        <v>15</v>
      </c>
      <c r="J8465" s="10">
        <v>15.39816618</v>
      </c>
    </row>
    <row r="8466" spans="1:10" x14ac:dyDescent="0.35">
      <c r="A8466" t="s">
        <v>22</v>
      </c>
      <c r="B8466" t="s">
        <v>53</v>
      </c>
      <c r="C8466" t="s">
        <v>117</v>
      </c>
      <c r="D8466" t="s">
        <v>118</v>
      </c>
      <c r="E8466">
        <v>2016</v>
      </c>
      <c r="F8466">
        <v>2016</v>
      </c>
      <c r="G8466" t="s">
        <v>14</v>
      </c>
      <c r="H8466" t="s">
        <v>123</v>
      </c>
      <c r="I8466" t="s">
        <v>15</v>
      </c>
      <c r="J8466" s="10">
        <v>9.8726393419999994</v>
      </c>
    </row>
    <row r="8467" spans="1:10" x14ac:dyDescent="0.35">
      <c r="A8467" t="s">
        <v>22</v>
      </c>
      <c r="B8467" t="s">
        <v>53</v>
      </c>
      <c r="C8467" t="s">
        <v>117</v>
      </c>
      <c r="D8467" t="s">
        <v>118</v>
      </c>
      <c r="E8467">
        <v>2016</v>
      </c>
      <c r="F8467">
        <v>2016</v>
      </c>
      <c r="G8467" t="s">
        <v>14</v>
      </c>
      <c r="H8467" t="s">
        <v>124</v>
      </c>
      <c r="I8467" t="s">
        <v>15</v>
      </c>
      <c r="J8467" s="10">
        <v>1.5920082280000001</v>
      </c>
    </row>
    <row r="8468" spans="1:10" x14ac:dyDescent="0.35">
      <c r="A8468" t="s">
        <v>22</v>
      </c>
      <c r="B8468" t="s">
        <v>53</v>
      </c>
      <c r="C8468" t="s">
        <v>117</v>
      </c>
      <c r="D8468" t="s">
        <v>118</v>
      </c>
      <c r="E8468">
        <v>2016</v>
      </c>
      <c r="F8468">
        <v>2016</v>
      </c>
      <c r="G8468" t="s">
        <v>125</v>
      </c>
      <c r="H8468" t="s">
        <v>119</v>
      </c>
      <c r="I8468" t="s">
        <v>15</v>
      </c>
      <c r="J8468" s="10">
        <v>14.92461423</v>
      </c>
    </row>
    <row r="8469" spans="1:10" x14ac:dyDescent="0.35">
      <c r="A8469" t="s">
        <v>22</v>
      </c>
      <c r="B8469" t="s">
        <v>53</v>
      </c>
      <c r="C8469" t="s">
        <v>117</v>
      </c>
      <c r="D8469" t="s">
        <v>118</v>
      </c>
      <c r="E8469">
        <v>2016</v>
      </c>
      <c r="F8469">
        <v>2016</v>
      </c>
      <c r="G8469" t="s">
        <v>125</v>
      </c>
      <c r="H8469" t="s">
        <v>120</v>
      </c>
      <c r="I8469" t="s">
        <v>15</v>
      </c>
      <c r="J8469" s="10">
        <v>8.0050404559999997</v>
      </c>
    </row>
    <row r="8470" spans="1:10" x14ac:dyDescent="0.35">
      <c r="A8470" t="s">
        <v>22</v>
      </c>
      <c r="B8470" t="s">
        <v>53</v>
      </c>
      <c r="C8470" t="s">
        <v>117</v>
      </c>
      <c r="D8470" t="s">
        <v>118</v>
      </c>
      <c r="E8470">
        <v>2016</v>
      </c>
      <c r="F8470">
        <v>2016</v>
      </c>
      <c r="G8470" t="s">
        <v>125</v>
      </c>
      <c r="H8470" t="s">
        <v>121</v>
      </c>
      <c r="I8470" t="s">
        <v>15</v>
      </c>
      <c r="J8470" s="10">
        <v>50.941769469999997</v>
      </c>
    </row>
    <row r="8471" spans="1:10" x14ac:dyDescent="0.35">
      <c r="A8471" t="s">
        <v>22</v>
      </c>
      <c r="B8471" t="s">
        <v>53</v>
      </c>
      <c r="C8471" t="s">
        <v>117</v>
      </c>
      <c r="D8471" t="s">
        <v>118</v>
      </c>
      <c r="E8471">
        <v>2016</v>
      </c>
      <c r="F8471">
        <v>2016</v>
      </c>
      <c r="G8471" t="s">
        <v>125</v>
      </c>
      <c r="H8471" t="s">
        <v>122</v>
      </c>
      <c r="I8471" t="s">
        <v>15</v>
      </c>
      <c r="J8471" s="10">
        <v>15.86417297</v>
      </c>
    </row>
    <row r="8472" spans="1:10" x14ac:dyDescent="0.35">
      <c r="A8472" t="s">
        <v>22</v>
      </c>
      <c r="B8472" t="s">
        <v>53</v>
      </c>
      <c r="C8472" t="s">
        <v>117</v>
      </c>
      <c r="D8472" t="s">
        <v>118</v>
      </c>
      <c r="E8472">
        <v>2016</v>
      </c>
      <c r="F8472">
        <v>2016</v>
      </c>
      <c r="G8472" t="s">
        <v>125</v>
      </c>
      <c r="H8472" t="s">
        <v>123</v>
      </c>
      <c r="I8472" t="s">
        <v>15</v>
      </c>
      <c r="J8472" s="10">
        <v>9.198832736</v>
      </c>
    </row>
    <row r="8473" spans="1:10" x14ac:dyDescent="0.35">
      <c r="A8473" t="s">
        <v>22</v>
      </c>
      <c r="B8473" t="s">
        <v>53</v>
      </c>
      <c r="C8473" t="s">
        <v>117</v>
      </c>
      <c r="D8473" t="s">
        <v>118</v>
      </c>
      <c r="E8473">
        <v>2016</v>
      </c>
      <c r="F8473">
        <v>2016</v>
      </c>
      <c r="G8473" t="s">
        <v>125</v>
      </c>
      <c r="H8473" t="s">
        <v>124</v>
      </c>
      <c r="I8473" t="s">
        <v>15</v>
      </c>
      <c r="J8473" s="10">
        <v>1.065570146</v>
      </c>
    </row>
    <row r="8474" spans="1:10" x14ac:dyDescent="0.35">
      <c r="A8474" t="s">
        <v>22</v>
      </c>
      <c r="B8474" t="s">
        <v>53</v>
      </c>
      <c r="C8474" t="s">
        <v>117</v>
      </c>
      <c r="D8474" t="s">
        <v>118</v>
      </c>
      <c r="E8474">
        <v>2016</v>
      </c>
      <c r="F8474">
        <v>2016</v>
      </c>
      <c r="G8474" t="s">
        <v>126</v>
      </c>
      <c r="H8474" t="s">
        <v>119</v>
      </c>
      <c r="I8474" t="s">
        <v>15</v>
      </c>
      <c r="J8474" s="10">
        <v>13.960138649999999</v>
      </c>
    </row>
    <row r="8475" spans="1:10" x14ac:dyDescent="0.35">
      <c r="A8475" t="s">
        <v>22</v>
      </c>
      <c r="B8475" t="s">
        <v>53</v>
      </c>
      <c r="C8475" t="s">
        <v>117</v>
      </c>
      <c r="D8475" t="s">
        <v>118</v>
      </c>
      <c r="E8475">
        <v>2016</v>
      </c>
      <c r="F8475">
        <v>2016</v>
      </c>
      <c r="G8475" t="s">
        <v>126</v>
      </c>
      <c r="H8475" t="s">
        <v>120</v>
      </c>
      <c r="I8475" t="s">
        <v>15</v>
      </c>
      <c r="J8475" s="10">
        <v>9.3587521660000004</v>
      </c>
    </row>
    <row r="8476" spans="1:10" x14ac:dyDescent="0.35">
      <c r="A8476" t="s">
        <v>22</v>
      </c>
      <c r="B8476" t="s">
        <v>53</v>
      </c>
      <c r="C8476" t="s">
        <v>117</v>
      </c>
      <c r="D8476" t="s">
        <v>118</v>
      </c>
      <c r="E8476">
        <v>2016</v>
      </c>
      <c r="F8476">
        <v>2016</v>
      </c>
      <c r="G8476" t="s">
        <v>126</v>
      </c>
      <c r="H8476" t="s">
        <v>121</v>
      </c>
      <c r="I8476" t="s">
        <v>15</v>
      </c>
      <c r="J8476" s="10">
        <v>49.098786830000002</v>
      </c>
    </row>
    <row r="8477" spans="1:10" x14ac:dyDescent="0.35">
      <c r="A8477" t="s">
        <v>22</v>
      </c>
      <c r="B8477" t="s">
        <v>53</v>
      </c>
      <c r="C8477" t="s">
        <v>117</v>
      </c>
      <c r="D8477" t="s">
        <v>118</v>
      </c>
      <c r="E8477">
        <v>2016</v>
      </c>
      <c r="F8477">
        <v>2016</v>
      </c>
      <c r="G8477" t="s">
        <v>126</v>
      </c>
      <c r="H8477" t="s">
        <v>122</v>
      </c>
      <c r="I8477" t="s">
        <v>15</v>
      </c>
      <c r="J8477" s="10">
        <v>14.9415078</v>
      </c>
    </row>
    <row r="8478" spans="1:10" x14ac:dyDescent="0.35">
      <c r="A8478" t="s">
        <v>22</v>
      </c>
      <c r="B8478" t="s">
        <v>53</v>
      </c>
      <c r="C8478" t="s">
        <v>117</v>
      </c>
      <c r="D8478" t="s">
        <v>118</v>
      </c>
      <c r="E8478">
        <v>2016</v>
      </c>
      <c r="F8478">
        <v>2016</v>
      </c>
      <c r="G8478" t="s">
        <v>126</v>
      </c>
      <c r="H8478" t="s">
        <v>123</v>
      </c>
      <c r="I8478" t="s">
        <v>15</v>
      </c>
      <c r="J8478" s="10">
        <v>10.53292894</v>
      </c>
    </row>
    <row r="8479" spans="1:10" x14ac:dyDescent="0.35">
      <c r="A8479" t="s">
        <v>22</v>
      </c>
      <c r="B8479" t="s">
        <v>53</v>
      </c>
      <c r="C8479" t="s">
        <v>117</v>
      </c>
      <c r="D8479" t="s">
        <v>118</v>
      </c>
      <c r="E8479">
        <v>2016</v>
      </c>
      <c r="F8479">
        <v>2016</v>
      </c>
      <c r="G8479" t="s">
        <v>126</v>
      </c>
      <c r="H8479" t="s">
        <v>124</v>
      </c>
      <c r="I8479" t="s">
        <v>15</v>
      </c>
      <c r="J8479" s="10">
        <v>2.1078856149999998</v>
      </c>
    </row>
    <row r="8480" spans="1:10" x14ac:dyDescent="0.35">
      <c r="A8480" t="s">
        <v>22</v>
      </c>
      <c r="B8480" t="s">
        <v>53</v>
      </c>
      <c r="C8480" t="s">
        <v>117</v>
      </c>
      <c r="D8480" t="s">
        <v>118</v>
      </c>
      <c r="E8480">
        <v>2015</v>
      </c>
      <c r="F8480">
        <v>2015</v>
      </c>
      <c r="G8480" t="s">
        <v>14</v>
      </c>
      <c r="H8480" t="s">
        <v>119</v>
      </c>
      <c r="I8480" t="s">
        <v>15</v>
      </c>
      <c r="J8480" s="10">
        <v>14.43190618</v>
      </c>
    </row>
    <row r="8481" spans="1:10" x14ac:dyDescent="0.35">
      <c r="A8481" t="s">
        <v>22</v>
      </c>
      <c r="B8481" t="s">
        <v>53</v>
      </c>
      <c r="C8481" t="s">
        <v>117</v>
      </c>
      <c r="D8481" t="s">
        <v>118</v>
      </c>
      <c r="E8481">
        <v>2015</v>
      </c>
      <c r="F8481">
        <v>2015</v>
      </c>
      <c r="G8481" t="s">
        <v>14</v>
      </c>
      <c r="H8481" t="s">
        <v>120</v>
      </c>
      <c r="I8481" t="s">
        <v>15</v>
      </c>
      <c r="J8481" s="10">
        <v>9.4899878310000005</v>
      </c>
    </row>
    <row r="8482" spans="1:10" x14ac:dyDescent="0.35">
      <c r="A8482" t="s">
        <v>22</v>
      </c>
      <c r="B8482" t="s">
        <v>53</v>
      </c>
      <c r="C8482" t="s">
        <v>117</v>
      </c>
      <c r="D8482" t="s">
        <v>118</v>
      </c>
      <c r="E8482">
        <v>2015</v>
      </c>
      <c r="F8482">
        <v>2015</v>
      </c>
      <c r="G8482" t="s">
        <v>14</v>
      </c>
      <c r="H8482" t="s">
        <v>121</v>
      </c>
      <c r="I8482" t="s">
        <v>15</v>
      </c>
      <c r="J8482" s="10">
        <v>49.371611899999998</v>
      </c>
    </row>
    <row r="8483" spans="1:10" x14ac:dyDescent="0.35">
      <c r="A8483" t="s">
        <v>22</v>
      </c>
      <c r="B8483" t="s">
        <v>53</v>
      </c>
      <c r="C8483" t="s">
        <v>117</v>
      </c>
      <c r="D8483" t="s">
        <v>118</v>
      </c>
      <c r="E8483">
        <v>2015</v>
      </c>
      <c r="F8483">
        <v>2015</v>
      </c>
      <c r="G8483" t="s">
        <v>14</v>
      </c>
      <c r="H8483" t="s">
        <v>122</v>
      </c>
      <c r="I8483" t="s">
        <v>15</v>
      </c>
      <c r="J8483" s="10">
        <v>15.29704613</v>
      </c>
    </row>
    <row r="8484" spans="1:10" x14ac:dyDescent="0.35">
      <c r="A8484" t="s">
        <v>22</v>
      </c>
      <c r="B8484" t="s">
        <v>53</v>
      </c>
      <c r="C8484" t="s">
        <v>117</v>
      </c>
      <c r="D8484" t="s">
        <v>118</v>
      </c>
      <c r="E8484">
        <v>2015</v>
      </c>
      <c r="F8484">
        <v>2015</v>
      </c>
      <c r="G8484" t="s">
        <v>14</v>
      </c>
      <c r="H8484" t="s">
        <v>123</v>
      </c>
      <c r="I8484" t="s">
        <v>15</v>
      </c>
      <c r="J8484" s="10">
        <v>9.8384777079999992</v>
      </c>
    </row>
    <row r="8485" spans="1:10" x14ac:dyDescent="0.35">
      <c r="A8485" t="s">
        <v>22</v>
      </c>
      <c r="B8485" t="s">
        <v>53</v>
      </c>
      <c r="C8485" t="s">
        <v>117</v>
      </c>
      <c r="D8485" t="s">
        <v>118</v>
      </c>
      <c r="E8485">
        <v>2015</v>
      </c>
      <c r="F8485">
        <v>2015</v>
      </c>
      <c r="G8485" t="s">
        <v>14</v>
      </c>
      <c r="H8485" t="s">
        <v>124</v>
      </c>
      <c r="I8485" t="s">
        <v>15</v>
      </c>
      <c r="J8485" s="10">
        <v>1.5709702400000001</v>
      </c>
    </row>
    <row r="8486" spans="1:10" x14ac:dyDescent="0.35">
      <c r="A8486" t="s">
        <v>22</v>
      </c>
      <c r="B8486" t="s">
        <v>53</v>
      </c>
      <c r="C8486" t="s">
        <v>117</v>
      </c>
      <c r="D8486" t="s">
        <v>118</v>
      </c>
      <c r="E8486">
        <v>2015</v>
      </c>
      <c r="F8486">
        <v>2015</v>
      </c>
      <c r="G8486" t="s">
        <v>125</v>
      </c>
      <c r="H8486" t="s">
        <v>119</v>
      </c>
      <c r="I8486" t="s">
        <v>15</v>
      </c>
      <c r="J8486" s="10">
        <v>14.80573326</v>
      </c>
    </row>
    <row r="8487" spans="1:10" x14ac:dyDescent="0.35">
      <c r="A8487" t="s">
        <v>22</v>
      </c>
      <c r="B8487" t="s">
        <v>53</v>
      </c>
      <c r="C8487" t="s">
        <v>117</v>
      </c>
      <c r="D8487" t="s">
        <v>118</v>
      </c>
      <c r="E8487">
        <v>2015</v>
      </c>
      <c r="F8487">
        <v>2015</v>
      </c>
      <c r="G8487" t="s">
        <v>125</v>
      </c>
      <c r="H8487" t="s">
        <v>120</v>
      </c>
      <c r="I8487" t="s">
        <v>15</v>
      </c>
      <c r="J8487" s="10">
        <v>8.8896814610000003</v>
      </c>
    </row>
    <row r="8488" spans="1:10" x14ac:dyDescent="0.35">
      <c r="A8488" t="s">
        <v>22</v>
      </c>
      <c r="B8488" t="s">
        <v>53</v>
      </c>
      <c r="C8488" t="s">
        <v>117</v>
      </c>
      <c r="D8488" t="s">
        <v>118</v>
      </c>
      <c r="E8488">
        <v>2015</v>
      </c>
      <c r="F8488">
        <v>2015</v>
      </c>
      <c r="G8488" t="s">
        <v>125</v>
      </c>
      <c r="H8488" t="s">
        <v>121</v>
      </c>
      <c r="I8488" t="s">
        <v>15</v>
      </c>
      <c r="J8488" s="10">
        <v>50.480372709999997</v>
      </c>
    </row>
    <row r="8489" spans="1:10" x14ac:dyDescent="0.35">
      <c r="A8489" t="s">
        <v>22</v>
      </c>
      <c r="B8489" t="s">
        <v>53</v>
      </c>
      <c r="C8489" t="s">
        <v>117</v>
      </c>
      <c r="D8489" t="s">
        <v>118</v>
      </c>
      <c r="E8489">
        <v>2015</v>
      </c>
      <c r="F8489">
        <v>2015</v>
      </c>
      <c r="G8489" t="s">
        <v>125</v>
      </c>
      <c r="H8489" t="s">
        <v>122</v>
      </c>
      <c r="I8489" t="s">
        <v>15</v>
      </c>
      <c r="J8489" s="10">
        <v>15.628273999999999</v>
      </c>
    </row>
    <row r="8490" spans="1:10" x14ac:dyDescent="0.35">
      <c r="A8490" t="s">
        <v>22</v>
      </c>
      <c r="B8490" t="s">
        <v>53</v>
      </c>
      <c r="C8490" t="s">
        <v>117</v>
      </c>
      <c r="D8490" t="s">
        <v>118</v>
      </c>
      <c r="E8490">
        <v>2015</v>
      </c>
      <c r="F8490">
        <v>2015</v>
      </c>
      <c r="G8490" t="s">
        <v>125</v>
      </c>
      <c r="H8490" t="s">
        <v>123</v>
      </c>
      <c r="I8490" t="s">
        <v>15</v>
      </c>
      <c r="J8490" s="10">
        <v>9.1393415220000005</v>
      </c>
    </row>
    <row r="8491" spans="1:10" x14ac:dyDescent="0.35">
      <c r="A8491" t="s">
        <v>22</v>
      </c>
      <c r="B8491" t="s">
        <v>53</v>
      </c>
      <c r="C8491" t="s">
        <v>117</v>
      </c>
      <c r="D8491" t="s">
        <v>118</v>
      </c>
      <c r="E8491">
        <v>2015</v>
      </c>
      <c r="F8491">
        <v>2015</v>
      </c>
      <c r="G8491" t="s">
        <v>125</v>
      </c>
      <c r="H8491" t="s">
        <v>124</v>
      </c>
      <c r="I8491" t="s">
        <v>15</v>
      </c>
      <c r="J8491" s="10">
        <v>1.0565970440000001</v>
      </c>
    </row>
    <row r="8492" spans="1:10" x14ac:dyDescent="0.35">
      <c r="A8492" t="s">
        <v>22</v>
      </c>
      <c r="B8492" t="s">
        <v>53</v>
      </c>
      <c r="C8492" t="s">
        <v>117</v>
      </c>
      <c r="D8492" t="s">
        <v>118</v>
      </c>
      <c r="E8492">
        <v>2015</v>
      </c>
      <c r="F8492">
        <v>2015</v>
      </c>
      <c r="G8492" t="s">
        <v>126</v>
      </c>
      <c r="H8492" t="s">
        <v>119</v>
      </c>
      <c r="I8492" t="s">
        <v>15</v>
      </c>
      <c r="J8492" s="10">
        <v>14.06356388</v>
      </c>
    </row>
    <row r="8493" spans="1:10" x14ac:dyDescent="0.35">
      <c r="A8493" t="s">
        <v>22</v>
      </c>
      <c r="B8493" t="s">
        <v>53</v>
      </c>
      <c r="C8493" t="s">
        <v>117</v>
      </c>
      <c r="D8493" t="s">
        <v>118</v>
      </c>
      <c r="E8493">
        <v>2015</v>
      </c>
      <c r="F8493">
        <v>2015</v>
      </c>
      <c r="G8493" t="s">
        <v>126</v>
      </c>
      <c r="H8493" t="s">
        <v>120</v>
      </c>
      <c r="I8493" t="s">
        <v>15</v>
      </c>
      <c r="J8493" s="10">
        <v>10.081486529999999</v>
      </c>
    </row>
    <row r="8494" spans="1:10" x14ac:dyDescent="0.35">
      <c r="A8494" t="s">
        <v>22</v>
      </c>
      <c r="B8494" t="s">
        <v>53</v>
      </c>
      <c r="C8494" t="s">
        <v>117</v>
      </c>
      <c r="D8494" t="s">
        <v>118</v>
      </c>
      <c r="E8494">
        <v>2015</v>
      </c>
      <c r="F8494">
        <v>2015</v>
      </c>
      <c r="G8494" t="s">
        <v>126</v>
      </c>
      <c r="H8494" t="s">
        <v>121</v>
      </c>
      <c r="I8494" t="s">
        <v>15</v>
      </c>
      <c r="J8494" s="10">
        <v>48.279118799999999</v>
      </c>
    </row>
    <row r="8495" spans="1:10" x14ac:dyDescent="0.35">
      <c r="A8495" t="s">
        <v>22</v>
      </c>
      <c r="B8495" t="s">
        <v>53</v>
      </c>
      <c r="C8495" t="s">
        <v>117</v>
      </c>
      <c r="D8495" t="s">
        <v>118</v>
      </c>
      <c r="E8495">
        <v>2015</v>
      </c>
      <c r="F8495">
        <v>2015</v>
      </c>
      <c r="G8495" t="s">
        <v>126</v>
      </c>
      <c r="H8495" t="s">
        <v>122</v>
      </c>
      <c r="I8495" t="s">
        <v>15</v>
      </c>
      <c r="J8495" s="10">
        <v>14.97067803</v>
      </c>
    </row>
    <row r="8496" spans="1:10" x14ac:dyDescent="0.35">
      <c r="A8496" t="s">
        <v>22</v>
      </c>
      <c r="B8496" t="s">
        <v>53</v>
      </c>
      <c r="C8496" t="s">
        <v>117</v>
      </c>
      <c r="D8496" t="s">
        <v>118</v>
      </c>
      <c r="E8496">
        <v>2015</v>
      </c>
      <c r="F8496">
        <v>2015</v>
      </c>
      <c r="G8496" t="s">
        <v>126</v>
      </c>
      <c r="H8496" t="s">
        <v>123</v>
      </c>
      <c r="I8496" t="s">
        <v>15</v>
      </c>
      <c r="J8496" s="10">
        <v>10.527356190000001</v>
      </c>
    </row>
    <row r="8497" spans="1:10" x14ac:dyDescent="0.35">
      <c r="A8497" t="s">
        <v>22</v>
      </c>
      <c r="B8497" t="s">
        <v>53</v>
      </c>
      <c r="C8497" t="s">
        <v>117</v>
      </c>
      <c r="D8497" t="s">
        <v>118</v>
      </c>
      <c r="E8497">
        <v>2015</v>
      </c>
      <c r="F8497">
        <v>2015</v>
      </c>
      <c r="G8497" t="s">
        <v>126</v>
      </c>
      <c r="H8497" t="s">
        <v>124</v>
      </c>
      <c r="I8497" t="s">
        <v>15</v>
      </c>
      <c r="J8497" s="10">
        <v>2.0777965690000002</v>
      </c>
    </row>
    <row r="8498" spans="1:10" x14ac:dyDescent="0.35">
      <c r="A8498" t="s">
        <v>22</v>
      </c>
      <c r="B8498" t="s">
        <v>53</v>
      </c>
      <c r="C8498" t="s">
        <v>117</v>
      </c>
      <c r="D8498" t="s">
        <v>118</v>
      </c>
      <c r="E8498">
        <v>2014</v>
      </c>
      <c r="F8498">
        <v>2014</v>
      </c>
      <c r="G8498" t="s">
        <v>14</v>
      </c>
      <c r="H8498" t="s">
        <v>119</v>
      </c>
      <c r="I8498" t="s">
        <v>15</v>
      </c>
      <c r="J8498" s="10">
        <v>14.52485076</v>
      </c>
    </row>
    <row r="8499" spans="1:10" x14ac:dyDescent="0.35">
      <c r="A8499" t="s">
        <v>22</v>
      </c>
      <c r="B8499" t="s">
        <v>53</v>
      </c>
      <c r="C8499" t="s">
        <v>117</v>
      </c>
      <c r="D8499" t="s">
        <v>118</v>
      </c>
      <c r="E8499">
        <v>2014</v>
      </c>
      <c r="F8499">
        <v>2014</v>
      </c>
      <c r="G8499" t="s">
        <v>14</v>
      </c>
      <c r="H8499" t="s">
        <v>120</v>
      </c>
      <c r="I8499" t="s">
        <v>15</v>
      </c>
      <c r="J8499" s="10">
        <v>9.8885903469999992</v>
      </c>
    </row>
    <row r="8500" spans="1:10" x14ac:dyDescent="0.35">
      <c r="A8500" t="s">
        <v>22</v>
      </c>
      <c r="B8500" t="s">
        <v>53</v>
      </c>
      <c r="C8500" t="s">
        <v>117</v>
      </c>
      <c r="D8500" t="s">
        <v>118</v>
      </c>
      <c r="E8500">
        <v>2014</v>
      </c>
      <c r="F8500">
        <v>2014</v>
      </c>
      <c r="G8500" t="s">
        <v>14</v>
      </c>
      <c r="H8500" t="s">
        <v>121</v>
      </c>
      <c r="I8500" t="s">
        <v>15</v>
      </c>
      <c r="J8500" s="10">
        <v>48.996638599999997</v>
      </c>
    </row>
    <row r="8501" spans="1:10" x14ac:dyDescent="0.35">
      <c r="A8501" t="s">
        <v>22</v>
      </c>
      <c r="B8501" t="s">
        <v>53</v>
      </c>
      <c r="C8501" t="s">
        <v>117</v>
      </c>
      <c r="D8501" t="s">
        <v>118</v>
      </c>
      <c r="E8501">
        <v>2014</v>
      </c>
      <c r="F8501">
        <v>2014</v>
      </c>
      <c r="G8501" t="s">
        <v>14</v>
      </c>
      <c r="H8501" t="s">
        <v>122</v>
      </c>
      <c r="I8501" t="s">
        <v>15</v>
      </c>
      <c r="J8501" s="10">
        <v>15.169025639999999</v>
      </c>
    </row>
    <row r="8502" spans="1:10" x14ac:dyDescent="0.35">
      <c r="A8502" t="s">
        <v>22</v>
      </c>
      <c r="B8502" t="s">
        <v>53</v>
      </c>
      <c r="C8502" t="s">
        <v>117</v>
      </c>
      <c r="D8502" t="s">
        <v>118</v>
      </c>
      <c r="E8502">
        <v>2014</v>
      </c>
      <c r="F8502">
        <v>2014</v>
      </c>
      <c r="G8502" t="s">
        <v>14</v>
      </c>
      <c r="H8502" t="s">
        <v>123</v>
      </c>
      <c r="I8502" t="s">
        <v>15</v>
      </c>
      <c r="J8502" s="10">
        <v>9.8481186269999998</v>
      </c>
    </row>
    <row r="8503" spans="1:10" x14ac:dyDescent="0.35">
      <c r="A8503" t="s">
        <v>22</v>
      </c>
      <c r="B8503" t="s">
        <v>53</v>
      </c>
      <c r="C8503" t="s">
        <v>117</v>
      </c>
      <c r="D8503" t="s">
        <v>118</v>
      </c>
      <c r="E8503">
        <v>2014</v>
      </c>
      <c r="F8503">
        <v>2014</v>
      </c>
      <c r="G8503" t="s">
        <v>14</v>
      </c>
      <c r="H8503" t="s">
        <v>124</v>
      </c>
      <c r="I8503" t="s">
        <v>15</v>
      </c>
      <c r="J8503" s="10">
        <v>1.5727760230000001</v>
      </c>
    </row>
    <row r="8504" spans="1:10" x14ac:dyDescent="0.35">
      <c r="A8504" t="s">
        <v>22</v>
      </c>
      <c r="B8504" t="s">
        <v>53</v>
      </c>
      <c r="C8504" t="s">
        <v>117</v>
      </c>
      <c r="D8504" t="s">
        <v>118</v>
      </c>
      <c r="E8504">
        <v>2014</v>
      </c>
      <c r="F8504">
        <v>2014</v>
      </c>
      <c r="G8504" t="s">
        <v>125</v>
      </c>
      <c r="H8504" t="s">
        <v>119</v>
      </c>
      <c r="I8504" t="s">
        <v>15</v>
      </c>
      <c r="J8504" s="10">
        <v>14.90168476</v>
      </c>
    </row>
    <row r="8505" spans="1:10" x14ac:dyDescent="0.35">
      <c r="A8505" t="s">
        <v>22</v>
      </c>
      <c r="B8505" t="s">
        <v>53</v>
      </c>
      <c r="C8505" t="s">
        <v>117</v>
      </c>
      <c r="D8505" t="s">
        <v>118</v>
      </c>
      <c r="E8505">
        <v>2014</v>
      </c>
      <c r="F8505">
        <v>2014</v>
      </c>
      <c r="G8505" t="s">
        <v>125</v>
      </c>
      <c r="H8505" t="s">
        <v>120</v>
      </c>
      <c r="I8505" t="s">
        <v>15</v>
      </c>
      <c r="J8505" s="10">
        <v>9.2411788749999992</v>
      </c>
    </row>
    <row r="8506" spans="1:10" x14ac:dyDescent="0.35">
      <c r="A8506" t="s">
        <v>22</v>
      </c>
      <c r="B8506" t="s">
        <v>53</v>
      </c>
      <c r="C8506" t="s">
        <v>117</v>
      </c>
      <c r="D8506" t="s">
        <v>118</v>
      </c>
      <c r="E8506">
        <v>2014</v>
      </c>
      <c r="F8506">
        <v>2014</v>
      </c>
      <c r="G8506" t="s">
        <v>125</v>
      </c>
      <c r="H8506" t="s">
        <v>121</v>
      </c>
      <c r="I8506" t="s">
        <v>15</v>
      </c>
      <c r="J8506" s="10">
        <v>50.224785429999997</v>
      </c>
    </row>
    <row r="8507" spans="1:10" x14ac:dyDescent="0.35">
      <c r="A8507" t="s">
        <v>22</v>
      </c>
      <c r="B8507" t="s">
        <v>53</v>
      </c>
      <c r="C8507" t="s">
        <v>117</v>
      </c>
      <c r="D8507" t="s">
        <v>118</v>
      </c>
      <c r="E8507">
        <v>2014</v>
      </c>
      <c r="F8507">
        <v>2014</v>
      </c>
      <c r="G8507" t="s">
        <v>125</v>
      </c>
      <c r="H8507" t="s">
        <v>122</v>
      </c>
      <c r="I8507" t="s">
        <v>15</v>
      </c>
      <c r="J8507" s="10">
        <v>15.498842010000001</v>
      </c>
    </row>
    <row r="8508" spans="1:10" x14ac:dyDescent="0.35">
      <c r="A8508" t="s">
        <v>22</v>
      </c>
      <c r="B8508" t="s">
        <v>53</v>
      </c>
      <c r="C8508" t="s">
        <v>117</v>
      </c>
      <c r="D8508" t="s">
        <v>118</v>
      </c>
      <c r="E8508">
        <v>2014</v>
      </c>
      <c r="F8508">
        <v>2014</v>
      </c>
      <c r="G8508" t="s">
        <v>125</v>
      </c>
      <c r="H8508" t="s">
        <v>123</v>
      </c>
      <c r="I8508" t="s">
        <v>15</v>
      </c>
      <c r="J8508" s="10">
        <v>9.0913219200000004</v>
      </c>
    </row>
    <row r="8509" spans="1:10" x14ac:dyDescent="0.35">
      <c r="A8509" t="s">
        <v>22</v>
      </c>
      <c r="B8509" t="s">
        <v>53</v>
      </c>
      <c r="C8509" t="s">
        <v>117</v>
      </c>
      <c r="D8509" t="s">
        <v>118</v>
      </c>
      <c r="E8509">
        <v>2014</v>
      </c>
      <c r="F8509">
        <v>2014</v>
      </c>
      <c r="G8509" t="s">
        <v>125</v>
      </c>
      <c r="H8509" t="s">
        <v>124</v>
      </c>
      <c r="I8509" t="s">
        <v>15</v>
      </c>
      <c r="J8509" s="10">
        <v>1.042187003</v>
      </c>
    </row>
    <row r="8510" spans="1:10" x14ac:dyDescent="0.35">
      <c r="A8510" t="s">
        <v>22</v>
      </c>
      <c r="B8510" t="s">
        <v>53</v>
      </c>
      <c r="C8510" t="s">
        <v>117</v>
      </c>
      <c r="D8510" t="s">
        <v>118</v>
      </c>
      <c r="E8510">
        <v>2014</v>
      </c>
      <c r="F8510">
        <v>2014</v>
      </c>
      <c r="G8510" t="s">
        <v>126</v>
      </c>
      <c r="H8510" t="s">
        <v>119</v>
      </c>
      <c r="I8510" t="s">
        <v>15</v>
      </c>
      <c r="J8510" s="10">
        <v>14.15529181</v>
      </c>
    </row>
    <row r="8511" spans="1:10" x14ac:dyDescent="0.35">
      <c r="A8511" t="s">
        <v>22</v>
      </c>
      <c r="B8511" t="s">
        <v>53</v>
      </c>
      <c r="C8511" t="s">
        <v>117</v>
      </c>
      <c r="D8511" t="s">
        <v>118</v>
      </c>
      <c r="E8511">
        <v>2014</v>
      </c>
      <c r="F8511">
        <v>2014</v>
      </c>
      <c r="G8511" t="s">
        <v>126</v>
      </c>
      <c r="H8511" t="s">
        <v>120</v>
      </c>
      <c r="I8511" t="s">
        <v>15</v>
      </c>
      <c r="J8511" s="10">
        <v>10.523503079999999</v>
      </c>
    </row>
    <row r="8512" spans="1:10" x14ac:dyDescent="0.35">
      <c r="A8512" t="s">
        <v>22</v>
      </c>
      <c r="B8512" t="s">
        <v>53</v>
      </c>
      <c r="C8512" t="s">
        <v>117</v>
      </c>
      <c r="D8512" t="s">
        <v>118</v>
      </c>
      <c r="E8512">
        <v>2014</v>
      </c>
      <c r="F8512">
        <v>2014</v>
      </c>
      <c r="G8512" t="s">
        <v>126</v>
      </c>
      <c r="H8512" t="s">
        <v>121</v>
      </c>
      <c r="I8512" t="s">
        <v>15</v>
      </c>
      <c r="J8512" s="10">
        <v>47.792202009999997</v>
      </c>
    </row>
    <row r="8513" spans="1:10" x14ac:dyDescent="0.35">
      <c r="A8513" t="s">
        <v>22</v>
      </c>
      <c r="B8513" t="s">
        <v>53</v>
      </c>
      <c r="C8513" t="s">
        <v>117</v>
      </c>
      <c r="D8513" t="s">
        <v>118</v>
      </c>
      <c r="E8513">
        <v>2014</v>
      </c>
      <c r="F8513">
        <v>2014</v>
      </c>
      <c r="G8513" t="s">
        <v>126</v>
      </c>
      <c r="H8513" t="s">
        <v>122</v>
      </c>
      <c r="I8513" t="s">
        <v>15</v>
      </c>
      <c r="J8513" s="10">
        <v>14.84557661</v>
      </c>
    </row>
    <row r="8514" spans="1:10" x14ac:dyDescent="0.35">
      <c r="A8514" t="s">
        <v>22</v>
      </c>
      <c r="B8514" t="s">
        <v>53</v>
      </c>
      <c r="C8514" t="s">
        <v>117</v>
      </c>
      <c r="D8514" t="s">
        <v>118</v>
      </c>
      <c r="E8514">
        <v>2014</v>
      </c>
      <c r="F8514">
        <v>2014</v>
      </c>
      <c r="G8514" t="s">
        <v>126</v>
      </c>
      <c r="H8514" t="s">
        <v>123</v>
      </c>
      <c r="I8514" t="s">
        <v>15</v>
      </c>
      <c r="J8514" s="10">
        <v>10.59030484</v>
      </c>
    </row>
    <row r="8515" spans="1:10" x14ac:dyDescent="0.35">
      <c r="A8515" t="s">
        <v>22</v>
      </c>
      <c r="B8515" t="s">
        <v>53</v>
      </c>
      <c r="C8515" t="s">
        <v>117</v>
      </c>
      <c r="D8515" t="s">
        <v>118</v>
      </c>
      <c r="E8515">
        <v>2014</v>
      </c>
      <c r="F8515">
        <v>2014</v>
      </c>
      <c r="G8515" t="s">
        <v>126</v>
      </c>
      <c r="H8515" t="s">
        <v>124</v>
      </c>
      <c r="I8515" t="s">
        <v>15</v>
      </c>
      <c r="J8515" s="10">
        <v>2.0931216460000002</v>
      </c>
    </row>
    <row r="8516" spans="1:10" x14ac:dyDescent="0.35">
      <c r="A8516" t="s">
        <v>22</v>
      </c>
      <c r="B8516" t="s">
        <v>53</v>
      </c>
      <c r="C8516" t="s">
        <v>117</v>
      </c>
      <c r="D8516" t="s">
        <v>118</v>
      </c>
      <c r="E8516">
        <v>2013</v>
      </c>
      <c r="F8516">
        <v>2013</v>
      </c>
      <c r="G8516" t="s">
        <v>14</v>
      </c>
      <c r="H8516" t="s">
        <v>119</v>
      </c>
      <c r="I8516" t="s">
        <v>15</v>
      </c>
      <c r="J8516" s="10">
        <v>14.49698761</v>
      </c>
    </row>
    <row r="8517" spans="1:10" x14ac:dyDescent="0.35">
      <c r="A8517" t="s">
        <v>22</v>
      </c>
      <c r="B8517" t="s">
        <v>53</v>
      </c>
      <c r="C8517" t="s">
        <v>117</v>
      </c>
      <c r="D8517" t="s">
        <v>118</v>
      </c>
      <c r="E8517">
        <v>2013</v>
      </c>
      <c r="F8517">
        <v>2013</v>
      </c>
      <c r="G8517" t="s">
        <v>14</v>
      </c>
      <c r="H8517" t="s">
        <v>120</v>
      </c>
      <c r="I8517" t="s">
        <v>15</v>
      </c>
      <c r="J8517" s="10">
        <v>10.642264409999999</v>
      </c>
    </row>
    <row r="8518" spans="1:10" x14ac:dyDescent="0.35">
      <c r="A8518" t="s">
        <v>22</v>
      </c>
      <c r="B8518" t="s">
        <v>53</v>
      </c>
      <c r="C8518" t="s">
        <v>117</v>
      </c>
      <c r="D8518" t="s">
        <v>118</v>
      </c>
      <c r="E8518">
        <v>2013</v>
      </c>
      <c r="F8518">
        <v>2013</v>
      </c>
      <c r="G8518" t="s">
        <v>14</v>
      </c>
      <c r="H8518" t="s">
        <v>121</v>
      </c>
      <c r="I8518" t="s">
        <v>15</v>
      </c>
      <c r="J8518" s="10">
        <v>48.66431738</v>
      </c>
    </row>
    <row r="8519" spans="1:10" x14ac:dyDescent="0.35">
      <c r="A8519" t="s">
        <v>22</v>
      </c>
      <c r="B8519" t="s">
        <v>53</v>
      </c>
      <c r="C8519" t="s">
        <v>117</v>
      </c>
      <c r="D8519" t="s">
        <v>118</v>
      </c>
      <c r="E8519">
        <v>2013</v>
      </c>
      <c r="F8519">
        <v>2013</v>
      </c>
      <c r="G8519" t="s">
        <v>14</v>
      </c>
      <c r="H8519" t="s">
        <v>122</v>
      </c>
      <c r="I8519" t="s">
        <v>15</v>
      </c>
      <c r="J8519" s="10">
        <v>14.88575651</v>
      </c>
    </row>
    <row r="8520" spans="1:10" x14ac:dyDescent="0.35">
      <c r="A8520" t="s">
        <v>22</v>
      </c>
      <c r="B8520" t="s">
        <v>53</v>
      </c>
      <c r="C8520" t="s">
        <v>117</v>
      </c>
      <c r="D8520" t="s">
        <v>118</v>
      </c>
      <c r="E8520">
        <v>2013</v>
      </c>
      <c r="F8520">
        <v>2013</v>
      </c>
      <c r="G8520" t="s">
        <v>14</v>
      </c>
      <c r="H8520" t="s">
        <v>123</v>
      </c>
      <c r="I8520" t="s">
        <v>15</v>
      </c>
      <c r="J8520" s="10">
        <v>9.7158122089999992</v>
      </c>
    </row>
    <row r="8521" spans="1:10" x14ac:dyDescent="0.35">
      <c r="A8521" t="s">
        <v>22</v>
      </c>
      <c r="B8521" t="s">
        <v>53</v>
      </c>
      <c r="C8521" t="s">
        <v>117</v>
      </c>
      <c r="D8521" t="s">
        <v>118</v>
      </c>
      <c r="E8521">
        <v>2013</v>
      </c>
      <c r="F8521">
        <v>2013</v>
      </c>
      <c r="G8521" t="s">
        <v>14</v>
      </c>
      <c r="H8521" t="s">
        <v>124</v>
      </c>
      <c r="I8521" t="s">
        <v>15</v>
      </c>
      <c r="J8521" s="10">
        <v>1.594861885</v>
      </c>
    </row>
    <row r="8522" spans="1:10" x14ac:dyDescent="0.35">
      <c r="A8522" t="s">
        <v>22</v>
      </c>
      <c r="B8522" t="s">
        <v>53</v>
      </c>
      <c r="C8522" t="s">
        <v>117</v>
      </c>
      <c r="D8522" t="s">
        <v>118</v>
      </c>
      <c r="E8522">
        <v>2013</v>
      </c>
      <c r="F8522">
        <v>2013</v>
      </c>
      <c r="G8522" t="s">
        <v>125</v>
      </c>
      <c r="H8522" t="s">
        <v>119</v>
      </c>
      <c r="I8522" t="s">
        <v>15</v>
      </c>
      <c r="J8522" s="10">
        <v>14.9526465</v>
      </c>
    </row>
    <row r="8523" spans="1:10" x14ac:dyDescent="0.35">
      <c r="A8523" t="s">
        <v>22</v>
      </c>
      <c r="B8523" t="s">
        <v>53</v>
      </c>
      <c r="C8523" t="s">
        <v>117</v>
      </c>
      <c r="D8523" t="s">
        <v>118</v>
      </c>
      <c r="E8523">
        <v>2013</v>
      </c>
      <c r="F8523">
        <v>2013</v>
      </c>
      <c r="G8523" t="s">
        <v>125</v>
      </c>
      <c r="H8523" t="s">
        <v>120</v>
      </c>
      <c r="I8523" t="s">
        <v>15</v>
      </c>
      <c r="J8523" s="10">
        <v>9.9223448629999993</v>
      </c>
    </row>
    <row r="8524" spans="1:10" x14ac:dyDescent="0.35">
      <c r="A8524" t="s">
        <v>22</v>
      </c>
      <c r="B8524" t="s">
        <v>53</v>
      </c>
      <c r="C8524" t="s">
        <v>117</v>
      </c>
      <c r="D8524" t="s">
        <v>118</v>
      </c>
      <c r="E8524">
        <v>2013</v>
      </c>
      <c r="F8524">
        <v>2013</v>
      </c>
      <c r="G8524" t="s">
        <v>125</v>
      </c>
      <c r="H8524" t="s">
        <v>121</v>
      </c>
      <c r="I8524" t="s">
        <v>15</v>
      </c>
      <c r="J8524" s="10">
        <v>49.881328199999999</v>
      </c>
    </row>
    <row r="8525" spans="1:10" x14ac:dyDescent="0.35">
      <c r="A8525" t="s">
        <v>22</v>
      </c>
      <c r="B8525" t="s">
        <v>53</v>
      </c>
      <c r="C8525" t="s">
        <v>117</v>
      </c>
      <c r="D8525" t="s">
        <v>118</v>
      </c>
      <c r="E8525">
        <v>2013</v>
      </c>
      <c r="F8525">
        <v>2013</v>
      </c>
      <c r="G8525" t="s">
        <v>125</v>
      </c>
      <c r="H8525" t="s">
        <v>122</v>
      </c>
      <c r="I8525" t="s">
        <v>15</v>
      </c>
      <c r="J8525" s="10">
        <v>15.28446667</v>
      </c>
    </row>
    <row r="8526" spans="1:10" x14ac:dyDescent="0.35">
      <c r="A8526" t="s">
        <v>22</v>
      </c>
      <c r="B8526" t="s">
        <v>53</v>
      </c>
      <c r="C8526" t="s">
        <v>117</v>
      </c>
      <c r="D8526" t="s">
        <v>118</v>
      </c>
      <c r="E8526">
        <v>2013</v>
      </c>
      <c r="F8526">
        <v>2013</v>
      </c>
      <c r="G8526" t="s">
        <v>125</v>
      </c>
      <c r="H8526" t="s">
        <v>123</v>
      </c>
      <c r="I8526" t="s">
        <v>15</v>
      </c>
      <c r="J8526" s="10">
        <v>8.9291886540000007</v>
      </c>
    </row>
    <row r="8527" spans="1:10" x14ac:dyDescent="0.35">
      <c r="A8527" t="s">
        <v>22</v>
      </c>
      <c r="B8527" t="s">
        <v>53</v>
      </c>
      <c r="C8527" t="s">
        <v>117</v>
      </c>
      <c r="D8527" t="s">
        <v>118</v>
      </c>
      <c r="E8527">
        <v>2013</v>
      </c>
      <c r="F8527">
        <v>2013</v>
      </c>
      <c r="G8527" t="s">
        <v>125</v>
      </c>
      <c r="H8527" t="s">
        <v>124</v>
      </c>
      <c r="I8527" t="s">
        <v>15</v>
      </c>
      <c r="J8527" s="10">
        <v>1.0300251170000001</v>
      </c>
    </row>
    <row r="8528" spans="1:10" x14ac:dyDescent="0.35">
      <c r="A8528" t="s">
        <v>22</v>
      </c>
      <c r="B8528" t="s">
        <v>53</v>
      </c>
      <c r="C8528" t="s">
        <v>117</v>
      </c>
      <c r="D8528" t="s">
        <v>118</v>
      </c>
      <c r="E8528">
        <v>2013</v>
      </c>
      <c r="F8528">
        <v>2013</v>
      </c>
      <c r="G8528" t="s">
        <v>126</v>
      </c>
      <c r="H8528" t="s">
        <v>119</v>
      </c>
      <c r="I8528" t="s">
        <v>15</v>
      </c>
      <c r="J8528" s="10">
        <v>14.053350679999999</v>
      </c>
    </row>
    <row r="8529" spans="1:10" x14ac:dyDescent="0.35">
      <c r="A8529" t="s">
        <v>22</v>
      </c>
      <c r="B8529" t="s">
        <v>53</v>
      </c>
      <c r="C8529" t="s">
        <v>117</v>
      </c>
      <c r="D8529" t="s">
        <v>118</v>
      </c>
      <c r="E8529">
        <v>2013</v>
      </c>
      <c r="F8529">
        <v>2013</v>
      </c>
      <c r="G8529" t="s">
        <v>126</v>
      </c>
      <c r="H8529" t="s">
        <v>120</v>
      </c>
      <c r="I8529" t="s">
        <v>15</v>
      </c>
      <c r="J8529" s="10">
        <v>11.343189819999999</v>
      </c>
    </row>
    <row r="8530" spans="1:10" x14ac:dyDescent="0.35">
      <c r="A8530" t="s">
        <v>22</v>
      </c>
      <c r="B8530" t="s">
        <v>53</v>
      </c>
      <c r="C8530" t="s">
        <v>117</v>
      </c>
      <c r="D8530" t="s">
        <v>118</v>
      </c>
      <c r="E8530">
        <v>2013</v>
      </c>
      <c r="F8530">
        <v>2013</v>
      </c>
      <c r="G8530" t="s">
        <v>126</v>
      </c>
      <c r="H8530" t="s">
        <v>121</v>
      </c>
      <c r="I8530" t="s">
        <v>15</v>
      </c>
      <c r="J8530" s="10">
        <v>47.479415789999997</v>
      </c>
    </row>
    <row r="8531" spans="1:10" x14ac:dyDescent="0.35">
      <c r="A8531" t="s">
        <v>22</v>
      </c>
      <c r="B8531" t="s">
        <v>53</v>
      </c>
      <c r="C8531" t="s">
        <v>117</v>
      </c>
      <c r="D8531" t="s">
        <v>118</v>
      </c>
      <c r="E8531">
        <v>2013</v>
      </c>
      <c r="F8531">
        <v>2013</v>
      </c>
      <c r="G8531" t="s">
        <v>126</v>
      </c>
      <c r="H8531" t="s">
        <v>122</v>
      </c>
      <c r="I8531" t="s">
        <v>15</v>
      </c>
      <c r="J8531" s="10">
        <v>14.497565789999999</v>
      </c>
    </row>
    <row r="8532" spans="1:10" x14ac:dyDescent="0.35">
      <c r="A8532" t="s">
        <v>22</v>
      </c>
      <c r="B8532" t="s">
        <v>53</v>
      </c>
      <c r="C8532" t="s">
        <v>117</v>
      </c>
      <c r="D8532" t="s">
        <v>118</v>
      </c>
      <c r="E8532">
        <v>2013</v>
      </c>
      <c r="F8532">
        <v>2013</v>
      </c>
      <c r="G8532" t="s">
        <v>126</v>
      </c>
      <c r="H8532" t="s">
        <v>123</v>
      </c>
      <c r="I8532" t="s">
        <v>15</v>
      </c>
      <c r="J8532" s="10">
        <v>10.481681740000001</v>
      </c>
    </row>
    <row r="8533" spans="1:10" x14ac:dyDescent="0.35">
      <c r="A8533" t="s">
        <v>22</v>
      </c>
      <c r="B8533" t="s">
        <v>53</v>
      </c>
      <c r="C8533" t="s">
        <v>117</v>
      </c>
      <c r="D8533" t="s">
        <v>118</v>
      </c>
      <c r="E8533">
        <v>2013</v>
      </c>
      <c r="F8533">
        <v>2013</v>
      </c>
      <c r="G8533" t="s">
        <v>126</v>
      </c>
      <c r="H8533" t="s">
        <v>124</v>
      </c>
      <c r="I8533" t="s">
        <v>15</v>
      </c>
      <c r="J8533" s="10">
        <v>2.1447961769999999</v>
      </c>
    </row>
    <row r="8534" spans="1:10" x14ac:dyDescent="0.35">
      <c r="A8534" t="s">
        <v>22</v>
      </c>
      <c r="B8534" t="s">
        <v>53</v>
      </c>
      <c r="C8534" t="s">
        <v>117</v>
      </c>
      <c r="D8534" t="s">
        <v>118</v>
      </c>
      <c r="E8534">
        <v>2012</v>
      </c>
      <c r="F8534">
        <v>2012</v>
      </c>
      <c r="G8534" t="s">
        <v>14</v>
      </c>
      <c r="H8534" t="s">
        <v>119</v>
      </c>
      <c r="I8534" t="s">
        <v>15</v>
      </c>
      <c r="J8534" s="10">
        <v>14.38867881</v>
      </c>
    </row>
    <row r="8535" spans="1:10" x14ac:dyDescent="0.35">
      <c r="A8535" t="s">
        <v>22</v>
      </c>
      <c r="B8535" t="s">
        <v>53</v>
      </c>
      <c r="C8535" t="s">
        <v>117</v>
      </c>
      <c r="D8535" t="s">
        <v>118</v>
      </c>
      <c r="E8535">
        <v>2012</v>
      </c>
      <c r="F8535">
        <v>2012</v>
      </c>
      <c r="G8535" t="s">
        <v>14</v>
      </c>
      <c r="H8535" t="s">
        <v>120</v>
      </c>
      <c r="I8535" t="s">
        <v>15</v>
      </c>
      <c r="J8535" s="10">
        <v>11.244413890000001</v>
      </c>
    </row>
    <row r="8536" spans="1:10" x14ac:dyDescent="0.35">
      <c r="A8536" t="s">
        <v>22</v>
      </c>
      <c r="B8536" t="s">
        <v>53</v>
      </c>
      <c r="C8536" t="s">
        <v>117</v>
      </c>
      <c r="D8536" t="s">
        <v>118</v>
      </c>
      <c r="E8536">
        <v>2012</v>
      </c>
      <c r="F8536">
        <v>2012</v>
      </c>
      <c r="G8536" t="s">
        <v>14</v>
      </c>
      <c r="H8536" t="s">
        <v>121</v>
      </c>
      <c r="I8536" t="s">
        <v>15</v>
      </c>
      <c r="J8536" s="10">
        <v>48.640999200000003</v>
      </c>
    </row>
    <row r="8537" spans="1:10" x14ac:dyDescent="0.35">
      <c r="A8537" t="s">
        <v>22</v>
      </c>
      <c r="B8537" t="s">
        <v>53</v>
      </c>
      <c r="C8537" t="s">
        <v>117</v>
      </c>
      <c r="D8537" t="s">
        <v>118</v>
      </c>
      <c r="E8537">
        <v>2012</v>
      </c>
      <c r="F8537">
        <v>2012</v>
      </c>
      <c r="G8537" t="s">
        <v>14</v>
      </c>
      <c r="H8537" t="s">
        <v>122</v>
      </c>
      <c r="I8537" t="s">
        <v>15</v>
      </c>
      <c r="J8537" s="10">
        <v>14.505557469999999</v>
      </c>
    </row>
    <row r="8538" spans="1:10" x14ac:dyDescent="0.35">
      <c r="A8538" t="s">
        <v>22</v>
      </c>
      <c r="B8538" t="s">
        <v>53</v>
      </c>
      <c r="C8538" t="s">
        <v>117</v>
      </c>
      <c r="D8538" t="s">
        <v>118</v>
      </c>
      <c r="E8538">
        <v>2012</v>
      </c>
      <c r="F8538">
        <v>2012</v>
      </c>
      <c r="G8538" t="s">
        <v>14</v>
      </c>
      <c r="H8538" t="s">
        <v>123</v>
      </c>
      <c r="I8538" t="s">
        <v>15</v>
      </c>
      <c r="J8538" s="10">
        <v>9.6413429589999993</v>
      </c>
    </row>
    <row r="8539" spans="1:10" x14ac:dyDescent="0.35">
      <c r="A8539" t="s">
        <v>22</v>
      </c>
      <c r="B8539" t="s">
        <v>53</v>
      </c>
      <c r="C8539" t="s">
        <v>117</v>
      </c>
      <c r="D8539" t="s">
        <v>118</v>
      </c>
      <c r="E8539">
        <v>2012</v>
      </c>
      <c r="F8539">
        <v>2012</v>
      </c>
      <c r="G8539" t="s">
        <v>14</v>
      </c>
      <c r="H8539" t="s">
        <v>124</v>
      </c>
      <c r="I8539" t="s">
        <v>15</v>
      </c>
      <c r="J8539" s="10">
        <v>1.5790076770000001</v>
      </c>
    </row>
    <row r="8540" spans="1:10" x14ac:dyDescent="0.35">
      <c r="A8540" t="s">
        <v>22</v>
      </c>
      <c r="B8540" t="s">
        <v>53</v>
      </c>
      <c r="C8540" t="s">
        <v>117</v>
      </c>
      <c r="D8540" t="s">
        <v>118</v>
      </c>
      <c r="E8540">
        <v>2012</v>
      </c>
      <c r="F8540">
        <v>2012</v>
      </c>
      <c r="G8540" t="s">
        <v>125</v>
      </c>
      <c r="H8540" t="s">
        <v>119</v>
      </c>
      <c r="I8540" t="s">
        <v>15</v>
      </c>
      <c r="J8540" s="10">
        <v>14.854357670000001</v>
      </c>
    </row>
    <row r="8541" spans="1:10" x14ac:dyDescent="0.35">
      <c r="A8541" t="s">
        <v>22</v>
      </c>
      <c r="B8541" t="s">
        <v>53</v>
      </c>
      <c r="C8541" t="s">
        <v>117</v>
      </c>
      <c r="D8541" t="s">
        <v>118</v>
      </c>
      <c r="E8541">
        <v>2012</v>
      </c>
      <c r="F8541">
        <v>2012</v>
      </c>
      <c r="G8541" t="s">
        <v>125</v>
      </c>
      <c r="H8541" t="s">
        <v>120</v>
      </c>
      <c r="I8541" t="s">
        <v>15</v>
      </c>
      <c r="J8541" s="10">
        <v>10.546593939999999</v>
      </c>
    </row>
    <row r="8542" spans="1:10" x14ac:dyDescent="0.35">
      <c r="A8542" t="s">
        <v>22</v>
      </c>
      <c r="B8542" t="s">
        <v>53</v>
      </c>
      <c r="C8542" t="s">
        <v>117</v>
      </c>
      <c r="D8542" t="s">
        <v>118</v>
      </c>
      <c r="E8542">
        <v>2012</v>
      </c>
      <c r="F8542">
        <v>2012</v>
      </c>
      <c r="G8542" t="s">
        <v>125</v>
      </c>
      <c r="H8542" t="s">
        <v>121</v>
      </c>
      <c r="I8542" t="s">
        <v>15</v>
      </c>
      <c r="J8542" s="10">
        <v>49.922246719999997</v>
      </c>
    </row>
    <row r="8543" spans="1:10" x14ac:dyDescent="0.35">
      <c r="A8543" t="s">
        <v>22</v>
      </c>
      <c r="B8543" t="s">
        <v>53</v>
      </c>
      <c r="C8543" t="s">
        <v>117</v>
      </c>
      <c r="D8543" t="s">
        <v>118</v>
      </c>
      <c r="E8543">
        <v>2012</v>
      </c>
      <c r="F8543">
        <v>2012</v>
      </c>
      <c r="G8543" t="s">
        <v>125</v>
      </c>
      <c r="H8543" t="s">
        <v>122</v>
      </c>
      <c r="I8543" t="s">
        <v>15</v>
      </c>
      <c r="J8543" s="10">
        <v>14.93791343</v>
      </c>
    </row>
    <row r="8544" spans="1:10" x14ac:dyDescent="0.35">
      <c r="A8544" t="s">
        <v>22</v>
      </c>
      <c r="B8544" t="s">
        <v>53</v>
      </c>
      <c r="C8544" t="s">
        <v>117</v>
      </c>
      <c r="D8544" t="s">
        <v>118</v>
      </c>
      <c r="E8544">
        <v>2012</v>
      </c>
      <c r="F8544">
        <v>2012</v>
      </c>
      <c r="G8544" t="s">
        <v>125</v>
      </c>
      <c r="H8544" t="s">
        <v>123</v>
      </c>
      <c r="I8544" t="s">
        <v>15</v>
      </c>
      <c r="J8544" s="10">
        <v>8.7292561220000007</v>
      </c>
    </row>
    <row r="8545" spans="1:10" x14ac:dyDescent="0.35">
      <c r="A8545" t="s">
        <v>22</v>
      </c>
      <c r="B8545" t="s">
        <v>53</v>
      </c>
      <c r="C8545" t="s">
        <v>117</v>
      </c>
      <c r="D8545" t="s">
        <v>118</v>
      </c>
      <c r="E8545">
        <v>2012</v>
      </c>
      <c r="F8545">
        <v>2012</v>
      </c>
      <c r="G8545" t="s">
        <v>125</v>
      </c>
      <c r="H8545" t="s">
        <v>124</v>
      </c>
      <c r="I8545" t="s">
        <v>15</v>
      </c>
      <c r="J8545" s="10">
        <v>1.009632123</v>
      </c>
    </row>
    <row r="8546" spans="1:10" x14ac:dyDescent="0.35">
      <c r="A8546" t="s">
        <v>22</v>
      </c>
      <c r="B8546" t="s">
        <v>53</v>
      </c>
      <c r="C8546" t="s">
        <v>117</v>
      </c>
      <c r="D8546" t="s">
        <v>118</v>
      </c>
      <c r="E8546">
        <v>2012</v>
      </c>
      <c r="F8546">
        <v>2012</v>
      </c>
      <c r="G8546" t="s">
        <v>126</v>
      </c>
      <c r="H8546" t="s">
        <v>119</v>
      </c>
      <c r="I8546" t="s">
        <v>15</v>
      </c>
      <c r="J8546" s="10">
        <v>13.934593189999999</v>
      </c>
    </row>
    <row r="8547" spans="1:10" x14ac:dyDescent="0.35">
      <c r="A8547" t="s">
        <v>22</v>
      </c>
      <c r="B8547" t="s">
        <v>53</v>
      </c>
      <c r="C8547" t="s">
        <v>117</v>
      </c>
      <c r="D8547" t="s">
        <v>118</v>
      </c>
      <c r="E8547">
        <v>2012</v>
      </c>
      <c r="F8547">
        <v>2012</v>
      </c>
      <c r="G8547" t="s">
        <v>126</v>
      </c>
      <c r="H8547" t="s">
        <v>120</v>
      </c>
      <c r="I8547" t="s">
        <v>15</v>
      </c>
      <c r="J8547" s="10">
        <v>11.924861379999999</v>
      </c>
    </row>
    <row r="8548" spans="1:10" x14ac:dyDescent="0.35">
      <c r="A8548" t="s">
        <v>22</v>
      </c>
      <c r="B8548" t="s">
        <v>53</v>
      </c>
      <c r="C8548" t="s">
        <v>117</v>
      </c>
      <c r="D8548" t="s">
        <v>118</v>
      </c>
      <c r="E8548">
        <v>2012</v>
      </c>
      <c r="F8548">
        <v>2012</v>
      </c>
      <c r="G8548" t="s">
        <v>126</v>
      </c>
      <c r="H8548" t="s">
        <v>121</v>
      </c>
      <c r="I8548" t="s">
        <v>15</v>
      </c>
      <c r="J8548" s="10">
        <v>47.391648750000002</v>
      </c>
    </row>
    <row r="8549" spans="1:10" x14ac:dyDescent="0.35">
      <c r="A8549" t="s">
        <v>22</v>
      </c>
      <c r="B8549" t="s">
        <v>53</v>
      </c>
      <c r="C8549" t="s">
        <v>117</v>
      </c>
      <c r="D8549" t="s">
        <v>118</v>
      </c>
      <c r="E8549">
        <v>2012</v>
      </c>
      <c r="F8549">
        <v>2012</v>
      </c>
      <c r="G8549" t="s">
        <v>126</v>
      </c>
      <c r="H8549" t="s">
        <v>122</v>
      </c>
      <c r="I8549" t="s">
        <v>15</v>
      </c>
      <c r="J8549" s="10">
        <v>14.083965149999999</v>
      </c>
    </row>
    <row r="8550" spans="1:10" x14ac:dyDescent="0.35">
      <c r="A8550" t="s">
        <v>22</v>
      </c>
      <c r="B8550" t="s">
        <v>53</v>
      </c>
      <c r="C8550" t="s">
        <v>117</v>
      </c>
      <c r="D8550" t="s">
        <v>118</v>
      </c>
      <c r="E8550">
        <v>2012</v>
      </c>
      <c r="F8550">
        <v>2012</v>
      </c>
      <c r="G8550" t="s">
        <v>126</v>
      </c>
      <c r="H8550" t="s">
        <v>123</v>
      </c>
      <c r="I8550" t="s">
        <v>15</v>
      </c>
      <c r="J8550" s="10">
        <v>10.530723099999999</v>
      </c>
    </row>
    <row r="8551" spans="1:10" x14ac:dyDescent="0.35">
      <c r="A8551" t="s">
        <v>22</v>
      </c>
      <c r="B8551" t="s">
        <v>53</v>
      </c>
      <c r="C8551" t="s">
        <v>117</v>
      </c>
      <c r="D8551" t="s">
        <v>118</v>
      </c>
      <c r="E8551">
        <v>2012</v>
      </c>
      <c r="F8551">
        <v>2012</v>
      </c>
      <c r="G8551" t="s">
        <v>126</v>
      </c>
      <c r="H8551" t="s">
        <v>124</v>
      </c>
      <c r="I8551" t="s">
        <v>15</v>
      </c>
      <c r="J8551" s="10">
        <v>2.1342084419999998</v>
      </c>
    </row>
    <row r="8552" spans="1:10" x14ac:dyDescent="0.35">
      <c r="A8552" t="s">
        <v>22</v>
      </c>
      <c r="B8552" t="s">
        <v>53</v>
      </c>
      <c r="C8552" t="s">
        <v>117</v>
      </c>
      <c r="D8552" t="s">
        <v>118</v>
      </c>
      <c r="E8552">
        <v>2011</v>
      </c>
      <c r="F8552">
        <v>2011</v>
      </c>
      <c r="G8552" t="s">
        <v>14</v>
      </c>
      <c r="H8552" t="s">
        <v>119</v>
      </c>
      <c r="I8552" t="s">
        <v>15</v>
      </c>
      <c r="J8552" s="10">
        <v>14.292882730000001</v>
      </c>
    </row>
    <row r="8553" spans="1:10" x14ac:dyDescent="0.35">
      <c r="A8553" t="s">
        <v>22</v>
      </c>
      <c r="B8553" t="s">
        <v>53</v>
      </c>
      <c r="C8553" t="s">
        <v>117</v>
      </c>
      <c r="D8553" t="s">
        <v>118</v>
      </c>
      <c r="E8553">
        <v>2011</v>
      </c>
      <c r="F8553">
        <v>2011</v>
      </c>
      <c r="G8553" t="s">
        <v>14</v>
      </c>
      <c r="H8553" t="s">
        <v>120</v>
      </c>
      <c r="I8553" t="s">
        <v>15</v>
      </c>
      <c r="J8553" s="10">
        <v>11.691736779999999</v>
      </c>
    </row>
    <row r="8554" spans="1:10" x14ac:dyDescent="0.35">
      <c r="A8554" t="s">
        <v>22</v>
      </c>
      <c r="B8554" t="s">
        <v>53</v>
      </c>
      <c r="C8554" t="s">
        <v>117</v>
      </c>
      <c r="D8554" t="s">
        <v>118</v>
      </c>
      <c r="E8554">
        <v>2011</v>
      </c>
      <c r="F8554">
        <v>2011</v>
      </c>
      <c r="G8554" t="s">
        <v>14</v>
      </c>
      <c r="H8554" t="s">
        <v>121</v>
      </c>
      <c r="I8554" t="s">
        <v>15</v>
      </c>
      <c r="J8554" s="10">
        <v>48.480039210000001</v>
      </c>
    </row>
    <row r="8555" spans="1:10" x14ac:dyDescent="0.35">
      <c r="A8555" t="s">
        <v>22</v>
      </c>
      <c r="B8555" t="s">
        <v>53</v>
      </c>
      <c r="C8555" t="s">
        <v>117</v>
      </c>
      <c r="D8555" t="s">
        <v>118</v>
      </c>
      <c r="E8555">
        <v>2011</v>
      </c>
      <c r="F8555">
        <v>2011</v>
      </c>
      <c r="G8555" t="s">
        <v>14</v>
      </c>
      <c r="H8555" t="s">
        <v>122</v>
      </c>
      <c r="I8555" t="s">
        <v>15</v>
      </c>
      <c r="J8555" s="10">
        <v>14.3769036</v>
      </c>
    </row>
    <row r="8556" spans="1:10" x14ac:dyDescent="0.35">
      <c r="A8556" t="s">
        <v>22</v>
      </c>
      <c r="B8556" t="s">
        <v>53</v>
      </c>
      <c r="C8556" t="s">
        <v>117</v>
      </c>
      <c r="D8556" t="s">
        <v>118</v>
      </c>
      <c r="E8556">
        <v>2011</v>
      </c>
      <c r="F8556">
        <v>2011</v>
      </c>
      <c r="G8556" t="s">
        <v>14</v>
      </c>
      <c r="H8556" t="s">
        <v>123</v>
      </c>
      <c r="I8556" t="s">
        <v>15</v>
      </c>
      <c r="J8556" s="10">
        <v>9.5422029800000008</v>
      </c>
    </row>
    <row r="8557" spans="1:10" x14ac:dyDescent="0.35">
      <c r="A8557" t="s">
        <v>22</v>
      </c>
      <c r="B8557" t="s">
        <v>53</v>
      </c>
      <c r="C8557" t="s">
        <v>117</v>
      </c>
      <c r="D8557" t="s">
        <v>118</v>
      </c>
      <c r="E8557">
        <v>2011</v>
      </c>
      <c r="F8557">
        <v>2011</v>
      </c>
      <c r="G8557" t="s">
        <v>14</v>
      </c>
      <c r="H8557" t="s">
        <v>124</v>
      </c>
      <c r="I8557" t="s">
        <v>15</v>
      </c>
      <c r="J8557" s="10">
        <v>1.616234698</v>
      </c>
    </row>
    <row r="8558" spans="1:10" x14ac:dyDescent="0.35">
      <c r="A8558" t="s">
        <v>22</v>
      </c>
      <c r="B8558" t="s">
        <v>53</v>
      </c>
      <c r="C8558" t="s">
        <v>117</v>
      </c>
      <c r="D8558" t="s">
        <v>118</v>
      </c>
      <c r="E8558">
        <v>2011</v>
      </c>
      <c r="F8558">
        <v>2011</v>
      </c>
      <c r="G8558" t="s">
        <v>125</v>
      </c>
      <c r="H8558" t="s">
        <v>119</v>
      </c>
      <c r="I8558" t="s">
        <v>15</v>
      </c>
      <c r="J8558" s="10">
        <v>14.71330519</v>
      </c>
    </row>
    <row r="8559" spans="1:10" x14ac:dyDescent="0.35">
      <c r="A8559" t="s">
        <v>22</v>
      </c>
      <c r="B8559" t="s">
        <v>53</v>
      </c>
      <c r="C8559" t="s">
        <v>117</v>
      </c>
      <c r="D8559" t="s">
        <v>118</v>
      </c>
      <c r="E8559">
        <v>2011</v>
      </c>
      <c r="F8559">
        <v>2011</v>
      </c>
      <c r="G8559" t="s">
        <v>125</v>
      </c>
      <c r="H8559" t="s">
        <v>120</v>
      </c>
      <c r="I8559" t="s">
        <v>15</v>
      </c>
      <c r="J8559" s="10">
        <v>11.05031016</v>
      </c>
    </row>
    <row r="8560" spans="1:10" x14ac:dyDescent="0.35">
      <c r="A8560" t="s">
        <v>22</v>
      </c>
      <c r="B8560" t="s">
        <v>53</v>
      </c>
      <c r="C8560" t="s">
        <v>117</v>
      </c>
      <c r="D8560" t="s">
        <v>118</v>
      </c>
      <c r="E8560">
        <v>2011</v>
      </c>
      <c r="F8560">
        <v>2011</v>
      </c>
      <c r="G8560" t="s">
        <v>125</v>
      </c>
      <c r="H8560" t="s">
        <v>121</v>
      </c>
      <c r="I8560" t="s">
        <v>15</v>
      </c>
      <c r="J8560" s="10">
        <v>49.798334789999998</v>
      </c>
    </row>
    <row r="8561" spans="1:10" x14ac:dyDescent="0.35">
      <c r="A8561" t="s">
        <v>22</v>
      </c>
      <c r="B8561" t="s">
        <v>53</v>
      </c>
      <c r="C8561" t="s">
        <v>117</v>
      </c>
      <c r="D8561" t="s">
        <v>118</v>
      </c>
      <c r="E8561">
        <v>2011</v>
      </c>
      <c r="F8561">
        <v>2011</v>
      </c>
      <c r="G8561" t="s">
        <v>125</v>
      </c>
      <c r="H8561" t="s">
        <v>122</v>
      </c>
      <c r="I8561" t="s">
        <v>15</v>
      </c>
      <c r="J8561" s="10">
        <v>14.960964219999999</v>
      </c>
    </row>
    <row r="8562" spans="1:10" x14ac:dyDescent="0.35">
      <c r="A8562" t="s">
        <v>22</v>
      </c>
      <c r="B8562" t="s">
        <v>53</v>
      </c>
      <c r="C8562" t="s">
        <v>117</v>
      </c>
      <c r="D8562" t="s">
        <v>118</v>
      </c>
      <c r="E8562">
        <v>2011</v>
      </c>
      <c r="F8562">
        <v>2011</v>
      </c>
      <c r="G8562" t="s">
        <v>125</v>
      </c>
      <c r="H8562" t="s">
        <v>123</v>
      </c>
      <c r="I8562" t="s">
        <v>15</v>
      </c>
      <c r="J8562" s="10">
        <v>8.4746562260000005</v>
      </c>
    </row>
    <row r="8563" spans="1:10" x14ac:dyDescent="0.35">
      <c r="A8563" t="s">
        <v>22</v>
      </c>
      <c r="B8563" t="s">
        <v>53</v>
      </c>
      <c r="C8563" t="s">
        <v>117</v>
      </c>
      <c r="D8563" t="s">
        <v>118</v>
      </c>
      <c r="E8563">
        <v>2011</v>
      </c>
      <c r="F8563">
        <v>2011</v>
      </c>
      <c r="G8563" t="s">
        <v>125</v>
      </c>
      <c r="H8563" t="s">
        <v>124</v>
      </c>
      <c r="I8563" t="s">
        <v>15</v>
      </c>
      <c r="J8563" s="10">
        <v>1.0024294170000001</v>
      </c>
    </row>
    <row r="8564" spans="1:10" x14ac:dyDescent="0.35">
      <c r="A8564" t="s">
        <v>22</v>
      </c>
      <c r="B8564" t="s">
        <v>53</v>
      </c>
      <c r="C8564" t="s">
        <v>117</v>
      </c>
      <c r="D8564" t="s">
        <v>118</v>
      </c>
      <c r="E8564">
        <v>2011</v>
      </c>
      <c r="F8564">
        <v>2011</v>
      </c>
      <c r="G8564" t="s">
        <v>126</v>
      </c>
      <c r="H8564" t="s">
        <v>119</v>
      </c>
      <c r="I8564" t="s">
        <v>15</v>
      </c>
      <c r="J8564" s="10">
        <v>13.88118995</v>
      </c>
    </row>
    <row r="8565" spans="1:10" x14ac:dyDescent="0.35">
      <c r="A8565" t="s">
        <v>22</v>
      </c>
      <c r="B8565" t="s">
        <v>53</v>
      </c>
      <c r="C8565" t="s">
        <v>117</v>
      </c>
      <c r="D8565" t="s">
        <v>118</v>
      </c>
      <c r="E8565">
        <v>2011</v>
      </c>
      <c r="F8565">
        <v>2011</v>
      </c>
      <c r="G8565" t="s">
        <v>126</v>
      </c>
      <c r="H8565" t="s">
        <v>120</v>
      </c>
      <c r="I8565" t="s">
        <v>15</v>
      </c>
      <c r="J8565" s="10">
        <v>12.319844789999999</v>
      </c>
    </row>
    <row r="8566" spans="1:10" x14ac:dyDescent="0.35">
      <c r="A8566" t="s">
        <v>22</v>
      </c>
      <c r="B8566" t="s">
        <v>53</v>
      </c>
      <c r="C8566" t="s">
        <v>117</v>
      </c>
      <c r="D8566" t="s">
        <v>118</v>
      </c>
      <c r="E8566">
        <v>2011</v>
      </c>
      <c r="F8566">
        <v>2011</v>
      </c>
      <c r="G8566" t="s">
        <v>126</v>
      </c>
      <c r="H8566" t="s">
        <v>121</v>
      </c>
      <c r="I8566" t="s">
        <v>15</v>
      </c>
      <c r="J8566" s="10">
        <v>47.189116779999999</v>
      </c>
    </row>
    <row r="8567" spans="1:10" x14ac:dyDescent="0.35">
      <c r="A8567" t="s">
        <v>22</v>
      </c>
      <c r="B8567" t="s">
        <v>53</v>
      </c>
      <c r="C8567" t="s">
        <v>117</v>
      </c>
      <c r="D8567" t="s">
        <v>118</v>
      </c>
      <c r="E8567">
        <v>2011</v>
      </c>
      <c r="F8567">
        <v>2011</v>
      </c>
      <c r="G8567" t="s">
        <v>126</v>
      </c>
      <c r="H8567" t="s">
        <v>122</v>
      </c>
      <c r="I8567" t="s">
        <v>15</v>
      </c>
      <c r="J8567" s="10">
        <v>13.80497044</v>
      </c>
    </row>
    <row r="8568" spans="1:10" x14ac:dyDescent="0.35">
      <c r="A8568" t="s">
        <v>22</v>
      </c>
      <c r="B8568" t="s">
        <v>53</v>
      </c>
      <c r="C8568" t="s">
        <v>117</v>
      </c>
      <c r="D8568" t="s">
        <v>118</v>
      </c>
      <c r="E8568">
        <v>2011</v>
      </c>
      <c r="F8568">
        <v>2011</v>
      </c>
      <c r="G8568" t="s">
        <v>126</v>
      </c>
      <c r="H8568" t="s">
        <v>123</v>
      </c>
      <c r="I8568" t="s">
        <v>15</v>
      </c>
      <c r="J8568" s="10">
        <v>10.58758315</v>
      </c>
    </row>
    <row r="8569" spans="1:10" x14ac:dyDescent="0.35">
      <c r="A8569" t="s">
        <v>22</v>
      </c>
      <c r="B8569" t="s">
        <v>53</v>
      </c>
      <c r="C8569" t="s">
        <v>117</v>
      </c>
      <c r="D8569" t="s">
        <v>118</v>
      </c>
      <c r="E8569">
        <v>2011</v>
      </c>
      <c r="F8569">
        <v>2011</v>
      </c>
      <c r="G8569" t="s">
        <v>126</v>
      </c>
      <c r="H8569" t="s">
        <v>124</v>
      </c>
      <c r="I8569" t="s">
        <v>15</v>
      </c>
      <c r="J8569" s="10">
        <v>2.2172949000000002</v>
      </c>
    </row>
    <row r="8570" spans="1:10" x14ac:dyDescent="0.35">
      <c r="A8570" t="s">
        <v>22</v>
      </c>
      <c r="B8570" t="s">
        <v>54</v>
      </c>
      <c r="C8570" t="s">
        <v>117</v>
      </c>
      <c r="D8570" t="s">
        <v>118</v>
      </c>
      <c r="E8570">
        <v>2020</v>
      </c>
      <c r="F8570">
        <v>2020</v>
      </c>
      <c r="G8570" t="s">
        <v>14</v>
      </c>
      <c r="H8570" t="s">
        <v>119</v>
      </c>
      <c r="I8570" t="s">
        <v>15</v>
      </c>
      <c r="J8570" s="10">
        <v>18.307349089999999</v>
      </c>
    </row>
    <row r="8571" spans="1:10" x14ac:dyDescent="0.35">
      <c r="A8571" t="s">
        <v>22</v>
      </c>
      <c r="B8571" t="s">
        <v>54</v>
      </c>
      <c r="C8571" t="s">
        <v>117</v>
      </c>
      <c r="D8571" t="s">
        <v>118</v>
      </c>
      <c r="E8571">
        <v>2020</v>
      </c>
      <c r="F8571">
        <v>2020</v>
      </c>
      <c r="G8571" t="s">
        <v>14</v>
      </c>
      <c r="H8571" t="s">
        <v>120</v>
      </c>
      <c r="I8571" t="s">
        <v>15</v>
      </c>
      <c r="J8571" s="10">
        <v>10.61721114</v>
      </c>
    </row>
    <row r="8572" spans="1:10" x14ac:dyDescent="0.35">
      <c r="A8572" t="s">
        <v>22</v>
      </c>
      <c r="B8572" t="s">
        <v>54</v>
      </c>
      <c r="C8572" t="s">
        <v>117</v>
      </c>
      <c r="D8572" t="s">
        <v>118</v>
      </c>
      <c r="E8572">
        <v>2020</v>
      </c>
      <c r="F8572">
        <v>2020</v>
      </c>
      <c r="G8572" t="s">
        <v>14</v>
      </c>
      <c r="H8572" t="s">
        <v>121</v>
      </c>
      <c r="I8572" t="s">
        <v>15</v>
      </c>
      <c r="J8572" s="10">
        <v>34.601774450000001</v>
      </c>
    </row>
    <row r="8573" spans="1:10" x14ac:dyDescent="0.35">
      <c r="A8573" t="s">
        <v>22</v>
      </c>
      <c r="B8573" t="s">
        <v>54</v>
      </c>
      <c r="C8573" t="s">
        <v>117</v>
      </c>
      <c r="D8573" t="s">
        <v>118</v>
      </c>
      <c r="E8573">
        <v>2020</v>
      </c>
      <c r="F8573">
        <v>2020</v>
      </c>
      <c r="G8573" t="s">
        <v>14</v>
      </c>
      <c r="H8573" t="s">
        <v>122</v>
      </c>
      <c r="I8573" t="s">
        <v>15</v>
      </c>
      <c r="J8573" s="10">
        <v>18.38684035</v>
      </c>
    </row>
    <row r="8574" spans="1:10" x14ac:dyDescent="0.35">
      <c r="A8574" t="s">
        <v>22</v>
      </c>
      <c r="B8574" t="s">
        <v>54</v>
      </c>
      <c r="C8574" t="s">
        <v>117</v>
      </c>
      <c r="D8574" t="s">
        <v>118</v>
      </c>
      <c r="E8574">
        <v>2020</v>
      </c>
      <c r="F8574">
        <v>2020</v>
      </c>
      <c r="G8574" t="s">
        <v>14</v>
      </c>
      <c r="H8574" t="s">
        <v>123</v>
      </c>
      <c r="I8574" t="s">
        <v>15</v>
      </c>
      <c r="J8574" s="10">
        <v>15.779014310000001</v>
      </c>
    </row>
    <row r="8575" spans="1:10" x14ac:dyDescent="0.35">
      <c r="A8575" t="s">
        <v>22</v>
      </c>
      <c r="B8575" t="s">
        <v>54</v>
      </c>
      <c r="C8575" t="s">
        <v>117</v>
      </c>
      <c r="D8575" t="s">
        <v>118</v>
      </c>
      <c r="E8575">
        <v>2020</v>
      </c>
      <c r="F8575">
        <v>2020</v>
      </c>
      <c r="G8575" t="s">
        <v>14</v>
      </c>
      <c r="H8575" t="s">
        <v>124</v>
      </c>
      <c r="I8575" t="s">
        <v>15</v>
      </c>
      <c r="J8575" s="10">
        <v>2.3078106570000001</v>
      </c>
    </row>
    <row r="8576" spans="1:10" x14ac:dyDescent="0.35">
      <c r="A8576" t="s">
        <v>22</v>
      </c>
      <c r="B8576" t="s">
        <v>54</v>
      </c>
      <c r="C8576" t="s">
        <v>117</v>
      </c>
      <c r="D8576" t="s">
        <v>118</v>
      </c>
      <c r="E8576">
        <v>2020</v>
      </c>
      <c r="F8576">
        <v>2020</v>
      </c>
      <c r="G8576" t="s">
        <v>125</v>
      </c>
      <c r="H8576" t="s">
        <v>119</v>
      </c>
      <c r="I8576" t="s">
        <v>15</v>
      </c>
      <c r="J8576" s="10">
        <v>18.7042441</v>
      </c>
    </row>
    <row r="8577" spans="1:10" x14ac:dyDescent="0.35">
      <c r="A8577" t="s">
        <v>22</v>
      </c>
      <c r="B8577" t="s">
        <v>54</v>
      </c>
      <c r="C8577" t="s">
        <v>117</v>
      </c>
      <c r="D8577" t="s">
        <v>118</v>
      </c>
      <c r="E8577">
        <v>2020</v>
      </c>
      <c r="F8577">
        <v>2020</v>
      </c>
      <c r="G8577" t="s">
        <v>125</v>
      </c>
      <c r="H8577" t="s">
        <v>120</v>
      </c>
      <c r="I8577" t="s">
        <v>15</v>
      </c>
      <c r="J8577" s="10">
        <v>12.084677210000001</v>
      </c>
    </row>
    <row r="8578" spans="1:10" x14ac:dyDescent="0.35">
      <c r="A8578" t="s">
        <v>22</v>
      </c>
      <c r="B8578" t="s">
        <v>54</v>
      </c>
      <c r="C8578" t="s">
        <v>117</v>
      </c>
      <c r="D8578" t="s">
        <v>118</v>
      </c>
      <c r="E8578">
        <v>2020</v>
      </c>
      <c r="F8578">
        <v>2020</v>
      </c>
      <c r="G8578" t="s">
        <v>125</v>
      </c>
      <c r="H8578" t="s">
        <v>121</v>
      </c>
      <c r="I8578" t="s">
        <v>15</v>
      </c>
      <c r="J8578" s="10">
        <v>35.127732559999998</v>
      </c>
    </row>
    <row r="8579" spans="1:10" x14ac:dyDescent="0.35">
      <c r="A8579" t="s">
        <v>22</v>
      </c>
      <c r="B8579" t="s">
        <v>54</v>
      </c>
      <c r="C8579" t="s">
        <v>117</v>
      </c>
      <c r="D8579" t="s">
        <v>118</v>
      </c>
      <c r="E8579">
        <v>2020</v>
      </c>
      <c r="F8579">
        <v>2020</v>
      </c>
      <c r="G8579" t="s">
        <v>125</v>
      </c>
      <c r="H8579" t="s">
        <v>122</v>
      </c>
      <c r="I8579" t="s">
        <v>15</v>
      </c>
      <c r="J8579" s="10">
        <v>17.992627859999999</v>
      </c>
    </row>
    <row r="8580" spans="1:10" x14ac:dyDescent="0.35">
      <c r="A8580" t="s">
        <v>22</v>
      </c>
      <c r="B8580" t="s">
        <v>54</v>
      </c>
      <c r="C8580" t="s">
        <v>117</v>
      </c>
      <c r="D8580" t="s">
        <v>118</v>
      </c>
      <c r="E8580">
        <v>2020</v>
      </c>
      <c r="F8580">
        <v>2020</v>
      </c>
      <c r="G8580" t="s">
        <v>125</v>
      </c>
      <c r="H8580" t="s">
        <v>123</v>
      </c>
      <c r="I8580" t="s">
        <v>15</v>
      </c>
      <c r="J8580" s="10">
        <v>14.49086162</v>
      </c>
    </row>
    <row r="8581" spans="1:10" x14ac:dyDescent="0.35">
      <c r="A8581" t="s">
        <v>22</v>
      </c>
      <c r="B8581" t="s">
        <v>54</v>
      </c>
      <c r="C8581" t="s">
        <v>117</v>
      </c>
      <c r="D8581" t="s">
        <v>118</v>
      </c>
      <c r="E8581">
        <v>2020</v>
      </c>
      <c r="F8581">
        <v>2020</v>
      </c>
      <c r="G8581" t="s">
        <v>125</v>
      </c>
      <c r="H8581" t="s">
        <v>124</v>
      </c>
      <c r="I8581" t="s">
        <v>15</v>
      </c>
      <c r="J8581" s="10">
        <v>1.599856653</v>
      </c>
    </row>
    <row r="8582" spans="1:10" x14ac:dyDescent="0.35">
      <c r="A8582" t="s">
        <v>22</v>
      </c>
      <c r="B8582" t="s">
        <v>54</v>
      </c>
      <c r="C8582" t="s">
        <v>117</v>
      </c>
      <c r="D8582" t="s">
        <v>118</v>
      </c>
      <c r="E8582">
        <v>2020</v>
      </c>
      <c r="F8582">
        <v>2020</v>
      </c>
      <c r="G8582" t="s">
        <v>126</v>
      </c>
      <c r="H8582" t="s">
        <v>119</v>
      </c>
      <c r="I8582" t="s">
        <v>15</v>
      </c>
      <c r="J8582" s="10">
        <v>17.90906756</v>
      </c>
    </row>
    <row r="8583" spans="1:10" x14ac:dyDescent="0.35">
      <c r="A8583" t="s">
        <v>22</v>
      </c>
      <c r="B8583" t="s">
        <v>54</v>
      </c>
      <c r="C8583" t="s">
        <v>117</v>
      </c>
      <c r="D8583" t="s">
        <v>118</v>
      </c>
      <c r="E8583">
        <v>2020</v>
      </c>
      <c r="F8583">
        <v>2020</v>
      </c>
      <c r="G8583" t="s">
        <v>126</v>
      </c>
      <c r="H8583" t="s">
        <v>120</v>
      </c>
      <c r="I8583" t="s">
        <v>15</v>
      </c>
      <c r="J8583" s="10">
        <v>9.1446185460000002</v>
      </c>
    </row>
    <row r="8584" spans="1:10" x14ac:dyDescent="0.35">
      <c r="A8584" t="s">
        <v>22</v>
      </c>
      <c r="B8584" t="s">
        <v>54</v>
      </c>
      <c r="C8584" t="s">
        <v>117</v>
      </c>
      <c r="D8584" t="s">
        <v>118</v>
      </c>
      <c r="E8584">
        <v>2020</v>
      </c>
      <c r="F8584">
        <v>2020</v>
      </c>
      <c r="G8584" t="s">
        <v>126</v>
      </c>
      <c r="H8584" t="s">
        <v>121</v>
      </c>
      <c r="I8584" t="s">
        <v>15</v>
      </c>
      <c r="J8584" s="10">
        <v>34.073978940000003</v>
      </c>
    </row>
    <row r="8585" spans="1:10" x14ac:dyDescent="0.35">
      <c r="A8585" t="s">
        <v>22</v>
      </c>
      <c r="B8585" t="s">
        <v>54</v>
      </c>
      <c r="C8585" t="s">
        <v>117</v>
      </c>
      <c r="D8585" t="s">
        <v>118</v>
      </c>
      <c r="E8585">
        <v>2020</v>
      </c>
      <c r="F8585">
        <v>2020</v>
      </c>
      <c r="G8585" t="s">
        <v>126</v>
      </c>
      <c r="H8585" t="s">
        <v>122</v>
      </c>
      <c r="I8585" t="s">
        <v>15</v>
      </c>
      <c r="J8585" s="10">
        <v>18.782430000000002</v>
      </c>
    </row>
    <row r="8586" spans="1:10" x14ac:dyDescent="0.35">
      <c r="A8586" t="s">
        <v>22</v>
      </c>
      <c r="B8586" t="s">
        <v>54</v>
      </c>
      <c r="C8586" t="s">
        <v>117</v>
      </c>
      <c r="D8586" t="s">
        <v>118</v>
      </c>
      <c r="E8586">
        <v>2020</v>
      </c>
      <c r="F8586">
        <v>2020</v>
      </c>
      <c r="G8586" t="s">
        <v>126</v>
      </c>
      <c r="H8586" t="s">
        <v>123</v>
      </c>
      <c r="I8586" t="s">
        <v>15</v>
      </c>
      <c r="J8586" s="10">
        <v>17.071667089999998</v>
      </c>
    </row>
    <row r="8587" spans="1:10" x14ac:dyDescent="0.35">
      <c r="A8587" t="s">
        <v>22</v>
      </c>
      <c r="B8587" t="s">
        <v>54</v>
      </c>
      <c r="C8587" t="s">
        <v>117</v>
      </c>
      <c r="D8587" t="s">
        <v>118</v>
      </c>
      <c r="E8587">
        <v>2020</v>
      </c>
      <c r="F8587">
        <v>2020</v>
      </c>
      <c r="G8587" t="s">
        <v>126</v>
      </c>
      <c r="H8587" t="s">
        <v>124</v>
      </c>
      <c r="I8587" t="s">
        <v>15</v>
      </c>
      <c r="J8587" s="10">
        <v>3.018237863</v>
      </c>
    </row>
    <row r="8588" spans="1:10" x14ac:dyDescent="0.35">
      <c r="A8588" t="s">
        <v>22</v>
      </c>
      <c r="B8588" t="s">
        <v>54</v>
      </c>
      <c r="C8588" t="s">
        <v>117</v>
      </c>
      <c r="D8588" t="s">
        <v>118</v>
      </c>
      <c r="E8588">
        <v>2019</v>
      </c>
      <c r="F8588">
        <v>2019</v>
      </c>
      <c r="G8588" t="s">
        <v>14</v>
      </c>
      <c r="H8588" t="s">
        <v>119</v>
      </c>
      <c r="I8588" t="s">
        <v>15</v>
      </c>
      <c r="J8588" s="10">
        <v>18.266269690000001</v>
      </c>
    </row>
    <row r="8589" spans="1:10" x14ac:dyDescent="0.35">
      <c r="A8589" t="s">
        <v>22</v>
      </c>
      <c r="B8589" t="s">
        <v>54</v>
      </c>
      <c r="C8589" t="s">
        <v>117</v>
      </c>
      <c r="D8589" t="s">
        <v>118</v>
      </c>
      <c r="E8589">
        <v>2019</v>
      </c>
      <c r="F8589">
        <v>2019</v>
      </c>
      <c r="G8589" t="s">
        <v>14</v>
      </c>
      <c r="H8589" t="s">
        <v>120</v>
      </c>
      <c r="I8589" t="s">
        <v>15</v>
      </c>
      <c r="J8589" s="10">
        <v>10.945705930000001</v>
      </c>
    </row>
    <row r="8590" spans="1:10" x14ac:dyDescent="0.35">
      <c r="A8590" t="s">
        <v>22</v>
      </c>
      <c r="B8590" t="s">
        <v>54</v>
      </c>
      <c r="C8590" t="s">
        <v>117</v>
      </c>
      <c r="D8590" t="s">
        <v>118</v>
      </c>
      <c r="E8590">
        <v>2019</v>
      </c>
      <c r="F8590">
        <v>2019</v>
      </c>
      <c r="G8590" t="s">
        <v>14</v>
      </c>
      <c r="H8590" t="s">
        <v>121</v>
      </c>
      <c r="I8590" t="s">
        <v>15</v>
      </c>
      <c r="J8590" s="10">
        <v>34.577492679999999</v>
      </c>
    </row>
    <row r="8591" spans="1:10" x14ac:dyDescent="0.35">
      <c r="A8591" t="s">
        <v>22</v>
      </c>
      <c r="B8591" t="s">
        <v>54</v>
      </c>
      <c r="C8591" t="s">
        <v>117</v>
      </c>
      <c r="D8591" t="s">
        <v>118</v>
      </c>
      <c r="E8591">
        <v>2019</v>
      </c>
      <c r="F8591">
        <v>2019</v>
      </c>
      <c r="G8591" t="s">
        <v>14</v>
      </c>
      <c r="H8591" t="s">
        <v>122</v>
      </c>
      <c r="I8591" t="s">
        <v>15</v>
      </c>
      <c r="J8591" s="10">
        <v>18.38127244</v>
      </c>
    </row>
    <row r="8592" spans="1:10" x14ac:dyDescent="0.35">
      <c r="A8592" t="s">
        <v>22</v>
      </c>
      <c r="B8592" t="s">
        <v>54</v>
      </c>
      <c r="C8592" t="s">
        <v>117</v>
      </c>
      <c r="D8592" t="s">
        <v>118</v>
      </c>
      <c r="E8592">
        <v>2019</v>
      </c>
      <c r="F8592">
        <v>2019</v>
      </c>
      <c r="G8592" t="s">
        <v>14</v>
      </c>
      <c r="H8592" t="s">
        <v>123</v>
      </c>
      <c r="I8592" t="s">
        <v>15</v>
      </c>
      <c r="J8592" s="10">
        <v>15.54837143</v>
      </c>
    </row>
    <row r="8593" spans="1:10" x14ac:dyDescent="0.35">
      <c r="A8593" t="s">
        <v>22</v>
      </c>
      <c r="B8593" t="s">
        <v>54</v>
      </c>
      <c r="C8593" t="s">
        <v>117</v>
      </c>
      <c r="D8593" t="s">
        <v>118</v>
      </c>
      <c r="E8593">
        <v>2019</v>
      </c>
      <c r="F8593">
        <v>2019</v>
      </c>
      <c r="G8593" t="s">
        <v>14</v>
      </c>
      <c r="H8593" t="s">
        <v>124</v>
      </c>
      <c r="I8593" t="s">
        <v>15</v>
      </c>
      <c r="J8593" s="10">
        <v>2.2808878209999999</v>
      </c>
    </row>
    <row r="8594" spans="1:10" x14ac:dyDescent="0.35">
      <c r="A8594" t="s">
        <v>22</v>
      </c>
      <c r="B8594" t="s">
        <v>54</v>
      </c>
      <c r="C8594" t="s">
        <v>117</v>
      </c>
      <c r="D8594" t="s">
        <v>118</v>
      </c>
      <c r="E8594">
        <v>2019</v>
      </c>
      <c r="F8594">
        <v>2019</v>
      </c>
      <c r="G8594" t="s">
        <v>125</v>
      </c>
      <c r="H8594" t="s">
        <v>119</v>
      </c>
      <c r="I8594" t="s">
        <v>15</v>
      </c>
      <c r="J8594" s="10">
        <v>18.838729449999999</v>
      </c>
    </row>
    <row r="8595" spans="1:10" x14ac:dyDescent="0.35">
      <c r="A8595" t="s">
        <v>22</v>
      </c>
      <c r="B8595" t="s">
        <v>54</v>
      </c>
      <c r="C8595" t="s">
        <v>117</v>
      </c>
      <c r="D8595" t="s">
        <v>118</v>
      </c>
      <c r="E8595">
        <v>2019</v>
      </c>
      <c r="F8595">
        <v>2019</v>
      </c>
      <c r="G8595" t="s">
        <v>125</v>
      </c>
      <c r="H8595" t="s">
        <v>120</v>
      </c>
      <c r="I8595" t="s">
        <v>15</v>
      </c>
      <c r="J8595" s="10">
        <v>12.289347360000001</v>
      </c>
    </row>
    <row r="8596" spans="1:10" x14ac:dyDescent="0.35">
      <c r="A8596" t="s">
        <v>22</v>
      </c>
      <c r="B8596" t="s">
        <v>54</v>
      </c>
      <c r="C8596" t="s">
        <v>117</v>
      </c>
      <c r="D8596" t="s">
        <v>118</v>
      </c>
      <c r="E8596">
        <v>2019</v>
      </c>
      <c r="F8596">
        <v>2019</v>
      </c>
      <c r="G8596" t="s">
        <v>125</v>
      </c>
      <c r="H8596" t="s">
        <v>121</v>
      </c>
      <c r="I8596" t="s">
        <v>15</v>
      </c>
      <c r="J8596" s="10">
        <v>35.027065669999999</v>
      </c>
    </row>
    <row r="8597" spans="1:10" x14ac:dyDescent="0.35">
      <c r="A8597" t="s">
        <v>22</v>
      </c>
      <c r="B8597" t="s">
        <v>54</v>
      </c>
      <c r="C8597" t="s">
        <v>117</v>
      </c>
      <c r="D8597" t="s">
        <v>118</v>
      </c>
      <c r="E8597">
        <v>2019</v>
      </c>
      <c r="F8597">
        <v>2019</v>
      </c>
      <c r="G8597" t="s">
        <v>125</v>
      </c>
      <c r="H8597" t="s">
        <v>122</v>
      </c>
      <c r="I8597" t="s">
        <v>15</v>
      </c>
      <c r="J8597" s="10">
        <v>17.973138599999999</v>
      </c>
    </row>
    <row r="8598" spans="1:10" x14ac:dyDescent="0.35">
      <c r="A8598" t="s">
        <v>22</v>
      </c>
      <c r="B8598" t="s">
        <v>54</v>
      </c>
      <c r="C8598" t="s">
        <v>117</v>
      </c>
      <c r="D8598" t="s">
        <v>118</v>
      </c>
      <c r="E8598">
        <v>2019</v>
      </c>
      <c r="F8598">
        <v>2019</v>
      </c>
      <c r="G8598" t="s">
        <v>125</v>
      </c>
      <c r="H8598" t="s">
        <v>123</v>
      </c>
      <c r="I8598" t="s">
        <v>15</v>
      </c>
      <c r="J8598" s="10">
        <v>14.27331223</v>
      </c>
    </row>
    <row r="8599" spans="1:10" x14ac:dyDescent="0.35">
      <c r="A8599" t="s">
        <v>22</v>
      </c>
      <c r="B8599" t="s">
        <v>54</v>
      </c>
      <c r="C8599" t="s">
        <v>117</v>
      </c>
      <c r="D8599" t="s">
        <v>118</v>
      </c>
      <c r="E8599">
        <v>2019</v>
      </c>
      <c r="F8599">
        <v>2019</v>
      </c>
      <c r="G8599" t="s">
        <v>125</v>
      </c>
      <c r="H8599" t="s">
        <v>124</v>
      </c>
      <c r="I8599" t="s">
        <v>15</v>
      </c>
      <c r="J8599" s="10">
        <v>1.5984067</v>
      </c>
    </row>
    <row r="8600" spans="1:10" x14ac:dyDescent="0.35">
      <c r="A8600" t="s">
        <v>22</v>
      </c>
      <c r="B8600" t="s">
        <v>54</v>
      </c>
      <c r="C8600" t="s">
        <v>117</v>
      </c>
      <c r="D8600" t="s">
        <v>118</v>
      </c>
      <c r="E8600">
        <v>2019</v>
      </c>
      <c r="F8600">
        <v>2019</v>
      </c>
      <c r="G8600" t="s">
        <v>126</v>
      </c>
      <c r="H8600" t="s">
        <v>119</v>
      </c>
      <c r="I8600" t="s">
        <v>15</v>
      </c>
      <c r="J8600" s="10">
        <v>17.69279959</v>
      </c>
    </row>
    <row r="8601" spans="1:10" x14ac:dyDescent="0.35">
      <c r="A8601" t="s">
        <v>22</v>
      </c>
      <c r="B8601" t="s">
        <v>54</v>
      </c>
      <c r="C8601" t="s">
        <v>117</v>
      </c>
      <c r="D8601" t="s">
        <v>118</v>
      </c>
      <c r="E8601">
        <v>2019</v>
      </c>
      <c r="F8601">
        <v>2019</v>
      </c>
      <c r="G8601" t="s">
        <v>126</v>
      </c>
      <c r="H8601" t="s">
        <v>120</v>
      </c>
      <c r="I8601" t="s">
        <v>15</v>
      </c>
      <c r="J8601" s="10">
        <v>9.5996930549999995</v>
      </c>
    </row>
    <row r="8602" spans="1:10" x14ac:dyDescent="0.35">
      <c r="A8602" t="s">
        <v>22</v>
      </c>
      <c r="B8602" t="s">
        <v>54</v>
      </c>
      <c r="C8602" t="s">
        <v>117</v>
      </c>
      <c r="D8602" t="s">
        <v>118</v>
      </c>
      <c r="E8602">
        <v>2019</v>
      </c>
      <c r="F8602">
        <v>2019</v>
      </c>
      <c r="G8602" t="s">
        <v>126</v>
      </c>
      <c r="H8602" t="s">
        <v>121</v>
      </c>
      <c r="I8602" t="s">
        <v>15</v>
      </c>
      <c r="J8602" s="10">
        <v>34.127126230000002</v>
      </c>
    </row>
    <row r="8603" spans="1:10" x14ac:dyDescent="0.35">
      <c r="A8603" t="s">
        <v>22</v>
      </c>
      <c r="B8603" t="s">
        <v>54</v>
      </c>
      <c r="C8603" t="s">
        <v>117</v>
      </c>
      <c r="D8603" t="s">
        <v>118</v>
      </c>
      <c r="E8603">
        <v>2019</v>
      </c>
      <c r="F8603">
        <v>2019</v>
      </c>
      <c r="G8603" t="s">
        <v>126</v>
      </c>
      <c r="H8603" t="s">
        <v>122</v>
      </c>
      <c r="I8603" t="s">
        <v>15</v>
      </c>
      <c r="J8603" s="10">
        <v>18.790126610000002</v>
      </c>
    </row>
    <row r="8604" spans="1:10" x14ac:dyDescent="0.35">
      <c r="A8604" t="s">
        <v>22</v>
      </c>
      <c r="B8604" t="s">
        <v>54</v>
      </c>
      <c r="C8604" t="s">
        <v>117</v>
      </c>
      <c r="D8604" t="s">
        <v>118</v>
      </c>
      <c r="E8604">
        <v>2019</v>
      </c>
      <c r="F8604">
        <v>2019</v>
      </c>
      <c r="G8604" t="s">
        <v>126</v>
      </c>
      <c r="H8604" t="s">
        <v>123</v>
      </c>
      <c r="I8604" t="s">
        <v>15</v>
      </c>
      <c r="J8604" s="10">
        <v>16.825681029999998</v>
      </c>
    </row>
    <row r="8605" spans="1:10" x14ac:dyDescent="0.35">
      <c r="A8605" t="s">
        <v>22</v>
      </c>
      <c r="B8605" t="s">
        <v>54</v>
      </c>
      <c r="C8605" t="s">
        <v>117</v>
      </c>
      <c r="D8605" t="s">
        <v>118</v>
      </c>
      <c r="E8605">
        <v>2019</v>
      </c>
      <c r="F8605">
        <v>2019</v>
      </c>
      <c r="G8605" t="s">
        <v>126</v>
      </c>
      <c r="H8605" t="s">
        <v>124</v>
      </c>
      <c r="I8605" t="s">
        <v>15</v>
      </c>
      <c r="J8605" s="10">
        <v>2.9645734749999999</v>
      </c>
    </row>
    <row r="8606" spans="1:10" x14ac:dyDescent="0.35">
      <c r="A8606" t="s">
        <v>22</v>
      </c>
      <c r="B8606" t="s">
        <v>54</v>
      </c>
      <c r="C8606" t="s">
        <v>117</v>
      </c>
      <c r="D8606" t="s">
        <v>118</v>
      </c>
      <c r="E8606">
        <v>2018</v>
      </c>
      <c r="F8606">
        <v>2018</v>
      </c>
      <c r="G8606" t="s">
        <v>14</v>
      </c>
      <c r="H8606" t="s">
        <v>119</v>
      </c>
      <c r="I8606" t="s">
        <v>15</v>
      </c>
      <c r="J8606" s="10">
        <v>18.242242350000001</v>
      </c>
    </row>
    <row r="8607" spans="1:10" x14ac:dyDescent="0.35">
      <c r="A8607" t="s">
        <v>22</v>
      </c>
      <c r="B8607" t="s">
        <v>54</v>
      </c>
      <c r="C8607" t="s">
        <v>117</v>
      </c>
      <c r="D8607" t="s">
        <v>118</v>
      </c>
      <c r="E8607">
        <v>2018</v>
      </c>
      <c r="F8607">
        <v>2018</v>
      </c>
      <c r="G8607" t="s">
        <v>14</v>
      </c>
      <c r="H8607" t="s">
        <v>120</v>
      </c>
      <c r="I8607" t="s">
        <v>15</v>
      </c>
      <c r="J8607" s="10">
        <v>11.14474515</v>
      </c>
    </row>
    <row r="8608" spans="1:10" x14ac:dyDescent="0.35">
      <c r="A8608" t="s">
        <v>22</v>
      </c>
      <c r="B8608" t="s">
        <v>54</v>
      </c>
      <c r="C8608" t="s">
        <v>117</v>
      </c>
      <c r="D8608" t="s">
        <v>118</v>
      </c>
      <c r="E8608">
        <v>2018</v>
      </c>
      <c r="F8608">
        <v>2018</v>
      </c>
      <c r="G8608" t="s">
        <v>14</v>
      </c>
      <c r="H8608" t="s">
        <v>121</v>
      </c>
      <c r="I8608" t="s">
        <v>15</v>
      </c>
      <c r="J8608" s="10">
        <v>34.333337630000003</v>
      </c>
    </row>
    <row r="8609" spans="1:10" x14ac:dyDescent="0.35">
      <c r="A8609" t="s">
        <v>22</v>
      </c>
      <c r="B8609" t="s">
        <v>54</v>
      </c>
      <c r="C8609" t="s">
        <v>117</v>
      </c>
      <c r="D8609" t="s">
        <v>118</v>
      </c>
      <c r="E8609">
        <v>2018</v>
      </c>
      <c r="F8609">
        <v>2018</v>
      </c>
      <c r="G8609" t="s">
        <v>14</v>
      </c>
      <c r="H8609" t="s">
        <v>122</v>
      </c>
      <c r="I8609" t="s">
        <v>15</v>
      </c>
      <c r="J8609" s="10">
        <v>18.44576404</v>
      </c>
    </row>
    <row r="8610" spans="1:10" x14ac:dyDescent="0.35">
      <c r="A8610" t="s">
        <v>22</v>
      </c>
      <c r="B8610" t="s">
        <v>54</v>
      </c>
      <c r="C8610" t="s">
        <v>117</v>
      </c>
      <c r="D8610" t="s">
        <v>118</v>
      </c>
      <c r="E8610">
        <v>2018</v>
      </c>
      <c r="F8610">
        <v>2018</v>
      </c>
      <c r="G8610" t="s">
        <v>14</v>
      </c>
      <c r="H8610" t="s">
        <v>123</v>
      </c>
      <c r="I8610" t="s">
        <v>15</v>
      </c>
      <c r="J8610" s="10">
        <v>15.5681218</v>
      </c>
    </row>
    <row r="8611" spans="1:10" x14ac:dyDescent="0.35">
      <c r="A8611" t="s">
        <v>22</v>
      </c>
      <c r="B8611" t="s">
        <v>54</v>
      </c>
      <c r="C8611" t="s">
        <v>117</v>
      </c>
      <c r="D8611" t="s">
        <v>118</v>
      </c>
      <c r="E8611">
        <v>2018</v>
      </c>
      <c r="F8611">
        <v>2018</v>
      </c>
      <c r="G8611" t="s">
        <v>14</v>
      </c>
      <c r="H8611" t="s">
        <v>124</v>
      </c>
      <c r="I8611" t="s">
        <v>15</v>
      </c>
      <c r="J8611" s="10">
        <v>2.2657890329999999</v>
      </c>
    </row>
    <row r="8612" spans="1:10" x14ac:dyDescent="0.35">
      <c r="A8612" t="s">
        <v>22</v>
      </c>
      <c r="B8612" t="s">
        <v>54</v>
      </c>
      <c r="C8612" t="s">
        <v>117</v>
      </c>
      <c r="D8612" t="s">
        <v>118</v>
      </c>
      <c r="E8612">
        <v>2018</v>
      </c>
      <c r="F8612">
        <v>2018</v>
      </c>
      <c r="G8612" t="s">
        <v>125</v>
      </c>
      <c r="H8612" t="s">
        <v>119</v>
      </c>
      <c r="I8612" t="s">
        <v>15</v>
      </c>
      <c r="J8612" s="10">
        <v>18.778123470000001</v>
      </c>
    </row>
    <row r="8613" spans="1:10" x14ac:dyDescent="0.35">
      <c r="A8613" t="s">
        <v>22</v>
      </c>
      <c r="B8613" t="s">
        <v>54</v>
      </c>
      <c r="C8613" t="s">
        <v>117</v>
      </c>
      <c r="D8613" t="s">
        <v>118</v>
      </c>
      <c r="E8613">
        <v>2018</v>
      </c>
      <c r="F8613">
        <v>2018</v>
      </c>
      <c r="G8613" t="s">
        <v>125</v>
      </c>
      <c r="H8613" t="s">
        <v>120</v>
      </c>
      <c r="I8613" t="s">
        <v>15</v>
      </c>
      <c r="J8613" s="10">
        <v>12.54274768</v>
      </c>
    </row>
    <row r="8614" spans="1:10" x14ac:dyDescent="0.35">
      <c r="A8614" t="s">
        <v>22</v>
      </c>
      <c r="B8614" t="s">
        <v>54</v>
      </c>
      <c r="C8614" t="s">
        <v>117</v>
      </c>
      <c r="D8614" t="s">
        <v>118</v>
      </c>
      <c r="E8614">
        <v>2018</v>
      </c>
      <c r="F8614">
        <v>2018</v>
      </c>
      <c r="G8614" t="s">
        <v>125</v>
      </c>
      <c r="H8614" t="s">
        <v>121</v>
      </c>
      <c r="I8614" t="s">
        <v>15</v>
      </c>
      <c r="J8614" s="10">
        <v>34.938674759999998</v>
      </c>
    </row>
    <row r="8615" spans="1:10" x14ac:dyDescent="0.35">
      <c r="A8615" t="s">
        <v>22</v>
      </c>
      <c r="B8615" t="s">
        <v>54</v>
      </c>
      <c r="C8615" t="s">
        <v>117</v>
      </c>
      <c r="D8615" t="s">
        <v>118</v>
      </c>
      <c r="E8615">
        <v>2018</v>
      </c>
      <c r="F8615">
        <v>2018</v>
      </c>
      <c r="G8615" t="s">
        <v>125</v>
      </c>
      <c r="H8615" t="s">
        <v>122</v>
      </c>
      <c r="I8615" t="s">
        <v>15</v>
      </c>
      <c r="J8615" s="10">
        <v>18.019593220000001</v>
      </c>
    </row>
    <row r="8616" spans="1:10" x14ac:dyDescent="0.35">
      <c r="A8616" t="s">
        <v>22</v>
      </c>
      <c r="B8616" t="s">
        <v>54</v>
      </c>
      <c r="C8616" t="s">
        <v>117</v>
      </c>
      <c r="D8616" t="s">
        <v>118</v>
      </c>
      <c r="E8616">
        <v>2018</v>
      </c>
      <c r="F8616">
        <v>2018</v>
      </c>
      <c r="G8616" t="s">
        <v>125</v>
      </c>
      <c r="H8616" t="s">
        <v>123</v>
      </c>
      <c r="I8616" t="s">
        <v>15</v>
      </c>
      <c r="J8616" s="10">
        <v>14.234655829999999</v>
      </c>
    </row>
    <row r="8617" spans="1:10" x14ac:dyDescent="0.35">
      <c r="A8617" t="s">
        <v>22</v>
      </c>
      <c r="B8617" t="s">
        <v>54</v>
      </c>
      <c r="C8617" t="s">
        <v>117</v>
      </c>
      <c r="D8617" t="s">
        <v>118</v>
      </c>
      <c r="E8617">
        <v>2018</v>
      </c>
      <c r="F8617">
        <v>2018</v>
      </c>
      <c r="G8617" t="s">
        <v>125</v>
      </c>
      <c r="H8617" t="s">
        <v>124</v>
      </c>
      <c r="I8617" t="s">
        <v>15</v>
      </c>
      <c r="J8617" s="10">
        <v>1.486205035</v>
      </c>
    </row>
    <row r="8618" spans="1:10" x14ac:dyDescent="0.35">
      <c r="A8618" t="s">
        <v>22</v>
      </c>
      <c r="B8618" t="s">
        <v>54</v>
      </c>
      <c r="C8618" t="s">
        <v>117</v>
      </c>
      <c r="D8618" t="s">
        <v>118</v>
      </c>
      <c r="E8618">
        <v>2018</v>
      </c>
      <c r="F8618">
        <v>2018</v>
      </c>
      <c r="G8618" t="s">
        <v>126</v>
      </c>
      <c r="H8618" t="s">
        <v>119</v>
      </c>
      <c r="I8618" t="s">
        <v>15</v>
      </c>
      <c r="J8618" s="10">
        <v>17.704300239999998</v>
      </c>
    </row>
    <row r="8619" spans="1:10" x14ac:dyDescent="0.35">
      <c r="A8619" t="s">
        <v>22</v>
      </c>
      <c r="B8619" t="s">
        <v>54</v>
      </c>
      <c r="C8619" t="s">
        <v>117</v>
      </c>
      <c r="D8619" t="s">
        <v>118</v>
      </c>
      <c r="E8619">
        <v>2018</v>
      </c>
      <c r="F8619">
        <v>2018</v>
      </c>
      <c r="G8619" t="s">
        <v>126</v>
      </c>
      <c r="H8619" t="s">
        <v>120</v>
      </c>
      <c r="I8619" t="s">
        <v>15</v>
      </c>
      <c r="J8619" s="10">
        <v>9.7413659589999995</v>
      </c>
    </row>
    <row r="8620" spans="1:10" x14ac:dyDescent="0.35">
      <c r="A8620" t="s">
        <v>22</v>
      </c>
      <c r="B8620" t="s">
        <v>54</v>
      </c>
      <c r="C8620" t="s">
        <v>117</v>
      </c>
      <c r="D8620" t="s">
        <v>118</v>
      </c>
      <c r="E8620">
        <v>2018</v>
      </c>
      <c r="F8620">
        <v>2018</v>
      </c>
      <c r="G8620" t="s">
        <v>126</v>
      </c>
      <c r="H8620" t="s">
        <v>121</v>
      </c>
      <c r="I8620" t="s">
        <v>15</v>
      </c>
      <c r="J8620" s="10">
        <v>33.725672400000001</v>
      </c>
    </row>
    <row r="8621" spans="1:10" x14ac:dyDescent="0.35">
      <c r="A8621" t="s">
        <v>22</v>
      </c>
      <c r="B8621" t="s">
        <v>54</v>
      </c>
      <c r="C8621" t="s">
        <v>117</v>
      </c>
      <c r="D8621" t="s">
        <v>118</v>
      </c>
      <c r="E8621">
        <v>2018</v>
      </c>
      <c r="F8621">
        <v>2018</v>
      </c>
      <c r="G8621" t="s">
        <v>126</v>
      </c>
      <c r="H8621" t="s">
        <v>122</v>
      </c>
      <c r="I8621" t="s">
        <v>15</v>
      </c>
      <c r="J8621" s="10">
        <v>18.8735739</v>
      </c>
    </row>
    <row r="8622" spans="1:10" x14ac:dyDescent="0.35">
      <c r="A8622" t="s">
        <v>22</v>
      </c>
      <c r="B8622" t="s">
        <v>54</v>
      </c>
      <c r="C8622" t="s">
        <v>117</v>
      </c>
      <c r="D8622" t="s">
        <v>118</v>
      </c>
      <c r="E8622">
        <v>2018</v>
      </c>
      <c r="F8622">
        <v>2018</v>
      </c>
      <c r="G8622" t="s">
        <v>126</v>
      </c>
      <c r="H8622" t="s">
        <v>123</v>
      </c>
      <c r="I8622" t="s">
        <v>15</v>
      </c>
      <c r="J8622" s="10">
        <v>16.906716230000001</v>
      </c>
    </row>
    <row r="8623" spans="1:10" x14ac:dyDescent="0.35">
      <c r="A8623" t="s">
        <v>22</v>
      </c>
      <c r="B8623" t="s">
        <v>54</v>
      </c>
      <c r="C8623" t="s">
        <v>117</v>
      </c>
      <c r="D8623" t="s">
        <v>118</v>
      </c>
      <c r="E8623">
        <v>2018</v>
      </c>
      <c r="F8623">
        <v>2018</v>
      </c>
      <c r="G8623" t="s">
        <v>126</v>
      </c>
      <c r="H8623" t="s">
        <v>124</v>
      </c>
      <c r="I8623" t="s">
        <v>15</v>
      </c>
      <c r="J8623" s="10">
        <v>3.0483712770000002</v>
      </c>
    </row>
    <row r="8624" spans="1:10" x14ac:dyDescent="0.35">
      <c r="A8624" t="s">
        <v>22</v>
      </c>
      <c r="B8624" t="s">
        <v>54</v>
      </c>
      <c r="C8624" t="s">
        <v>117</v>
      </c>
      <c r="D8624" t="s">
        <v>118</v>
      </c>
      <c r="E8624">
        <v>2017</v>
      </c>
      <c r="F8624">
        <v>2017</v>
      </c>
      <c r="G8624" t="s">
        <v>14</v>
      </c>
      <c r="H8624" t="s">
        <v>119</v>
      </c>
      <c r="I8624" t="s">
        <v>15</v>
      </c>
      <c r="J8624" s="10">
        <v>18.19039008</v>
      </c>
    </row>
    <row r="8625" spans="1:10" x14ac:dyDescent="0.35">
      <c r="A8625" t="s">
        <v>22</v>
      </c>
      <c r="B8625" t="s">
        <v>54</v>
      </c>
      <c r="C8625" t="s">
        <v>117</v>
      </c>
      <c r="D8625" t="s">
        <v>118</v>
      </c>
      <c r="E8625">
        <v>2017</v>
      </c>
      <c r="F8625">
        <v>2017</v>
      </c>
      <c r="G8625" t="s">
        <v>14</v>
      </c>
      <c r="H8625" t="s">
        <v>120</v>
      </c>
      <c r="I8625" t="s">
        <v>15</v>
      </c>
      <c r="J8625" s="10">
        <v>11.547403770000001</v>
      </c>
    </row>
    <row r="8626" spans="1:10" x14ac:dyDescent="0.35">
      <c r="A8626" t="s">
        <v>22</v>
      </c>
      <c r="B8626" t="s">
        <v>54</v>
      </c>
      <c r="C8626" t="s">
        <v>117</v>
      </c>
      <c r="D8626" t="s">
        <v>118</v>
      </c>
      <c r="E8626">
        <v>2017</v>
      </c>
      <c r="F8626">
        <v>2017</v>
      </c>
      <c r="G8626" t="s">
        <v>14</v>
      </c>
      <c r="H8626" t="s">
        <v>121</v>
      </c>
      <c r="I8626" t="s">
        <v>15</v>
      </c>
      <c r="J8626" s="10">
        <v>34.071299410000002</v>
      </c>
    </row>
    <row r="8627" spans="1:10" x14ac:dyDescent="0.35">
      <c r="A8627" t="s">
        <v>22</v>
      </c>
      <c r="B8627" t="s">
        <v>54</v>
      </c>
      <c r="C8627" t="s">
        <v>117</v>
      </c>
      <c r="D8627" t="s">
        <v>118</v>
      </c>
      <c r="E8627">
        <v>2017</v>
      </c>
      <c r="F8627">
        <v>2017</v>
      </c>
      <c r="G8627" t="s">
        <v>14</v>
      </c>
      <c r="H8627" t="s">
        <v>122</v>
      </c>
      <c r="I8627" t="s">
        <v>15</v>
      </c>
      <c r="J8627" s="10">
        <v>18.388013430000001</v>
      </c>
    </row>
    <row r="8628" spans="1:10" x14ac:dyDescent="0.35">
      <c r="A8628" t="s">
        <v>22</v>
      </c>
      <c r="B8628" t="s">
        <v>54</v>
      </c>
      <c r="C8628" t="s">
        <v>117</v>
      </c>
      <c r="D8628" t="s">
        <v>118</v>
      </c>
      <c r="E8628">
        <v>2017</v>
      </c>
      <c r="F8628">
        <v>2017</v>
      </c>
      <c r="G8628" t="s">
        <v>14</v>
      </c>
      <c r="H8628" t="s">
        <v>123</v>
      </c>
      <c r="I8628" t="s">
        <v>15</v>
      </c>
      <c r="J8628" s="10">
        <v>15.503745800000001</v>
      </c>
    </row>
    <row r="8629" spans="1:10" x14ac:dyDescent="0.35">
      <c r="A8629" t="s">
        <v>22</v>
      </c>
      <c r="B8629" t="s">
        <v>54</v>
      </c>
      <c r="C8629" t="s">
        <v>117</v>
      </c>
      <c r="D8629" t="s">
        <v>118</v>
      </c>
      <c r="E8629">
        <v>2017</v>
      </c>
      <c r="F8629">
        <v>2017</v>
      </c>
      <c r="G8629" t="s">
        <v>14</v>
      </c>
      <c r="H8629" t="s">
        <v>124</v>
      </c>
      <c r="I8629" t="s">
        <v>15</v>
      </c>
      <c r="J8629" s="10">
        <v>2.2991475069999998</v>
      </c>
    </row>
    <row r="8630" spans="1:10" x14ac:dyDescent="0.35">
      <c r="A8630" t="s">
        <v>22</v>
      </c>
      <c r="B8630" t="s">
        <v>54</v>
      </c>
      <c r="C8630" t="s">
        <v>117</v>
      </c>
      <c r="D8630" t="s">
        <v>118</v>
      </c>
      <c r="E8630">
        <v>2017</v>
      </c>
      <c r="F8630">
        <v>2017</v>
      </c>
      <c r="G8630" t="s">
        <v>125</v>
      </c>
      <c r="H8630" t="s">
        <v>119</v>
      </c>
      <c r="I8630" t="s">
        <v>15</v>
      </c>
      <c r="J8630" s="10">
        <v>18.802382860000002</v>
      </c>
    </row>
    <row r="8631" spans="1:10" x14ac:dyDescent="0.35">
      <c r="A8631" t="s">
        <v>22</v>
      </c>
      <c r="B8631" t="s">
        <v>54</v>
      </c>
      <c r="C8631" t="s">
        <v>117</v>
      </c>
      <c r="D8631" t="s">
        <v>118</v>
      </c>
      <c r="E8631">
        <v>2017</v>
      </c>
      <c r="F8631">
        <v>2017</v>
      </c>
      <c r="G8631" t="s">
        <v>125</v>
      </c>
      <c r="H8631" t="s">
        <v>120</v>
      </c>
      <c r="I8631" t="s">
        <v>15</v>
      </c>
      <c r="J8631" s="10">
        <v>12.878768340000001</v>
      </c>
    </row>
    <row r="8632" spans="1:10" x14ac:dyDescent="0.35">
      <c r="A8632" t="s">
        <v>22</v>
      </c>
      <c r="B8632" t="s">
        <v>54</v>
      </c>
      <c r="C8632" t="s">
        <v>117</v>
      </c>
      <c r="D8632" t="s">
        <v>118</v>
      </c>
      <c r="E8632">
        <v>2017</v>
      </c>
      <c r="F8632">
        <v>2017</v>
      </c>
      <c r="G8632" t="s">
        <v>125</v>
      </c>
      <c r="H8632" t="s">
        <v>121</v>
      </c>
      <c r="I8632" t="s">
        <v>15</v>
      </c>
      <c r="J8632" s="10">
        <v>34.688088299999997</v>
      </c>
    </row>
    <row r="8633" spans="1:10" x14ac:dyDescent="0.35">
      <c r="A8633" t="s">
        <v>22</v>
      </c>
      <c r="B8633" t="s">
        <v>54</v>
      </c>
      <c r="C8633" t="s">
        <v>117</v>
      </c>
      <c r="D8633" t="s">
        <v>118</v>
      </c>
      <c r="E8633">
        <v>2017</v>
      </c>
      <c r="F8633">
        <v>2017</v>
      </c>
      <c r="G8633" t="s">
        <v>125</v>
      </c>
      <c r="H8633" t="s">
        <v>122</v>
      </c>
      <c r="I8633" t="s">
        <v>15</v>
      </c>
      <c r="J8633" s="10">
        <v>18.02099183</v>
      </c>
    </row>
    <row r="8634" spans="1:10" x14ac:dyDescent="0.35">
      <c r="A8634" t="s">
        <v>22</v>
      </c>
      <c r="B8634" t="s">
        <v>54</v>
      </c>
      <c r="C8634" t="s">
        <v>117</v>
      </c>
      <c r="D8634" t="s">
        <v>118</v>
      </c>
      <c r="E8634">
        <v>2017</v>
      </c>
      <c r="F8634">
        <v>2017</v>
      </c>
      <c r="G8634" t="s">
        <v>125</v>
      </c>
      <c r="H8634" t="s">
        <v>123</v>
      </c>
      <c r="I8634" t="s">
        <v>15</v>
      </c>
      <c r="J8634" s="10">
        <v>14.10372128</v>
      </c>
    </row>
    <row r="8635" spans="1:10" x14ac:dyDescent="0.35">
      <c r="A8635" t="s">
        <v>22</v>
      </c>
      <c r="B8635" t="s">
        <v>54</v>
      </c>
      <c r="C8635" t="s">
        <v>117</v>
      </c>
      <c r="D8635" t="s">
        <v>118</v>
      </c>
      <c r="E8635">
        <v>2017</v>
      </c>
      <c r="F8635">
        <v>2017</v>
      </c>
      <c r="G8635" t="s">
        <v>125</v>
      </c>
      <c r="H8635" t="s">
        <v>124</v>
      </c>
      <c r="I8635" t="s">
        <v>15</v>
      </c>
      <c r="J8635" s="10">
        <v>1.5060473990000001</v>
      </c>
    </row>
    <row r="8636" spans="1:10" x14ac:dyDescent="0.35">
      <c r="A8636" t="s">
        <v>22</v>
      </c>
      <c r="B8636" t="s">
        <v>54</v>
      </c>
      <c r="C8636" t="s">
        <v>117</v>
      </c>
      <c r="D8636" t="s">
        <v>118</v>
      </c>
      <c r="E8636">
        <v>2017</v>
      </c>
      <c r="F8636">
        <v>2017</v>
      </c>
      <c r="G8636" t="s">
        <v>126</v>
      </c>
      <c r="H8636" t="s">
        <v>119</v>
      </c>
      <c r="I8636" t="s">
        <v>15</v>
      </c>
      <c r="J8636" s="10">
        <v>17.576275129999999</v>
      </c>
    </row>
    <row r="8637" spans="1:10" x14ac:dyDescent="0.35">
      <c r="A8637" t="s">
        <v>22</v>
      </c>
      <c r="B8637" t="s">
        <v>54</v>
      </c>
      <c r="C8637" t="s">
        <v>117</v>
      </c>
      <c r="D8637" t="s">
        <v>118</v>
      </c>
      <c r="E8637">
        <v>2017</v>
      </c>
      <c r="F8637">
        <v>2017</v>
      </c>
      <c r="G8637" t="s">
        <v>126</v>
      </c>
      <c r="H8637" t="s">
        <v>120</v>
      </c>
      <c r="I8637" t="s">
        <v>15</v>
      </c>
      <c r="J8637" s="10">
        <v>10.21142251</v>
      </c>
    </row>
    <row r="8638" spans="1:10" x14ac:dyDescent="0.35">
      <c r="A8638" t="s">
        <v>22</v>
      </c>
      <c r="B8638" t="s">
        <v>54</v>
      </c>
      <c r="C8638" t="s">
        <v>117</v>
      </c>
      <c r="D8638" t="s">
        <v>118</v>
      </c>
      <c r="E8638">
        <v>2017</v>
      </c>
      <c r="F8638">
        <v>2017</v>
      </c>
      <c r="G8638" t="s">
        <v>126</v>
      </c>
      <c r="H8638" t="s">
        <v>121</v>
      </c>
      <c r="I8638" t="s">
        <v>15</v>
      </c>
      <c r="J8638" s="10">
        <v>33.452371710000001</v>
      </c>
    </row>
    <row r="8639" spans="1:10" x14ac:dyDescent="0.35">
      <c r="A8639" t="s">
        <v>22</v>
      </c>
      <c r="B8639" t="s">
        <v>54</v>
      </c>
      <c r="C8639" t="s">
        <v>117</v>
      </c>
      <c r="D8639" t="s">
        <v>118</v>
      </c>
      <c r="E8639">
        <v>2017</v>
      </c>
      <c r="F8639">
        <v>2017</v>
      </c>
      <c r="G8639" t="s">
        <v>126</v>
      </c>
      <c r="H8639" t="s">
        <v>122</v>
      </c>
      <c r="I8639" t="s">
        <v>15</v>
      </c>
      <c r="J8639" s="10">
        <v>18.75630774</v>
      </c>
    </row>
    <row r="8640" spans="1:10" x14ac:dyDescent="0.35">
      <c r="A8640" t="s">
        <v>22</v>
      </c>
      <c r="B8640" t="s">
        <v>54</v>
      </c>
      <c r="C8640" t="s">
        <v>117</v>
      </c>
      <c r="D8640" t="s">
        <v>118</v>
      </c>
      <c r="E8640">
        <v>2017</v>
      </c>
      <c r="F8640">
        <v>2017</v>
      </c>
      <c r="G8640" t="s">
        <v>126</v>
      </c>
      <c r="H8640" t="s">
        <v>123</v>
      </c>
      <c r="I8640" t="s">
        <v>15</v>
      </c>
      <c r="J8640" s="10">
        <v>16.908625109999999</v>
      </c>
    </row>
    <row r="8641" spans="1:10" x14ac:dyDescent="0.35">
      <c r="A8641" t="s">
        <v>22</v>
      </c>
      <c r="B8641" t="s">
        <v>54</v>
      </c>
      <c r="C8641" t="s">
        <v>117</v>
      </c>
      <c r="D8641" t="s">
        <v>118</v>
      </c>
      <c r="E8641">
        <v>2017</v>
      </c>
      <c r="F8641">
        <v>2017</v>
      </c>
      <c r="G8641" t="s">
        <v>126</v>
      </c>
      <c r="H8641" t="s">
        <v>124</v>
      </c>
      <c r="I8641" t="s">
        <v>15</v>
      </c>
      <c r="J8641" s="10">
        <v>3.0949977999999998</v>
      </c>
    </row>
    <row r="8642" spans="1:10" x14ac:dyDescent="0.35">
      <c r="A8642" t="s">
        <v>22</v>
      </c>
      <c r="B8642" t="s">
        <v>54</v>
      </c>
      <c r="C8642" t="s">
        <v>117</v>
      </c>
      <c r="D8642" t="s">
        <v>118</v>
      </c>
      <c r="E8642">
        <v>2016</v>
      </c>
      <c r="F8642">
        <v>2016</v>
      </c>
      <c r="G8642" t="s">
        <v>14</v>
      </c>
      <c r="H8642" t="s">
        <v>119</v>
      </c>
      <c r="I8642" t="s">
        <v>15</v>
      </c>
      <c r="J8642" s="10">
        <v>18.450550020000001</v>
      </c>
    </row>
    <row r="8643" spans="1:10" x14ac:dyDescent="0.35">
      <c r="A8643" t="s">
        <v>22</v>
      </c>
      <c r="B8643" t="s">
        <v>54</v>
      </c>
      <c r="C8643" t="s">
        <v>117</v>
      </c>
      <c r="D8643" t="s">
        <v>118</v>
      </c>
      <c r="E8643">
        <v>2016</v>
      </c>
      <c r="F8643">
        <v>2016</v>
      </c>
      <c r="G8643" t="s">
        <v>14</v>
      </c>
      <c r="H8643" t="s">
        <v>120</v>
      </c>
      <c r="I8643" t="s">
        <v>15</v>
      </c>
      <c r="J8643" s="10">
        <v>11.78900996</v>
      </c>
    </row>
    <row r="8644" spans="1:10" x14ac:dyDescent="0.35">
      <c r="A8644" t="s">
        <v>22</v>
      </c>
      <c r="B8644" t="s">
        <v>54</v>
      </c>
      <c r="C8644" t="s">
        <v>117</v>
      </c>
      <c r="D8644" t="s">
        <v>118</v>
      </c>
      <c r="E8644">
        <v>2016</v>
      </c>
      <c r="F8644">
        <v>2016</v>
      </c>
      <c r="G8644" t="s">
        <v>14</v>
      </c>
      <c r="H8644" t="s">
        <v>121</v>
      </c>
      <c r="I8644" t="s">
        <v>15</v>
      </c>
      <c r="J8644" s="10">
        <v>33.629633490000003</v>
      </c>
    </row>
    <row r="8645" spans="1:10" x14ac:dyDescent="0.35">
      <c r="A8645" t="s">
        <v>22</v>
      </c>
      <c r="B8645" t="s">
        <v>54</v>
      </c>
      <c r="C8645" t="s">
        <v>117</v>
      </c>
      <c r="D8645" t="s">
        <v>118</v>
      </c>
      <c r="E8645">
        <v>2016</v>
      </c>
      <c r="F8645">
        <v>2016</v>
      </c>
      <c r="G8645" t="s">
        <v>14</v>
      </c>
      <c r="H8645" t="s">
        <v>122</v>
      </c>
      <c r="I8645" t="s">
        <v>15</v>
      </c>
      <c r="J8645" s="10">
        <v>18.541786139999999</v>
      </c>
    </row>
    <row r="8646" spans="1:10" x14ac:dyDescent="0.35">
      <c r="A8646" t="s">
        <v>22</v>
      </c>
      <c r="B8646" t="s">
        <v>54</v>
      </c>
      <c r="C8646" t="s">
        <v>117</v>
      </c>
      <c r="D8646" t="s">
        <v>118</v>
      </c>
      <c r="E8646">
        <v>2016</v>
      </c>
      <c r="F8646">
        <v>2016</v>
      </c>
      <c r="G8646" t="s">
        <v>14</v>
      </c>
      <c r="H8646" t="s">
        <v>123</v>
      </c>
      <c r="I8646" t="s">
        <v>15</v>
      </c>
      <c r="J8646" s="10">
        <v>15.361555709999999</v>
      </c>
    </row>
    <row r="8647" spans="1:10" x14ac:dyDescent="0.35">
      <c r="A8647" t="s">
        <v>22</v>
      </c>
      <c r="B8647" t="s">
        <v>54</v>
      </c>
      <c r="C8647" t="s">
        <v>117</v>
      </c>
      <c r="D8647" t="s">
        <v>118</v>
      </c>
      <c r="E8647">
        <v>2016</v>
      </c>
      <c r="F8647">
        <v>2016</v>
      </c>
      <c r="G8647" t="s">
        <v>14</v>
      </c>
      <c r="H8647" t="s">
        <v>124</v>
      </c>
      <c r="I8647" t="s">
        <v>15</v>
      </c>
      <c r="J8647" s="10">
        <v>2.2274646790000001</v>
      </c>
    </row>
    <row r="8648" spans="1:10" x14ac:dyDescent="0.35">
      <c r="A8648" t="s">
        <v>22</v>
      </c>
      <c r="B8648" t="s">
        <v>54</v>
      </c>
      <c r="C8648" t="s">
        <v>117</v>
      </c>
      <c r="D8648" t="s">
        <v>118</v>
      </c>
      <c r="E8648">
        <v>2016</v>
      </c>
      <c r="F8648">
        <v>2016</v>
      </c>
      <c r="G8648" t="s">
        <v>125</v>
      </c>
      <c r="H8648" t="s">
        <v>119</v>
      </c>
      <c r="I8648" t="s">
        <v>15</v>
      </c>
      <c r="J8648" s="10">
        <v>19.300947560000001</v>
      </c>
    </row>
    <row r="8649" spans="1:10" x14ac:dyDescent="0.35">
      <c r="A8649" t="s">
        <v>22</v>
      </c>
      <c r="B8649" t="s">
        <v>54</v>
      </c>
      <c r="C8649" t="s">
        <v>117</v>
      </c>
      <c r="D8649" t="s">
        <v>118</v>
      </c>
      <c r="E8649">
        <v>2016</v>
      </c>
      <c r="F8649">
        <v>2016</v>
      </c>
      <c r="G8649" t="s">
        <v>125</v>
      </c>
      <c r="H8649" t="s">
        <v>120</v>
      </c>
      <c r="I8649" t="s">
        <v>15</v>
      </c>
      <c r="J8649" s="10">
        <v>12.942128479999999</v>
      </c>
    </row>
    <row r="8650" spans="1:10" x14ac:dyDescent="0.35">
      <c r="A8650" t="s">
        <v>22</v>
      </c>
      <c r="B8650" t="s">
        <v>54</v>
      </c>
      <c r="C8650" t="s">
        <v>117</v>
      </c>
      <c r="D8650" t="s">
        <v>118</v>
      </c>
      <c r="E8650">
        <v>2016</v>
      </c>
      <c r="F8650">
        <v>2016</v>
      </c>
      <c r="G8650" t="s">
        <v>125</v>
      </c>
      <c r="H8650" t="s">
        <v>121</v>
      </c>
      <c r="I8650" t="s">
        <v>15</v>
      </c>
      <c r="J8650" s="10">
        <v>34.08859537</v>
      </c>
    </row>
    <row r="8651" spans="1:10" x14ac:dyDescent="0.35">
      <c r="A8651" t="s">
        <v>22</v>
      </c>
      <c r="B8651" t="s">
        <v>54</v>
      </c>
      <c r="C8651" t="s">
        <v>117</v>
      </c>
      <c r="D8651" t="s">
        <v>118</v>
      </c>
      <c r="E8651">
        <v>2016</v>
      </c>
      <c r="F8651">
        <v>2016</v>
      </c>
      <c r="G8651" t="s">
        <v>125</v>
      </c>
      <c r="H8651" t="s">
        <v>122</v>
      </c>
      <c r="I8651" t="s">
        <v>15</v>
      </c>
      <c r="J8651" s="10">
        <v>18.295961779999999</v>
      </c>
    </row>
    <row r="8652" spans="1:10" x14ac:dyDescent="0.35">
      <c r="A8652" t="s">
        <v>22</v>
      </c>
      <c r="B8652" t="s">
        <v>54</v>
      </c>
      <c r="C8652" t="s">
        <v>117</v>
      </c>
      <c r="D8652" t="s">
        <v>118</v>
      </c>
      <c r="E8652">
        <v>2016</v>
      </c>
      <c r="F8652">
        <v>2016</v>
      </c>
      <c r="G8652" t="s">
        <v>125</v>
      </c>
      <c r="H8652" t="s">
        <v>123</v>
      </c>
      <c r="I8652" t="s">
        <v>15</v>
      </c>
      <c r="J8652" s="10">
        <v>13.95755567</v>
      </c>
    </row>
    <row r="8653" spans="1:10" x14ac:dyDescent="0.35">
      <c r="A8653" t="s">
        <v>22</v>
      </c>
      <c r="B8653" t="s">
        <v>54</v>
      </c>
      <c r="C8653" t="s">
        <v>117</v>
      </c>
      <c r="D8653" t="s">
        <v>118</v>
      </c>
      <c r="E8653">
        <v>2016</v>
      </c>
      <c r="F8653">
        <v>2016</v>
      </c>
      <c r="G8653" t="s">
        <v>125</v>
      </c>
      <c r="H8653" t="s">
        <v>124</v>
      </c>
      <c r="I8653" t="s">
        <v>15</v>
      </c>
      <c r="J8653" s="10">
        <v>1.4148111409999999</v>
      </c>
    </row>
    <row r="8654" spans="1:10" x14ac:dyDescent="0.35">
      <c r="A8654" t="s">
        <v>22</v>
      </c>
      <c r="B8654" t="s">
        <v>54</v>
      </c>
      <c r="C8654" t="s">
        <v>117</v>
      </c>
      <c r="D8654" t="s">
        <v>118</v>
      </c>
      <c r="E8654">
        <v>2016</v>
      </c>
      <c r="F8654">
        <v>2016</v>
      </c>
      <c r="G8654" t="s">
        <v>126</v>
      </c>
      <c r="H8654" t="s">
        <v>119</v>
      </c>
      <c r="I8654" t="s">
        <v>15</v>
      </c>
      <c r="J8654" s="10">
        <v>17.60249902</v>
      </c>
    </row>
    <row r="8655" spans="1:10" x14ac:dyDescent="0.35">
      <c r="A8655" t="s">
        <v>22</v>
      </c>
      <c r="B8655" t="s">
        <v>54</v>
      </c>
      <c r="C8655" t="s">
        <v>117</v>
      </c>
      <c r="D8655" t="s">
        <v>118</v>
      </c>
      <c r="E8655">
        <v>2016</v>
      </c>
      <c r="F8655">
        <v>2016</v>
      </c>
      <c r="G8655" t="s">
        <v>126</v>
      </c>
      <c r="H8655" t="s">
        <v>120</v>
      </c>
      <c r="I8655" t="s">
        <v>15</v>
      </c>
      <c r="J8655" s="10">
        <v>10.63907328</v>
      </c>
    </row>
    <row r="8656" spans="1:10" x14ac:dyDescent="0.35">
      <c r="A8656" t="s">
        <v>22</v>
      </c>
      <c r="B8656" t="s">
        <v>54</v>
      </c>
      <c r="C8656" t="s">
        <v>117</v>
      </c>
      <c r="D8656" t="s">
        <v>118</v>
      </c>
      <c r="E8656">
        <v>2016</v>
      </c>
      <c r="F8656">
        <v>2016</v>
      </c>
      <c r="G8656" t="s">
        <v>126</v>
      </c>
      <c r="H8656" t="s">
        <v>121</v>
      </c>
      <c r="I8656" t="s">
        <v>15</v>
      </c>
      <c r="J8656" s="10">
        <v>33.171938050000001</v>
      </c>
    </row>
    <row r="8657" spans="1:10" x14ac:dyDescent="0.35">
      <c r="A8657" t="s">
        <v>22</v>
      </c>
      <c r="B8657" t="s">
        <v>54</v>
      </c>
      <c r="C8657" t="s">
        <v>117</v>
      </c>
      <c r="D8657" t="s">
        <v>118</v>
      </c>
      <c r="E8657">
        <v>2016</v>
      </c>
      <c r="F8657">
        <v>2016</v>
      </c>
      <c r="G8657" t="s">
        <v>126</v>
      </c>
      <c r="H8657" t="s">
        <v>122</v>
      </c>
      <c r="I8657" t="s">
        <v>15</v>
      </c>
      <c r="J8657" s="10">
        <v>18.786932190000002</v>
      </c>
    </row>
    <row r="8658" spans="1:10" x14ac:dyDescent="0.35">
      <c r="A8658" t="s">
        <v>22</v>
      </c>
      <c r="B8658" t="s">
        <v>54</v>
      </c>
      <c r="C8658" t="s">
        <v>117</v>
      </c>
      <c r="D8658" t="s">
        <v>118</v>
      </c>
      <c r="E8658">
        <v>2016</v>
      </c>
      <c r="F8658">
        <v>2016</v>
      </c>
      <c r="G8658" t="s">
        <v>126</v>
      </c>
      <c r="H8658" t="s">
        <v>123</v>
      </c>
      <c r="I8658" t="s">
        <v>15</v>
      </c>
      <c r="J8658" s="10">
        <v>16.761681630000002</v>
      </c>
    </row>
    <row r="8659" spans="1:10" x14ac:dyDescent="0.35">
      <c r="A8659" t="s">
        <v>22</v>
      </c>
      <c r="B8659" t="s">
        <v>54</v>
      </c>
      <c r="C8659" t="s">
        <v>117</v>
      </c>
      <c r="D8659" t="s">
        <v>118</v>
      </c>
      <c r="E8659">
        <v>2016</v>
      </c>
      <c r="F8659">
        <v>2016</v>
      </c>
      <c r="G8659" t="s">
        <v>126</v>
      </c>
      <c r="H8659" t="s">
        <v>124</v>
      </c>
      <c r="I8659" t="s">
        <v>15</v>
      </c>
      <c r="J8659" s="10">
        <v>3.0378758299999999</v>
      </c>
    </row>
    <row r="8660" spans="1:10" x14ac:dyDescent="0.35">
      <c r="A8660" t="s">
        <v>22</v>
      </c>
      <c r="B8660" t="s">
        <v>54</v>
      </c>
      <c r="C8660" t="s">
        <v>117</v>
      </c>
      <c r="D8660" t="s">
        <v>118</v>
      </c>
      <c r="E8660">
        <v>2015</v>
      </c>
      <c r="F8660">
        <v>2015</v>
      </c>
      <c r="G8660" t="s">
        <v>14</v>
      </c>
      <c r="H8660" t="s">
        <v>119</v>
      </c>
      <c r="I8660" t="s">
        <v>15</v>
      </c>
      <c r="J8660" s="10">
        <v>18.376854560000002</v>
      </c>
    </row>
    <row r="8661" spans="1:10" x14ac:dyDescent="0.35">
      <c r="A8661" t="s">
        <v>22</v>
      </c>
      <c r="B8661" t="s">
        <v>54</v>
      </c>
      <c r="C8661" t="s">
        <v>117</v>
      </c>
      <c r="D8661" t="s">
        <v>118</v>
      </c>
      <c r="E8661">
        <v>2015</v>
      </c>
      <c r="F8661">
        <v>2015</v>
      </c>
      <c r="G8661" t="s">
        <v>14</v>
      </c>
      <c r="H8661" t="s">
        <v>120</v>
      </c>
      <c r="I8661" t="s">
        <v>15</v>
      </c>
      <c r="J8661" s="10">
        <v>12.05447543</v>
      </c>
    </row>
    <row r="8662" spans="1:10" x14ac:dyDescent="0.35">
      <c r="A8662" t="s">
        <v>22</v>
      </c>
      <c r="B8662" t="s">
        <v>54</v>
      </c>
      <c r="C8662" t="s">
        <v>117</v>
      </c>
      <c r="D8662" t="s">
        <v>118</v>
      </c>
      <c r="E8662">
        <v>2015</v>
      </c>
      <c r="F8662">
        <v>2015</v>
      </c>
      <c r="G8662" t="s">
        <v>14</v>
      </c>
      <c r="H8662" t="s">
        <v>121</v>
      </c>
      <c r="I8662" t="s">
        <v>15</v>
      </c>
      <c r="J8662" s="10">
        <v>33.156424950000002</v>
      </c>
    </row>
    <row r="8663" spans="1:10" x14ac:dyDescent="0.35">
      <c r="A8663" t="s">
        <v>22</v>
      </c>
      <c r="B8663" t="s">
        <v>54</v>
      </c>
      <c r="C8663" t="s">
        <v>117</v>
      </c>
      <c r="D8663" t="s">
        <v>118</v>
      </c>
      <c r="E8663">
        <v>2015</v>
      </c>
      <c r="F8663">
        <v>2015</v>
      </c>
      <c r="G8663" t="s">
        <v>14</v>
      </c>
      <c r="H8663" t="s">
        <v>122</v>
      </c>
      <c r="I8663" t="s">
        <v>15</v>
      </c>
      <c r="J8663" s="10">
        <v>18.75140622</v>
      </c>
    </row>
    <row r="8664" spans="1:10" x14ac:dyDescent="0.35">
      <c r="A8664" t="s">
        <v>22</v>
      </c>
      <c r="B8664" t="s">
        <v>54</v>
      </c>
      <c r="C8664" t="s">
        <v>117</v>
      </c>
      <c r="D8664" t="s">
        <v>118</v>
      </c>
      <c r="E8664">
        <v>2015</v>
      </c>
      <c r="F8664">
        <v>2015</v>
      </c>
      <c r="G8664" t="s">
        <v>14</v>
      </c>
      <c r="H8664" t="s">
        <v>123</v>
      </c>
      <c r="I8664" t="s">
        <v>15</v>
      </c>
      <c r="J8664" s="10">
        <v>15.515438680000001</v>
      </c>
    </row>
    <row r="8665" spans="1:10" x14ac:dyDescent="0.35">
      <c r="A8665" t="s">
        <v>22</v>
      </c>
      <c r="B8665" t="s">
        <v>54</v>
      </c>
      <c r="C8665" t="s">
        <v>117</v>
      </c>
      <c r="D8665" t="s">
        <v>118</v>
      </c>
      <c r="E8665">
        <v>2015</v>
      </c>
      <c r="F8665">
        <v>2015</v>
      </c>
      <c r="G8665" t="s">
        <v>14</v>
      </c>
      <c r="H8665" t="s">
        <v>124</v>
      </c>
      <c r="I8665" t="s">
        <v>15</v>
      </c>
      <c r="J8665" s="10">
        <v>2.145400161</v>
      </c>
    </row>
    <row r="8666" spans="1:10" x14ac:dyDescent="0.35">
      <c r="A8666" t="s">
        <v>22</v>
      </c>
      <c r="B8666" t="s">
        <v>54</v>
      </c>
      <c r="C8666" t="s">
        <v>117</v>
      </c>
      <c r="D8666" t="s">
        <v>118</v>
      </c>
      <c r="E8666">
        <v>2015</v>
      </c>
      <c r="F8666">
        <v>2015</v>
      </c>
      <c r="G8666" t="s">
        <v>125</v>
      </c>
      <c r="H8666" t="s">
        <v>119</v>
      </c>
      <c r="I8666" t="s">
        <v>15</v>
      </c>
      <c r="J8666" s="10">
        <v>19.279159459999999</v>
      </c>
    </row>
    <row r="8667" spans="1:10" x14ac:dyDescent="0.35">
      <c r="A8667" t="s">
        <v>22</v>
      </c>
      <c r="B8667" t="s">
        <v>54</v>
      </c>
      <c r="C8667" t="s">
        <v>117</v>
      </c>
      <c r="D8667" t="s">
        <v>118</v>
      </c>
      <c r="E8667">
        <v>2015</v>
      </c>
      <c r="F8667">
        <v>2015</v>
      </c>
      <c r="G8667" t="s">
        <v>125</v>
      </c>
      <c r="H8667" t="s">
        <v>120</v>
      </c>
      <c r="I8667" t="s">
        <v>15</v>
      </c>
      <c r="J8667" s="10">
        <v>13.27570156</v>
      </c>
    </row>
    <row r="8668" spans="1:10" x14ac:dyDescent="0.35">
      <c r="A8668" t="s">
        <v>22</v>
      </c>
      <c r="B8668" t="s">
        <v>54</v>
      </c>
      <c r="C8668" t="s">
        <v>117</v>
      </c>
      <c r="D8668" t="s">
        <v>118</v>
      </c>
      <c r="E8668">
        <v>2015</v>
      </c>
      <c r="F8668">
        <v>2015</v>
      </c>
      <c r="G8668" t="s">
        <v>125</v>
      </c>
      <c r="H8668" t="s">
        <v>121</v>
      </c>
      <c r="I8668" t="s">
        <v>15</v>
      </c>
      <c r="J8668" s="10">
        <v>33.578933370000001</v>
      </c>
    </row>
    <row r="8669" spans="1:10" x14ac:dyDescent="0.35">
      <c r="A8669" t="s">
        <v>22</v>
      </c>
      <c r="B8669" t="s">
        <v>54</v>
      </c>
      <c r="C8669" t="s">
        <v>117</v>
      </c>
      <c r="D8669" t="s">
        <v>118</v>
      </c>
      <c r="E8669">
        <v>2015</v>
      </c>
      <c r="F8669">
        <v>2015</v>
      </c>
      <c r="G8669" t="s">
        <v>125</v>
      </c>
      <c r="H8669" t="s">
        <v>122</v>
      </c>
      <c r="I8669" t="s">
        <v>15</v>
      </c>
      <c r="J8669" s="10">
        <v>18.521079929999999</v>
      </c>
    </row>
    <row r="8670" spans="1:10" x14ac:dyDescent="0.35">
      <c r="A8670" t="s">
        <v>22</v>
      </c>
      <c r="B8670" t="s">
        <v>54</v>
      </c>
      <c r="C8670" t="s">
        <v>117</v>
      </c>
      <c r="D8670" t="s">
        <v>118</v>
      </c>
      <c r="E8670">
        <v>2015</v>
      </c>
      <c r="F8670">
        <v>2015</v>
      </c>
      <c r="G8670" t="s">
        <v>125</v>
      </c>
      <c r="H8670" t="s">
        <v>123</v>
      </c>
      <c r="I8670" t="s">
        <v>15</v>
      </c>
      <c r="J8670" s="10">
        <v>13.983242450000001</v>
      </c>
    </row>
    <row r="8671" spans="1:10" x14ac:dyDescent="0.35">
      <c r="A8671" t="s">
        <v>22</v>
      </c>
      <c r="B8671" t="s">
        <v>54</v>
      </c>
      <c r="C8671" t="s">
        <v>117</v>
      </c>
      <c r="D8671" t="s">
        <v>118</v>
      </c>
      <c r="E8671">
        <v>2015</v>
      </c>
      <c r="F8671">
        <v>2015</v>
      </c>
      <c r="G8671" t="s">
        <v>125</v>
      </c>
      <c r="H8671" t="s">
        <v>124</v>
      </c>
      <c r="I8671" t="s">
        <v>15</v>
      </c>
      <c r="J8671" s="10">
        <v>1.361883229</v>
      </c>
    </row>
    <row r="8672" spans="1:10" x14ac:dyDescent="0.35">
      <c r="A8672" t="s">
        <v>22</v>
      </c>
      <c r="B8672" t="s">
        <v>54</v>
      </c>
      <c r="C8672" t="s">
        <v>117</v>
      </c>
      <c r="D8672" t="s">
        <v>118</v>
      </c>
      <c r="E8672">
        <v>2015</v>
      </c>
      <c r="F8672">
        <v>2015</v>
      </c>
      <c r="G8672" t="s">
        <v>126</v>
      </c>
      <c r="H8672" t="s">
        <v>119</v>
      </c>
      <c r="I8672" t="s">
        <v>15</v>
      </c>
      <c r="J8672" s="10">
        <v>17.483272750000001</v>
      </c>
    </row>
    <row r="8673" spans="1:10" x14ac:dyDescent="0.35">
      <c r="A8673" t="s">
        <v>22</v>
      </c>
      <c r="B8673" t="s">
        <v>54</v>
      </c>
      <c r="C8673" t="s">
        <v>117</v>
      </c>
      <c r="D8673" t="s">
        <v>118</v>
      </c>
      <c r="E8673">
        <v>2015</v>
      </c>
      <c r="F8673">
        <v>2015</v>
      </c>
      <c r="G8673" t="s">
        <v>126</v>
      </c>
      <c r="H8673" t="s">
        <v>120</v>
      </c>
      <c r="I8673" t="s">
        <v>15</v>
      </c>
      <c r="J8673" s="10">
        <v>10.84505558</v>
      </c>
    </row>
    <row r="8674" spans="1:10" x14ac:dyDescent="0.35">
      <c r="A8674" t="s">
        <v>22</v>
      </c>
      <c r="B8674" t="s">
        <v>54</v>
      </c>
      <c r="C8674" t="s">
        <v>117</v>
      </c>
      <c r="D8674" t="s">
        <v>118</v>
      </c>
      <c r="E8674">
        <v>2015</v>
      </c>
      <c r="F8674">
        <v>2015</v>
      </c>
      <c r="G8674" t="s">
        <v>126</v>
      </c>
      <c r="H8674" t="s">
        <v>121</v>
      </c>
      <c r="I8674" t="s">
        <v>15</v>
      </c>
      <c r="J8674" s="10">
        <v>32.738001160000003</v>
      </c>
    </row>
    <row r="8675" spans="1:10" x14ac:dyDescent="0.35">
      <c r="A8675" t="s">
        <v>22</v>
      </c>
      <c r="B8675" t="s">
        <v>54</v>
      </c>
      <c r="C8675" t="s">
        <v>117</v>
      </c>
      <c r="D8675" t="s">
        <v>118</v>
      </c>
      <c r="E8675">
        <v>2015</v>
      </c>
      <c r="F8675">
        <v>2015</v>
      </c>
      <c r="G8675" t="s">
        <v>126</v>
      </c>
      <c r="H8675" t="s">
        <v>122</v>
      </c>
      <c r="I8675" t="s">
        <v>15</v>
      </c>
      <c r="J8675" s="10">
        <v>18.97950582</v>
      </c>
    </row>
    <row r="8676" spans="1:10" x14ac:dyDescent="0.35">
      <c r="A8676" t="s">
        <v>22</v>
      </c>
      <c r="B8676" t="s">
        <v>54</v>
      </c>
      <c r="C8676" t="s">
        <v>117</v>
      </c>
      <c r="D8676" t="s">
        <v>118</v>
      </c>
      <c r="E8676">
        <v>2015</v>
      </c>
      <c r="F8676">
        <v>2015</v>
      </c>
      <c r="G8676" t="s">
        <v>126</v>
      </c>
      <c r="H8676" t="s">
        <v>123</v>
      </c>
      <c r="I8676" t="s">
        <v>15</v>
      </c>
      <c r="J8676" s="10">
        <v>17.032822299999999</v>
      </c>
    </row>
    <row r="8677" spans="1:10" x14ac:dyDescent="0.35">
      <c r="A8677" t="s">
        <v>22</v>
      </c>
      <c r="B8677" t="s">
        <v>54</v>
      </c>
      <c r="C8677" t="s">
        <v>117</v>
      </c>
      <c r="D8677" t="s">
        <v>118</v>
      </c>
      <c r="E8677">
        <v>2015</v>
      </c>
      <c r="F8677">
        <v>2015</v>
      </c>
      <c r="G8677" t="s">
        <v>126</v>
      </c>
      <c r="H8677" t="s">
        <v>124</v>
      </c>
      <c r="I8677" t="s">
        <v>15</v>
      </c>
      <c r="J8677" s="10">
        <v>2.9213423949999999</v>
      </c>
    </row>
    <row r="8678" spans="1:10" x14ac:dyDescent="0.35">
      <c r="A8678" t="s">
        <v>22</v>
      </c>
      <c r="B8678" t="s">
        <v>54</v>
      </c>
      <c r="C8678" t="s">
        <v>117</v>
      </c>
      <c r="D8678" t="s">
        <v>118</v>
      </c>
      <c r="E8678">
        <v>2014</v>
      </c>
      <c r="F8678">
        <v>2014</v>
      </c>
      <c r="G8678" t="s">
        <v>14</v>
      </c>
      <c r="H8678" t="s">
        <v>119</v>
      </c>
      <c r="I8678" t="s">
        <v>15</v>
      </c>
      <c r="J8678" s="10">
        <v>18.1955545</v>
      </c>
    </row>
    <row r="8679" spans="1:10" x14ac:dyDescent="0.35">
      <c r="A8679" t="s">
        <v>22</v>
      </c>
      <c r="B8679" t="s">
        <v>54</v>
      </c>
      <c r="C8679" t="s">
        <v>117</v>
      </c>
      <c r="D8679" t="s">
        <v>118</v>
      </c>
      <c r="E8679">
        <v>2014</v>
      </c>
      <c r="F8679">
        <v>2014</v>
      </c>
      <c r="G8679" t="s">
        <v>14</v>
      </c>
      <c r="H8679" t="s">
        <v>120</v>
      </c>
      <c r="I8679" t="s">
        <v>15</v>
      </c>
      <c r="J8679" s="10">
        <v>12.404734449999999</v>
      </c>
    </row>
    <row r="8680" spans="1:10" x14ac:dyDescent="0.35">
      <c r="A8680" t="s">
        <v>22</v>
      </c>
      <c r="B8680" t="s">
        <v>54</v>
      </c>
      <c r="C8680" t="s">
        <v>117</v>
      </c>
      <c r="D8680" t="s">
        <v>118</v>
      </c>
      <c r="E8680">
        <v>2014</v>
      </c>
      <c r="F8680">
        <v>2014</v>
      </c>
      <c r="G8680" t="s">
        <v>14</v>
      </c>
      <c r="H8680" t="s">
        <v>121</v>
      </c>
      <c r="I8680" t="s">
        <v>15</v>
      </c>
      <c r="J8680" s="10">
        <v>33.11728763</v>
      </c>
    </row>
    <row r="8681" spans="1:10" x14ac:dyDescent="0.35">
      <c r="A8681" t="s">
        <v>22</v>
      </c>
      <c r="B8681" t="s">
        <v>54</v>
      </c>
      <c r="C8681" t="s">
        <v>117</v>
      </c>
      <c r="D8681" t="s">
        <v>118</v>
      </c>
      <c r="E8681">
        <v>2014</v>
      </c>
      <c r="F8681">
        <v>2014</v>
      </c>
      <c r="G8681" t="s">
        <v>14</v>
      </c>
      <c r="H8681" t="s">
        <v>122</v>
      </c>
      <c r="I8681" t="s">
        <v>15</v>
      </c>
      <c r="J8681" s="10">
        <v>18.839715300000002</v>
      </c>
    </row>
    <row r="8682" spans="1:10" x14ac:dyDescent="0.35">
      <c r="A8682" t="s">
        <v>22</v>
      </c>
      <c r="B8682" t="s">
        <v>54</v>
      </c>
      <c r="C8682" t="s">
        <v>117</v>
      </c>
      <c r="D8682" t="s">
        <v>118</v>
      </c>
      <c r="E8682">
        <v>2014</v>
      </c>
      <c r="F8682">
        <v>2014</v>
      </c>
      <c r="G8682" t="s">
        <v>14</v>
      </c>
      <c r="H8682" t="s">
        <v>123</v>
      </c>
      <c r="I8682" t="s">
        <v>15</v>
      </c>
      <c r="J8682" s="10">
        <v>15.37635691</v>
      </c>
    </row>
    <row r="8683" spans="1:10" x14ac:dyDescent="0.35">
      <c r="A8683" t="s">
        <v>22</v>
      </c>
      <c r="B8683" t="s">
        <v>54</v>
      </c>
      <c r="C8683" t="s">
        <v>117</v>
      </c>
      <c r="D8683" t="s">
        <v>118</v>
      </c>
      <c r="E8683">
        <v>2014</v>
      </c>
      <c r="F8683">
        <v>2014</v>
      </c>
      <c r="G8683" t="s">
        <v>14</v>
      </c>
      <c r="H8683" t="s">
        <v>124</v>
      </c>
      <c r="I8683" t="s">
        <v>15</v>
      </c>
      <c r="J8683" s="10">
        <v>2.0663512129999999</v>
      </c>
    </row>
    <row r="8684" spans="1:10" x14ac:dyDescent="0.35">
      <c r="A8684" t="s">
        <v>22</v>
      </c>
      <c r="B8684" t="s">
        <v>54</v>
      </c>
      <c r="C8684" t="s">
        <v>117</v>
      </c>
      <c r="D8684" t="s">
        <v>118</v>
      </c>
      <c r="E8684">
        <v>2014</v>
      </c>
      <c r="F8684">
        <v>2014</v>
      </c>
      <c r="G8684" t="s">
        <v>125</v>
      </c>
      <c r="H8684" t="s">
        <v>119</v>
      </c>
      <c r="I8684" t="s">
        <v>15</v>
      </c>
      <c r="J8684" s="10">
        <v>18.879745159999999</v>
      </c>
    </row>
    <row r="8685" spans="1:10" x14ac:dyDescent="0.35">
      <c r="A8685" t="s">
        <v>22</v>
      </c>
      <c r="B8685" t="s">
        <v>54</v>
      </c>
      <c r="C8685" t="s">
        <v>117</v>
      </c>
      <c r="D8685" t="s">
        <v>118</v>
      </c>
      <c r="E8685">
        <v>2014</v>
      </c>
      <c r="F8685">
        <v>2014</v>
      </c>
      <c r="G8685" t="s">
        <v>125</v>
      </c>
      <c r="H8685" t="s">
        <v>120</v>
      </c>
      <c r="I8685" t="s">
        <v>15</v>
      </c>
      <c r="J8685" s="10">
        <v>13.8093974</v>
      </c>
    </row>
    <row r="8686" spans="1:10" x14ac:dyDescent="0.35">
      <c r="A8686" t="s">
        <v>22</v>
      </c>
      <c r="B8686" t="s">
        <v>54</v>
      </c>
      <c r="C8686" t="s">
        <v>117</v>
      </c>
      <c r="D8686" t="s">
        <v>118</v>
      </c>
      <c r="E8686">
        <v>2014</v>
      </c>
      <c r="F8686">
        <v>2014</v>
      </c>
      <c r="G8686" t="s">
        <v>125</v>
      </c>
      <c r="H8686" t="s">
        <v>121</v>
      </c>
      <c r="I8686" t="s">
        <v>15</v>
      </c>
      <c r="J8686" s="10">
        <v>33.681975049999998</v>
      </c>
    </row>
    <row r="8687" spans="1:10" x14ac:dyDescent="0.35">
      <c r="A8687" t="s">
        <v>22</v>
      </c>
      <c r="B8687" t="s">
        <v>54</v>
      </c>
      <c r="C8687" t="s">
        <v>117</v>
      </c>
      <c r="D8687" t="s">
        <v>118</v>
      </c>
      <c r="E8687">
        <v>2014</v>
      </c>
      <c r="F8687">
        <v>2014</v>
      </c>
      <c r="G8687" t="s">
        <v>125</v>
      </c>
      <c r="H8687" t="s">
        <v>122</v>
      </c>
      <c r="I8687" t="s">
        <v>15</v>
      </c>
      <c r="J8687" s="10">
        <v>18.521369790000001</v>
      </c>
    </row>
    <row r="8688" spans="1:10" x14ac:dyDescent="0.35">
      <c r="A8688" t="s">
        <v>22</v>
      </c>
      <c r="B8688" t="s">
        <v>54</v>
      </c>
      <c r="C8688" t="s">
        <v>117</v>
      </c>
      <c r="D8688" t="s">
        <v>118</v>
      </c>
      <c r="E8688">
        <v>2014</v>
      </c>
      <c r="F8688">
        <v>2014</v>
      </c>
      <c r="G8688" t="s">
        <v>125</v>
      </c>
      <c r="H8688" t="s">
        <v>123</v>
      </c>
      <c r="I8688" t="s">
        <v>15</v>
      </c>
      <c r="J8688" s="10">
        <v>13.77223255</v>
      </c>
    </row>
    <row r="8689" spans="1:10" x14ac:dyDescent="0.35">
      <c r="A8689" t="s">
        <v>22</v>
      </c>
      <c r="B8689" t="s">
        <v>54</v>
      </c>
      <c r="C8689" t="s">
        <v>117</v>
      </c>
      <c r="D8689" t="s">
        <v>118</v>
      </c>
      <c r="E8689">
        <v>2014</v>
      </c>
      <c r="F8689">
        <v>2014</v>
      </c>
      <c r="G8689" t="s">
        <v>125</v>
      </c>
      <c r="H8689" t="s">
        <v>124</v>
      </c>
      <c r="I8689" t="s">
        <v>15</v>
      </c>
      <c r="J8689" s="10">
        <v>1.335280064</v>
      </c>
    </row>
    <row r="8690" spans="1:10" x14ac:dyDescent="0.35">
      <c r="A8690" t="s">
        <v>22</v>
      </c>
      <c r="B8690" t="s">
        <v>54</v>
      </c>
      <c r="C8690" t="s">
        <v>117</v>
      </c>
      <c r="D8690" t="s">
        <v>118</v>
      </c>
      <c r="E8690">
        <v>2014</v>
      </c>
      <c r="F8690">
        <v>2014</v>
      </c>
      <c r="G8690" t="s">
        <v>126</v>
      </c>
      <c r="H8690" t="s">
        <v>119</v>
      </c>
      <c r="I8690" t="s">
        <v>15</v>
      </c>
      <c r="J8690" s="10">
        <v>17.513301739999999</v>
      </c>
    </row>
    <row r="8691" spans="1:10" x14ac:dyDescent="0.35">
      <c r="A8691" t="s">
        <v>22</v>
      </c>
      <c r="B8691" t="s">
        <v>54</v>
      </c>
      <c r="C8691" t="s">
        <v>117</v>
      </c>
      <c r="D8691" t="s">
        <v>118</v>
      </c>
      <c r="E8691">
        <v>2014</v>
      </c>
      <c r="F8691">
        <v>2014</v>
      </c>
      <c r="G8691" t="s">
        <v>126</v>
      </c>
      <c r="H8691" t="s">
        <v>120</v>
      </c>
      <c r="I8691" t="s">
        <v>15</v>
      </c>
      <c r="J8691" s="10">
        <v>11.004050080000001</v>
      </c>
    </row>
    <row r="8692" spans="1:10" x14ac:dyDescent="0.35">
      <c r="A8692" t="s">
        <v>22</v>
      </c>
      <c r="B8692" t="s">
        <v>54</v>
      </c>
      <c r="C8692" t="s">
        <v>117</v>
      </c>
      <c r="D8692" t="s">
        <v>118</v>
      </c>
      <c r="E8692">
        <v>2014</v>
      </c>
      <c r="F8692">
        <v>2014</v>
      </c>
      <c r="G8692" t="s">
        <v>126</v>
      </c>
      <c r="H8692" t="s">
        <v>121</v>
      </c>
      <c r="I8692" t="s">
        <v>15</v>
      </c>
      <c r="J8692" s="10">
        <v>32.554199650000001</v>
      </c>
    </row>
    <row r="8693" spans="1:10" x14ac:dyDescent="0.35">
      <c r="A8693" t="s">
        <v>22</v>
      </c>
      <c r="B8693" t="s">
        <v>54</v>
      </c>
      <c r="C8693" t="s">
        <v>117</v>
      </c>
      <c r="D8693" t="s">
        <v>118</v>
      </c>
      <c r="E8693">
        <v>2014</v>
      </c>
      <c r="F8693">
        <v>2014</v>
      </c>
      <c r="G8693" t="s">
        <v>126</v>
      </c>
      <c r="H8693" t="s">
        <v>122</v>
      </c>
      <c r="I8693" t="s">
        <v>15</v>
      </c>
      <c r="J8693" s="10">
        <v>19.157159119999999</v>
      </c>
    </row>
    <row r="8694" spans="1:10" x14ac:dyDescent="0.35">
      <c r="A8694" t="s">
        <v>22</v>
      </c>
      <c r="B8694" t="s">
        <v>54</v>
      </c>
      <c r="C8694" t="s">
        <v>117</v>
      </c>
      <c r="D8694" t="s">
        <v>118</v>
      </c>
      <c r="E8694">
        <v>2014</v>
      </c>
      <c r="F8694">
        <v>2014</v>
      </c>
      <c r="G8694" t="s">
        <v>126</v>
      </c>
      <c r="H8694" t="s">
        <v>123</v>
      </c>
      <c r="I8694" t="s">
        <v>15</v>
      </c>
      <c r="J8694" s="10">
        <v>16.975937739999999</v>
      </c>
    </row>
    <row r="8695" spans="1:10" x14ac:dyDescent="0.35">
      <c r="A8695" t="s">
        <v>22</v>
      </c>
      <c r="B8695" t="s">
        <v>54</v>
      </c>
      <c r="C8695" t="s">
        <v>117</v>
      </c>
      <c r="D8695" t="s">
        <v>118</v>
      </c>
      <c r="E8695">
        <v>2014</v>
      </c>
      <c r="F8695">
        <v>2014</v>
      </c>
      <c r="G8695" t="s">
        <v>126</v>
      </c>
      <c r="H8695" t="s">
        <v>124</v>
      </c>
      <c r="I8695" t="s">
        <v>15</v>
      </c>
      <c r="J8695" s="10">
        <v>2.795351669</v>
      </c>
    </row>
    <row r="8696" spans="1:10" x14ac:dyDescent="0.35">
      <c r="A8696" t="s">
        <v>22</v>
      </c>
      <c r="B8696" t="s">
        <v>54</v>
      </c>
      <c r="C8696" t="s">
        <v>117</v>
      </c>
      <c r="D8696" t="s">
        <v>118</v>
      </c>
      <c r="E8696">
        <v>2013</v>
      </c>
      <c r="F8696">
        <v>2013</v>
      </c>
      <c r="G8696" t="s">
        <v>14</v>
      </c>
      <c r="H8696" t="s">
        <v>119</v>
      </c>
      <c r="I8696" t="s">
        <v>15</v>
      </c>
      <c r="J8696" s="10">
        <v>18.299144500000001</v>
      </c>
    </row>
    <row r="8697" spans="1:10" x14ac:dyDescent="0.35">
      <c r="A8697" t="s">
        <v>22</v>
      </c>
      <c r="B8697" t="s">
        <v>54</v>
      </c>
      <c r="C8697" t="s">
        <v>117</v>
      </c>
      <c r="D8697" t="s">
        <v>118</v>
      </c>
      <c r="E8697">
        <v>2013</v>
      </c>
      <c r="F8697">
        <v>2013</v>
      </c>
      <c r="G8697" t="s">
        <v>14</v>
      </c>
      <c r="H8697" t="s">
        <v>120</v>
      </c>
      <c r="I8697" t="s">
        <v>15</v>
      </c>
      <c r="J8697" s="10">
        <v>12.888544850000001</v>
      </c>
    </row>
    <row r="8698" spans="1:10" x14ac:dyDescent="0.35">
      <c r="A8698" t="s">
        <v>22</v>
      </c>
      <c r="B8698" t="s">
        <v>54</v>
      </c>
      <c r="C8698" t="s">
        <v>117</v>
      </c>
      <c r="D8698" t="s">
        <v>118</v>
      </c>
      <c r="E8698">
        <v>2013</v>
      </c>
      <c r="F8698">
        <v>2013</v>
      </c>
      <c r="G8698" t="s">
        <v>14</v>
      </c>
      <c r="H8698" t="s">
        <v>121</v>
      </c>
      <c r="I8698" t="s">
        <v>15</v>
      </c>
      <c r="J8698" s="10">
        <v>32.797255999999997</v>
      </c>
    </row>
    <row r="8699" spans="1:10" x14ac:dyDescent="0.35">
      <c r="A8699" t="s">
        <v>22</v>
      </c>
      <c r="B8699" t="s">
        <v>54</v>
      </c>
      <c r="C8699" t="s">
        <v>117</v>
      </c>
      <c r="D8699" t="s">
        <v>118</v>
      </c>
      <c r="E8699">
        <v>2013</v>
      </c>
      <c r="F8699">
        <v>2013</v>
      </c>
      <c r="G8699" t="s">
        <v>14</v>
      </c>
      <c r="H8699" t="s">
        <v>122</v>
      </c>
      <c r="I8699" t="s">
        <v>15</v>
      </c>
      <c r="J8699" s="10">
        <v>19.025184509999999</v>
      </c>
    </row>
    <row r="8700" spans="1:10" x14ac:dyDescent="0.35">
      <c r="A8700" t="s">
        <v>22</v>
      </c>
      <c r="B8700" t="s">
        <v>54</v>
      </c>
      <c r="C8700" t="s">
        <v>117</v>
      </c>
      <c r="D8700" t="s">
        <v>118</v>
      </c>
      <c r="E8700">
        <v>2013</v>
      </c>
      <c r="F8700">
        <v>2013</v>
      </c>
      <c r="G8700" t="s">
        <v>14</v>
      </c>
      <c r="H8700" t="s">
        <v>123</v>
      </c>
      <c r="I8700" t="s">
        <v>15</v>
      </c>
      <c r="J8700" s="10">
        <v>15.06666489</v>
      </c>
    </row>
    <row r="8701" spans="1:10" x14ac:dyDescent="0.35">
      <c r="A8701" t="s">
        <v>22</v>
      </c>
      <c r="B8701" t="s">
        <v>54</v>
      </c>
      <c r="C8701" t="s">
        <v>117</v>
      </c>
      <c r="D8701" t="s">
        <v>118</v>
      </c>
      <c r="E8701">
        <v>2013</v>
      </c>
      <c r="F8701">
        <v>2013</v>
      </c>
      <c r="G8701" t="s">
        <v>14</v>
      </c>
      <c r="H8701" t="s">
        <v>124</v>
      </c>
      <c r="I8701" t="s">
        <v>15</v>
      </c>
      <c r="J8701" s="10">
        <v>1.9232052529999999</v>
      </c>
    </row>
    <row r="8702" spans="1:10" x14ac:dyDescent="0.35">
      <c r="A8702" t="s">
        <v>22</v>
      </c>
      <c r="B8702" t="s">
        <v>54</v>
      </c>
      <c r="C8702" t="s">
        <v>117</v>
      </c>
      <c r="D8702" t="s">
        <v>118</v>
      </c>
      <c r="E8702">
        <v>2013</v>
      </c>
      <c r="F8702">
        <v>2013</v>
      </c>
      <c r="G8702" t="s">
        <v>125</v>
      </c>
      <c r="H8702" t="s">
        <v>119</v>
      </c>
      <c r="I8702" t="s">
        <v>15</v>
      </c>
      <c r="J8702" s="10">
        <v>19.080200699999999</v>
      </c>
    </row>
    <row r="8703" spans="1:10" x14ac:dyDescent="0.35">
      <c r="A8703" t="s">
        <v>22</v>
      </c>
      <c r="B8703" t="s">
        <v>54</v>
      </c>
      <c r="C8703" t="s">
        <v>117</v>
      </c>
      <c r="D8703" t="s">
        <v>118</v>
      </c>
      <c r="E8703">
        <v>2013</v>
      </c>
      <c r="F8703">
        <v>2013</v>
      </c>
      <c r="G8703" t="s">
        <v>125</v>
      </c>
      <c r="H8703" t="s">
        <v>120</v>
      </c>
      <c r="I8703" t="s">
        <v>15</v>
      </c>
      <c r="J8703" s="10">
        <v>14.31216292</v>
      </c>
    </row>
    <row r="8704" spans="1:10" x14ac:dyDescent="0.35">
      <c r="A8704" t="s">
        <v>22</v>
      </c>
      <c r="B8704" t="s">
        <v>54</v>
      </c>
      <c r="C8704" t="s">
        <v>117</v>
      </c>
      <c r="D8704" t="s">
        <v>118</v>
      </c>
      <c r="E8704">
        <v>2013</v>
      </c>
      <c r="F8704">
        <v>2013</v>
      </c>
      <c r="G8704" t="s">
        <v>125</v>
      </c>
      <c r="H8704" t="s">
        <v>121</v>
      </c>
      <c r="I8704" t="s">
        <v>15</v>
      </c>
      <c r="J8704" s="10">
        <v>33.169658429999998</v>
      </c>
    </row>
    <row r="8705" spans="1:10" x14ac:dyDescent="0.35">
      <c r="A8705" t="s">
        <v>22</v>
      </c>
      <c r="B8705" t="s">
        <v>54</v>
      </c>
      <c r="C8705" t="s">
        <v>117</v>
      </c>
      <c r="D8705" t="s">
        <v>118</v>
      </c>
      <c r="E8705">
        <v>2013</v>
      </c>
      <c r="F8705">
        <v>2013</v>
      </c>
      <c r="G8705" t="s">
        <v>125</v>
      </c>
      <c r="H8705" t="s">
        <v>122</v>
      </c>
      <c r="I8705" t="s">
        <v>15</v>
      </c>
      <c r="J8705" s="10">
        <v>18.701870190000001</v>
      </c>
    </row>
    <row r="8706" spans="1:10" x14ac:dyDescent="0.35">
      <c r="A8706" t="s">
        <v>22</v>
      </c>
      <c r="B8706" t="s">
        <v>54</v>
      </c>
      <c r="C8706" t="s">
        <v>117</v>
      </c>
      <c r="D8706" t="s">
        <v>118</v>
      </c>
      <c r="E8706">
        <v>2013</v>
      </c>
      <c r="F8706">
        <v>2013</v>
      </c>
      <c r="G8706" t="s">
        <v>125</v>
      </c>
      <c r="H8706" t="s">
        <v>123</v>
      </c>
      <c r="I8706" t="s">
        <v>15</v>
      </c>
      <c r="J8706" s="10">
        <v>13.49915479</v>
      </c>
    </row>
    <row r="8707" spans="1:10" x14ac:dyDescent="0.35">
      <c r="A8707" t="s">
        <v>22</v>
      </c>
      <c r="B8707" t="s">
        <v>54</v>
      </c>
      <c r="C8707" t="s">
        <v>117</v>
      </c>
      <c r="D8707" t="s">
        <v>118</v>
      </c>
      <c r="E8707">
        <v>2013</v>
      </c>
      <c r="F8707">
        <v>2013</v>
      </c>
      <c r="G8707" t="s">
        <v>125</v>
      </c>
      <c r="H8707" t="s">
        <v>124</v>
      </c>
      <c r="I8707" t="s">
        <v>15</v>
      </c>
      <c r="J8707" s="10">
        <v>1.2369529640000001</v>
      </c>
    </row>
    <row r="8708" spans="1:10" x14ac:dyDescent="0.35">
      <c r="A8708" t="s">
        <v>22</v>
      </c>
      <c r="B8708" t="s">
        <v>54</v>
      </c>
      <c r="C8708" t="s">
        <v>117</v>
      </c>
      <c r="D8708" t="s">
        <v>118</v>
      </c>
      <c r="E8708">
        <v>2013</v>
      </c>
      <c r="F8708">
        <v>2013</v>
      </c>
      <c r="G8708" t="s">
        <v>126</v>
      </c>
      <c r="H8708" t="s">
        <v>119</v>
      </c>
      <c r="I8708" t="s">
        <v>15</v>
      </c>
      <c r="J8708" s="10">
        <v>17.526156459999999</v>
      </c>
    </row>
    <row r="8709" spans="1:10" x14ac:dyDescent="0.35">
      <c r="A8709" t="s">
        <v>22</v>
      </c>
      <c r="B8709" t="s">
        <v>54</v>
      </c>
      <c r="C8709" t="s">
        <v>117</v>
      </c>
      <c r="D8709" t="s">
        <v>118</v>
      </c>
      <c r="E8709">
        <v>2013</v>
      </c>
      <c r="F8709">
        <v>2013</v>
      </c>
      <c r="G8709" t="s">
        <v>126</v>
      </c>
      <c r="H8709" t="s">
        <v>120</v>
      </c>
      <c r="I8709" t="s">
        <v>15</v>
      </c>
      <c r="J8709" s="10">
        <v>11.479632479999999</v>
      </c>
    </row>
    <row r="8710" spans="1:10" x14ac:dyDescent="0.35">
      <c r="A8710" t="s">
        <v>22</v>
      </c>
      <c r="B8710" t="s">
        <v>54</v>
      </c>
      <c r="C8710" t="s">
        <v>117</v>
      </c>
      <c r="D8710" t="s">
        <v>118</v>
      </c>
      <c r="E8710">
        <v>2013</v>
      </c>
      <c r="F8710">
        <v>2013</v>
      </c>
      <c r="G8710" t="s">
        <v>126</v>
      </c>
      <c r="H8710" t="s">
        <v>121</v>
      </c>
      <c r="I8710" t="s">
        <v>15</v>
      </c>
      <c r="J8710" s="10">
        <v>32.428700409999998</v>
      </c>
    </row>
    <row r="8711" spans="1:10" x14ac:dyDescent="0.35">
      <c r="A8711" t="s">
        <v>22</v>
      </c>
      <c r="B8711" t="s">
        <v>54</v>
      </c>
      <c r="C8711" t="s">
        <v>117</v>
      </c>
      <c r="D8711" t="s">
        <v>118</v>
      </c>
      <c r="E8711">
        <v>2013</v>
      </c>
      <c r="F8711">
        <v>2013</v>
      </c>
      <c r="G8711" t="s">
        <v>126</v>
      </c>
      <c r="H8711" t="s">
        <v>122</v>
      </c>
      <c r="I8711" t="s">
        <v>15</v>
      </c>
      <c r="J8711" s="10">
        <v>19.34515906</v>
      </c>
    </row>
    <row r="8712" spans="1:10" x14ac:dyDescent="0.35">
      <c r="A8712" t="s">
        <v>22</v>
      </c>
      <c r="B8712" t="s">
        <v>54</v>
      </c>
      <c r="C8712" t="s">
        <v>117</v>
      </c>
      <c r="D8712" t="s">
        <v>118</v>
      </c>
      <c r="E8712">
        <v>2013</v>
      </c>
      <c r="F8712">
        <v>2013</v>
      </c>
      <c r="G8712" t="s">
        <v>126</v>
      </c>
      <c r="H8712" t="s">
        <v>123</v>
      </c>
      <c r="I8712" t="s">
        <v>15</v>
      </c>
      <c r="J8712" s="10">
        <v>16.617982900000001</v>
      </c>
    </row>
    <row r="8713" spans="1:10" x14ac:dyDescent="0.35">
      <c r="A8713" t="s">
        <v>22</v>
      </c>
      <c r="B8713" t="s">
        <v>54</v>
      </c>
      <c r="C8713" t="s">
        <v>117</v>
      </c>
      <c r="D8713" t="s">
        <v>118</v>
      </c>
      <c r="E8713">
        <v>2013</v>
      </c>
      <c r="F8713">
        <v>2013</v>
      </c>
      <c r="G8713" t="s">
        <v>126</v>
      </c>
      <c r="H8713" t="s">
        <v>124</v>
      </c>
      <c r="I8713" t="s">
        <v>15</v>
      </c>
      <c r="J8713" s="10">
        <v>2.6023686869999998</v>
      </c>
    </row>
    <row r="8714" spans="1:10" x14ac:dyDescent="0.35">
      <c r="A8714" t="s">
        <v>22</v>
      </c>
      <c r="B8714" t="s">
        <v>54</v>
      </c>
      <c r="C8714" t="s">
        <v>117</v>
      </c>
      <c r="D8714" t="s">
        <v>118</v>
      </c>
      <c r="E8714">
        <v>2012</v>
      </c>
      <c r="F8714">
        <v>2012</v>
      </c>
      <c r="G8714" t="s">
        <v>14</v>
      </c>
      <c r="H8714" t="s">
        <v>119</v>
      </c>
      <c r="I8714" t="s">
        <v>15</v>
      </c>
      <c r="J8714" s="10">
        <v>18.530334239999998</v>
      </c>
    </row>
    <row r="8715" spans="1:10" x14ac:dyDescent="0.35">
      <c r="A8715" t="s">
        <v>22</v>
      </c>
      <c r="B8715" t="s">
        <v>54</v>
      </c>
      <c r="C8715" t="s">
        <v>117</v>
      </c>
      <c r="D8715" t="s">
        <v>118</v>
      </c>
      <c r="E8715">
        <v>2012</v>
      </c>
      <c r="F8715">
        <v>2012</v>
      </c>
      <c r="G8715" t="s">
        <v>14</v>
      </c>
      <c r="H8715" t="s">
        <v>120</v>
      </c>
      <c r="I8715" t="s">
        <v>15</v>
      </c>
      <c r="J8715" s="10">
        <v>12.79058811</v>
      </c>
    </row>
    <row r="8716" spans="1:10" x14ac:dyDescent="0.35">
      <c r="A8716" t="s">
        <v>22</v>
      </c>
      <c r="B8716" t="s">
        <v>54</v>
      </c>
      <c r="C8716" t="s">
        <v>117</v>
      </c>
      <c r="D8716" t="s">
        <v>118</v>
      </c>
      <c r="E8716">
        <v>2012</v>
      </c>
      <c r="F8716">
        <v>2012</v>
      </c>
      <c r="G8716" t="s">
        <v>14</v>
      </c>
      <c r="H8716" t="s">
        <v>121</v>
      </c>
      <c r="I8716" t="s">
        <v>15</v>
      </c>
      <c r="J8716" s="10">
        <v>32.702015099999997</v>
      </c>
    </row>
    <row r="8717" spans="1:10" x14ac:dyDescent="0.35">
      <c r="A8717" t="s">
        <v>22</v>
      </c>
      <c r="B8717" t="s">
        <v>54</v>
      </c>
      <c r="C8717" t="s">
        <v>117</v>
      </c>
      <c r="D8717" t="s">
        <v>118</v>
      </c>
      <c r="E8717">
        <v>2012</v>
      </c>
      <c r="F8717">
        <v>2012</v>
      </c>
      <c r="G8717" t="s">
        <v>14</v>
      </c>
      <c r="H8717" t="s">
        <v>122</v>
      </c>
      <c r="I8717" t="s">
        <v>15</v>
      </c>
      <c r="J8717" s="10">
        <v>19.344721289999999</v>
      </c>
    </row>
    <row r="8718" spans="1:10" x14ac:dyDescent="0.35">
      <c r="A8718" t="s">
        <v>22</v>
      </c>
      <c r="B8718" t="s">
        <v>54</v>
      </c>
      <c r="C8718" t="s">
        <v>117</v>
      </c>
      <c r="D8718" t="s">
        <v>118</v>
      </c>
      <c r="E8718">
        <v>2012</v>
      </c>
      <c r="F8718">
        <v>2012</v>
      </c>
      <c r="G8718" t="s">
        <v>14</v>
      </c>
      <c r="H8718" t="s">
        <v>123</v>
      </c>
      <c r="I8718" t="s">
        <v>15</v>
      </c>
      <c r="J8718" s="10">
        <v>14.750501420000001</v>
      </c>
    </row>
    <row r="8719" spans="1:10" x14ac:dyDescent="0.35">
      <c r="A8719" t="s">
        <v>22</v>
      </c>
      <c r="B8719" t="s">
        <v>54</v>
      </c>
      <c r="C8719" t="s">
        <v>117</v>
      </c>
      <c r="D8719" t="s">
        <v>118</v>
      </c>
      <c r="E8719">
        <v>2012</v>
      </c>
      <c r="F8719">
        <v>2012</v>
      </c>
      <c r="G8719" t="s">
        <v>14</v>
      </c>
      <c r="H8719" t="s">
        <v>124</v>
      </c>
      <c r="I8719" t="s">
        <v>15</v>
      </c>
      <c r="J8719" s="10">
        <v>1.881839842</v>
      </c>
    </row>
    <row r="8720" spans="1:10" x14ac:dyDescent="0.35">
      <c r="A8720" t="s">
        <v>22</v>
      </c>
      <c r="B8720" t="s">
        <v>54</v>
      </c>
      <c r="C8720" t="s">
        <v>117</v>
      </c>
      <c r="D8720" t="s">
        <v>118</v>
      </c>
      <c r="E8720">
        <v>2012</v>
      </c>
      <c r="F8720">
        <v>2012</v>
      </c>
      <c r="G8720" t="s">
        <v>125</v>
      </c>
      <c r="H8720" t="s">
        <v>119</v>
      </c>
      <c r="I8720" t="s">
        <v>15</v>
      </c>
      <c r="J8720" s="10">
        <v>19.515843870000001</v>
      </c>
    </row>
    <row r="8721" spans="1:10" x14ac:dyDescent="0.35">
      <c r="A8721" t="s">
        <v>22</v>
      </c>
      <c r="B8721" t="s">
        <v>54</v>
      </c>
      <c r="C8721" t="s">
        <v>117</v>
      </c>
      <c r="D8721" t="s">
        <v>118</v>
      </c>
      <c r="E8721">
        <v>2012</v>
      </c>
      <c r="F8721">
        <v>2012</v>
      </c>
      <c r="G8721" t="s">
        <v>125</v>
      </c>
      <c r="H8721" t="s">
        <v>120</v>
      </c>
      <c r="I8721" t="s">
        <v>15</v>
      </c>
      <c r="J8721" s="10">
        <v>14.03236774</v>
      </c>
    </row>
    <row r="8722" spans="1:10" x14ac:dyDescent="0.35">
      <c r="A8722" t="s">
        <v>22</v>
      </c>
      <c r="B8722" t="s">
        <v>54</v>
      </c>
      <c r="C8722" t="s">
        <v>117</v>
      </c>
      <c r="D8722" t="s">
        <v>118</v>
      </c>
      <c r="E8722">
        <v>2012</v>
      </c>
      <c r="F8722">
        <v>2012</v>
      </c>
      <c r="G8722" t="s">
        <v>125</v>
      </c>
      <c r="H8722" t="s">
        <v>121</v>
      </c>
      <c r="I8722" t="s">
        <v>15</v>
      </c>
      <c r="J8722" s="10">
        <v>32.936216510000001</v>
      </c>
    </row>
    <row r="8723" spans="1:10" x14ac:dyDescent="0.35">
      <c r="A8723" t="s">
        <v>22</v>
      </c>
      <c r="B8723" t="s">
        <v>54</v>
      </c>
      <c r="C8723" t="s">
        <v>117</v>
      </c>
      <c r="D8723" t="s">
        <v>118</v>
      </c>
      <c r="E8723">
        <v>2012</v>
      </c>
      <c r="F8723">
        <v>2012</v>
      </c>
      <c r="G8723" t="s">
        <v>125</v>
      </c>
      <c r="H8723" t="s">
        <v>122</v>
      </c>
      <c r="I8723" t="s">
        <v>15</v>
      </c>
      <c r="J8723" s="10">
        <v>19.121447029999999</v>
      </c>
    </row>
    <row r="8724" spans="1:10" x14ac:dyDescent="0.35">
      <c r="A8724" t="s">
        <v>22</v>
      </c>
      <c r="B8724" t="s">
        <v>54</v>
      </c>
      <c r="C8724" t="s">
        <v>117</v>
      </c>
      <c r="D8724" t="s">
        <v>118</v>
      </c>
      <c r="E8724">
        <v>2012</v>
      </c>
      <c r="F8724">
        <v>2012</v>
      </c>
      <c r="G8724" t="s">
        <v>125</v>
      </c>
      <c r="H8724" t="s">
        <v>123</v>
      </c>
      <c r="I8724" t="s">
        <v>15</v>
      </c>
      <c r="J8724" s="10">
        <v>13.14837481</v>
      </c>
    </row>
    <row r="8725" spans="1:10" x14ac:dyDescent="0.35">
      <c r="A8725" t="s">
        <v>22</v>
      </c>
      <c r="B8725" t="s">
        <v>54</v>
      </c>
      <c r="C8725" t="s">
        <v>117</v>
      </c>
      <c r="D8725" t="s">
        <v>118</v>
      </c>
      <c r="E8725">
        <v>2012</v>
      </c>
      <c r="F8725">
        <v>2012</v>
      </c>
      <c r="G8725" t="s">
        <v>125</v>
      </c>
      <c r="H8725" t="s">
        <v>124</v>
      </c>
      <c r="I8725" t="s">
        <v>15</v>
      </c>
      <c r="J8725" s="10">
        <v>1.2457500340000001</v>
      </c>
    </row>
    <row r="8726" spans="1:10" x14ac:dyDescent="0.35">
      <c r="A8726" t="s">
        <v>22</v>
      </c>
      <c r="B8726" t="s">
        <v>54</v>
      </c>
      <c r="C8726" t="s">
        <v>117</v>
      </c>
      <c r="D8726" t="s">
        <v>118</v>
      </c>
      <c r="E8726">
        <v>2012</v>
      </c>
      <c r="F8726">
        <v>2012</v>
      </c>
      <c r="G8726" t="s">
        <v>126</v>
      </c>
      <c r="H8726" t="s">
        <v>119</v>
      </c>
      <c r="I8726" t="s">
        <v>15</v>
      </c>
      <c r="J8726" s="10">
        <v>17.564758550000001</v>
      </c>
    </row>
    <row r="8727" spans="1:10" x14ac:dyDescent="0.35">
      <c r="A8727" t="s">
        <v>22</v>
      </c>
      <c r="B8727" t="s">
        <v>54</v>
      </c>
      <c r="C8727" t="s">
        <v>117</v>
      </c>
      <c r="D8727" t="s">
        <v>118</v>
      </c>
      <c r="E8727">
        <v>2012</v>
      </c>
      <c r="F8727">
        <v>2012</v>
      </c>
      <c r="G8727" t="s">
        <v>126</v>
      </c>
      <c r="H8727" t="s">
        <v>120</v>
      </c>
      <c r="I8727" t="s">
        <v>15</v>
      </c>
      <c r="J8727" s="10">
        <v>11.57392602</v>
      </c>
    </row>
    <row r="8728" spans="1:10" x14ac:dyDescent="0.35">
      <c r="A8728" t="s">
        <v>22</v>
      </c>
      <c r="B8728" t="s">
        <v>54</v>
      </c>
      <c r="C8728" t="s">
        <v>117</v>
      </c>
      <c r="D8728" t="s">
        <v>118</v>
      </c>
      <c r="E8728">
        <v>2012</v>
      </c>
      <c r="F8728">
        <v>2012</v>
      </c>
      <c r="G8728" t="s">
        <v>126</v>
      </c>
      <c r="H8728" t="s">
        <v>121</v>
      </c>
      <c r="I8728" t="s">
        <v>15</v>
      </c>
      <c r="J8728" s="10">
        <v>32.472550900000002</v>
      </c>
    </row>
    <row r="8729" spans="1:10" x14ac:dyDescent="0.35">
      <c r="A8729" t="s">
        <v>22</v>
      </c>
      <c r="B8729" t="s">
        <v>54</v>
      </c>
      <c r="C8729" t="s">
        <v>117</v>
      </c>
      <c r="D8729" t="s">
        <v>118</v>
      </c>
      <c r="E8729">
        <v>2012</v>
      </c>
      <c r="F8729">
        <v>2012</v>
      </c>
      <c r="G8729" t="s">
        <v>126</v>
      </c>
      <c r="H8729" t="s">
        <v>122</v>
      </c>
      <c r="I8729" t="s">
        <v>15</v>
      </c>
      <c r="J8729" s="10">
        <v>19.56347937</v>
      </c>
    </row>
    <row r="8730" spans="1:10" x14ac:dyDescent="0.35">
      <c r="A8730" t="s">
        <v>22</v>
      </c>
      <c r="B8730" t="s">
        <v>54</v>
      </c>
      <c r="C8730" t="s">
        <v>117</v>
      </c>
      <c r="D8730" t="s">
        <v>118</v>
      </c>
      <c r="E8730">
        <v>2012</v>
      </c>
      <c r="F8730">
        <v>2012</v>
      </c>
      <c r="G8730" t="s">
        <v>126</v>
      </c>
      <c r="H8730" t="s">
        <v>123</v>
      </c>
      <c r="I8730" t="s">
        <v>15</v>
      </c>
      <c r="J8730" s="10">
        <v>16.320221719999999</v>
      </c>
    </row>
    <row r="8731" spans="1:10" x14ac:dyDescent="0.35">
      <c r="A8731" t="s">
        <v>22</v>
      </c>
      <c r="B8731" t="s">
        <v>54</v>
      </c>
      <c r="C8731" t="s">
        <v>117</v>
      </c>
      <c r="D8731" t="s">
        <v>118</v>
      </c>
      <c r="E8731">
        <v>2012</v>
      </c>
      <c r="F8731">
        <v>2012</v>
      </c>
      <c r="G8731" t="s">
        <v>126</v>
      </c>
      <c r="H8731" t="s">
        <v>124</v>
      </c>
      <c r="I8731" t="s">
        <v>15</v>
      </c>
      <c r="J8731" s="10">
        <v>2.505063426</v>
      </c>
    </row>
    <row r="8732" spans="1:10" x14ac:dyDescent="0.35">
      <c r="A8732" t="s">
        <v>22</v>
      </c>
      <c r="B8732" t="s">
        <v>54</v>
      </c>
      <c r="C8732" t="s">
        <v>117</v>
      </c>
      <c r="D8732" t="s">
        <v>118</v>
      </c>
      <c r="E8732">
        <v>2011</v>
      </c>
      <c r="F8732">
        <v>2011</v>
      </c>
      <c r="G8732" t="s">
        <v>14</v>
      </c>
      <c r="H8732" t="s">
        <v>119</v>
      </c>
      <c r="I8732" t="s">
        <v>15</v>
      </c>
      <c r="J8732" s="10">
        <v>18.621211509999998</v>
      </c>
    </row>
    <row r="8733" spans="1:10" x14ac:dyDescent="0.35">
      <c r="A8733" t="s">
        <v>22</v>
      </c>
      <c r="B8733" t="s">
        <v>54</v>
      </c>
      <c r="C8733" t="s">
        <v>117</v>
      </c>
      <c r="D8733" t="s">
        <v>118</v>
      </c>
      <c r="E8733">
        <v>2011</v>
      </c>
      <c r="F8733">
        <v>2011</v>
      </c>
      <c r="G8733" t="s">
        <v>14</v>
      </c>
      <c r="H8733" t="s">
        <v>120</v>
      </c>
      <c r="I8733" t="s">
        <v>15</v>
      </c>
      <c r="J8733" s="10">
        <v>12.5920521</v>
      </c>
    </row>
    <row r="8734" spans="1:10" x14ac:dyDescent="0.35">
      <c r="A8734" t="s">
        <v>22</v>
      </c>
      <c r="B8734" t="s">
        <v>54</v>
      </c>
      <c r="C8734" t="s">
        <v>117</v>
      </c>
      <c r="D8734" t="s">
        <v>118</v>
      </c>
      <c r="E8734">
        <v>2011</v>
      </c>
      <c r="F8734">
        <v>2011</v>
      </c>
      <c r="G8734" t="s">
        <v>14</v>
      </c>
      <c r="H8734" t="s">
        <v>121</v>
      </c>
      <c r="I8734" t="s">
        <v>15</v>
      </c>
      <c r="J8734" s="10">
        <v>33.060386180000002</v>
      </c>
    </row>
    <row r="8735" spans="1:10" x14ac:dyDescent="0.35">
      <c r="A8735" t="s">
        <v>22</v>
      </c>
      <c r="B8735" t="s">
        <v>54</v>
      </c>
      <c r="C8735" t="s">
        <v>117</v>
      </c>
      <c r="D8735" t="s">
        <v>118</v>
      </c>
      <c r="E8735">
        <v>2011</v>
      </c>
      <c r="F8735">
        <v>2011</v>
      </c>
      <c r="G8735" t="s">
        <v>14</v>
      </c>
      <c r="H8735" t="s">
        <v>122</v>
      </c>
      <c r="I8735" t="s">
        <v>15</v>
      </c>
      <c r="J8735" s="10">
        <v>19.653546290000001</v>
      </c>
    </row>
    <row r="8736" spans="1:10" x14ac:dyDescent="0.35">
      <c r="A8736" t="s">
        <v>22</v>
      </c>
      <c r="B8736" t="s">
        <v>54</v>
      </c>
      <c r="C8736" t="s">
        <v>117</v>
      </c>
      <c r="D8736" t="s">
        <v>118</v>
      </c>
      <c r="E8736">
        <v>2011</v>
      </c>
      <c r="F8736">
        <v>2011</v>
      </c>
      <c r="G8736" t="s">
        <v>14</v>
      </c>
      <c r="H8736" t="s">
        <v>123</v>
      </c>
      <c r="I8736" t="s">
        <v>15</v>
      </c>
      <c r="J8736" s="10">
        <v>14.26621806</v>
      </c>
    </row>
    <row r="8737" spans="1:10" x14ac:dyDescent="0.35">
      <c r="A8737" t="s">
        <v>22</v>
      </c>
      <c r="B8737" t="s">
        <v>54</v>
      </c>
      <c r="C8737" t="s">
        <v>117</v>
      </c>
      <c r="D8737" t="s">
        <v>118</v>
      </c>
      <c r="E8737">
        <v>2011</v>
      </c>
      <c r="F8737">
        <v>2011</v>
      </c>
      <c r="G8737" t="s">
        <v>14</v>
      </c>
      <c r="H8737" t="s">
        <v>124</v>
      </c>
      <c r="I8737" t="s">
        <v>15</v>
      </c>
      <c r="J8737" s="10">
        <v>1.806585863</v>
      </c>
    </row>
    <row r="8738" spans="1:10" x14ac:dyDescent="0.35">
      <c r="A8738" t="s">
        <v>22</v>
      </c>
      <c r="B8738" t="s">
        <v>54</v>
      </c>
      <c r="C8738" t="s">
        <v>117</v>
      </c>
      <c r="D8738" t="s">
        <v>118</v>
      </c>
      <c r="E8738">
        <v>2011</v>
      </c>
      <c r="F8738">
        <v>2011</v>
      </c>
      <c r="G8738" t="s">
        <v>125</v>
      </c>
      <c r="H8738" t="s">
        <v>119</v>
      </c>
      <c r="I8738" t="s">
        <v>15</v>
      </c>
      <c r="J8738" s="10">
        <v>19.486859590000002</v>
      </c>
    </row>
    <row r="8739" spans="1:10" x14ac:dyDescent="0.35">
      <c r="A8739" t="s">
        <v>22</v>
      </c>
      <c r="B8739" t="s">
        <v>54</v>
      </c>
      <c r="C8739" t="s">
        <v>117</v>
      </c>
      <c r="D8739" t="s">
        <v>118</v>
      </c>
      <c r="E8739">
        <v>2011</v>
      </c>
      <c r="F8739">
        <v>2011</v>
      </c>
      <c r="G8739" t="s">
        <v>125</v>
      </c>
      <c r="H8739" t="s">
        <v>120</v>
      </c>
      <c r="I8739" t="s">
        <v>15</v>
      </c>
      <c r="J8739" s="10">
        <v>13.924222289999999</v>
      </c>
    </row>
    <row r="8740" spans="1:10" x14ac:dyDescent="0.35">
      <c r="A8740" t="s">
        <v>22</v>
      </c>
      <c r="B8740" t="s">
        <v>54</v>
      </c>
      <c r="C8740" t="s">
        <v>117</v>
      </c>
      <c r="D8740" t="s">
        <v>118</v>
      </c>
      <c r="E8740">
        <v>2011</v>
      </c>
      <c r="F8740">
        <v>2011</v>
      </c>
      <c r="G8740" t="s">
        <v>125</v>
      </c>
      <c r="H8740" t="s">
        <v>121</v>
      </c>
      <c r="I8740" t="s">
        <v>15</v>
      </c>
      <c r="J8740" s="10">
        <v>33.492446639999997</v>
      </c>
    </row>
    <row r="8741" spans="1:10" x14ac:dyDescent="0.35">
      <c r="A8741" t="s">
        <v>22</v>
      </c>
      <c r="B8741" t="s">
        <v>54</v>
      </c>
      <c r="C8741" t="s">
        <v>117</v>
      </c>
      <c r="D8741" t="s">
        <v>118</v>
      </c>
      <c r="E8741">
        <v>2011</v>
      </c>
      <c r="F8741">
        <v>2011</v>
      </c>
      <c r="G8741" t="s">
        <v>125</v>
      </c>
      <c r="H8741" t="s">
        <v>122</v>
      </c>
      <c r="I8741" t="s">
        <v>15</v>
      </c>
      <c r="J8741" s="10">
        <v>19.334978710000001</v>
      </c>
    </row>
    <row r="8742" spans="1:10" x14ac:dyDescent="0.35">
      <c r="A8742" t="s">
        <v>22</v>
      </c>
      <c r="B8742" t="s">
        <v>54</v>
      </c>
      <c r="C8742" t="s">
        <v>117</v>
      </c>
      <c r="D8742" t="s">
        <v>118</v>
      </c>
      <c r="E8742">
        <v>2011</v>
      </c>
      <c r="F8742">
        <v>2011</v>
      </c>
      <c r="G8742" t="s">
        <v>125</v>
      </c>
      <c r="H8742" t="s">
        <v>123</v>
      </c>
      <c r="I8742" t="s">
        <v>15</v>
      </c>
      <c r="J8742" s="10">
        <v>12.557294349999999</v>
      </c>
    </row>
    <row r="8743" spans="1:10" x14ac:dyDescent="0.35">
      <c r="A8743" t="s">
        <v>22</v>
      </c>
      <c r="B8743" t="s">
        <v>54</v>
      </c>
      <c r="C8743" t="s">
        <v>117</v>
      </c>
      <c r="D8743" t="s">
        <v>118</v>
      </c>
      <c r="E8743">
        <v>2011</v>
      </c>
      <c r="F8743">
        <v>2011</v>
      </c>
      <c r="G8743" t="s">
        <v>125</v>
      </c>
      <c r="H8743" t="s">
        <v>124</v>
      </c>
      <c r="I8743" t="s">
        <v>15</v>
      </c>
      <c r="J8743" s="10">
        <v>1.2041984219999999</v>
      </c>
    </row>
    <row r="8744" spans="1:10" x14ac:dyDescent="0.35">
      <c r="A8744" t="s">
        <v>22</v>
      </c>
      <c r="B8744" t="s">
        <v>54</v>
      </c>
      <c r="C8744" t="s">
        <v>117</v>
      </c>
      <c r="D8744" t="s">
        <v>118</v>
      </c>
      <c r="E8744">
        <v>2011</v>
      </c>
      <c r="F8744">
        <v>2011</v>
      </c>
      <c r="G8744" t="s">
        <v>126</v>
      </c>
      <c r="H8744" t="s">
        <v>119</v>
      </c>
      <c r="I8744" t="s">
        <v>15</v>
      </c>
      <c r="J8744" s="10">
        <v>17.761740629999998</v>
      </c>
    </row>
    <row r="8745" spans="1:10" x14ac:dyDescent="0.35">
      <c r="A8745" t="s">
        <v>22</v>
      </c>
      <c r="B8745" t="s">
        <v>54</v>
      </c>
      <c r="C8745" t="s">
        <v>117</v>
      </c>
      <c r="D8745" t="s">
        <v>118</v>
      </c>
      <c r="E8745">
        <v>2011</v>
      </c>
      <c r="F8745">
        <v>2011</v>
      </c>
      <c r="G8745" t="s">
        <v>126</v>
      </c>
      <c r="H8745" t="s">
        <v>120</v>
      </c>
      <c r="I8745" t="s">
        <v>15</v>
      </c>
      <c r="J8745" s="10">
        <v>11.269388190000001</v>
      </c>
    </row>
    <row r="8746" spans="1:10" x14ac:dyDescent="0.35">
      <c r="A8746" t="s">
        <v>22</v>
      </c>
      <c r="B8746" t="s">
        <v>54</v>
      </c>
      <c r="C8746" t="s">
        <v>117</v>
      </c>
      <c r="D8746" t="s">
        <v>118</v>
      </c>
      <c r="E8746">
        <v>2011</v>
      </c>
      <c r="F8746">
        <v>2011</v>
      </c>
      <c r="G8746" t="s">
        <v>126</v>
      </c>
      <c r="H8746" t="s">
        <v>121</v>
      </c>
      <c r="I8746" t="s">
        <v>15</v>
      </c>
      <c r="J8746" s="10">
        <v>32.631408880000002</v>
      </c>
    </row>
    <row r="8747" spans="1:10" x14ac:dyDescent="0.35">
      <c r="A8747" t="s">
        <v>22</v>
      </c>
      <c r="B8747" t="s">
        <v>54</v>
      </c>
      <c r="C8747" t="s">
        <v>117</v>
      </c>
      <c r="D8747" t="s">
        <v>118</v>
      </c>
      <c r="E8747">
        <v>2011</v>
      </c>
      <c r="F8747">
        <v>2011</v>
      </c>
      <c r="G8747" t="s">
        <v>126</v>
      </c>
      <c r="H8747" t="s">
        <v>122</v>
      </c>
      <c r="I8747" t="s">
        <v>15</v>
      </c>
      <c r="J8747" s="10">
        <v>19.96984059</v>
      </c>
    </row>
    <row r="8748" spans="1:10" x14ac:dyDescent="0.35">
      <c r="A8748" t="s">
        <v>22</v>
      </c>
      <c r="B8748" t="s">
        <v>54</v>
      </c>
      <c r="C8748" t="s">
        <v>117</v>
      </c>
      <c r="D8748" t="s">
        <v>118</v>
      </c>
      <c r="E8748">
        <v>2011</v>
      </c>
      <c r="F8748">
        <v>2011</v>
      </c>
      <c r="G8748" t="s">
        <v>126</v>
      </c>
      <c r="H8748" t="s">
        <v>123</v>
      </c>
      <c r="I8748" t="s">
        <v>15</v>
      </c>
      <c r="J8748" s="10">
        <v>15.962947010000001</v>
      </c>
    </row>
    <row r="8749" spans="1:10" x14ac:dyDescent="0.35">
      <c r="A8749" t="s">
        <v>22</v>
      </c>
      <c r="B8749" t="s">
        <v>54</v>
      </c>
      <c r="C8749" t="s">
        <v>117</v>
      </c>
      <c r="D8749" t="s">
        <v>118</v>
      </c>
      <c r="E8749">
        <v>2011</v>
      </c>
      <c r="F8749">
        <v>2011</v>
      </c>
      <c r="G8749" t="s">
        <v>126</v>
      </c>
      <c r="H8749" t="s">
        <v>124</v>
      </c>
      <c r="I8749" t="s">
        <v>15</v>
      </c>
      <c r="J8749" s="10">
        <v>2.404674709</v>
      </c>
    </row>
    <row r="8750" spans="1:10" x14ac:dyDescent="0.35">
      <c r="A8750" t="s">
        <v>22</v>
      </c>
      <c r="B8750" t="s">
        <v>55</v>
      </c>
      <c r="C8750" t="s">
        <v>117</v>
      </c>
      <c r="D8750" t="s">
        <v>118</v>
      </c>
      <c r="E8750">
        <v>2020</v>
      </c>
      <c r="F8750">
        <v>2020</v>
      </c>
      <c r="G8750" t="s">
        <v>14</v>
      </c>
      <c r="H8750" t="s">
        <v>119</v>
      </c>
      <c r="I8750" t="s">
        <v>15</v>
      </c>
      <c r="J8750" s="10">
        <v>13.834877199999999</v>
      </c>
    </row>
    <row r="8751" spans="1:10" x14ac:dyDescent="0.35">
      <c r="A8751" t="s">
        <v>22</v>
      </c>
      <c r="B8751" t="s">
        <v>55</v>
      </c>
      <c r="C8751" t="s">
        <v>117</v>
      </c>
      <c r="D8751" t="s">
        <v>118</v>
      </c>
      <c r="E8751">
        <v>2020</v>
      </c>
      <c r="F8751">
        <v>2020</v>
      </c>
      <c r="G8751" t="s">
        <v>14</v>
      </c>
      <c r="H8751" t="s">
        <v>120</v>
      </c>
      <c r="I8751" t="s">
        <v>15</v>
      </c>
      <c r="J8751" s="10">
        <v>15.14788121</v>
      </c>
    </row>
    <row r="8752" spans="1:10" x14ac:dyDescent="0.35">
      <c r="A8752" t="s">
        <v>22</v>
      </c>
      <c r="B8752" t="s">
        <v>55</v>
      </c>
      <c r="C8752" t="s">
        <v>117</v>
      </c>
      <c r="D8752" t="s">
        <v>118</v>
      </c>
      <c r="E8752">
        <v>2020</v>
      </c>
      <c r="F8752">
        <v>2020</v>
      </c>
      <c r="G8752" t="s">
        <v>14</v>
      </c>
      <c r="H8752" t="s">
        <v>121</v>
      </c>
      <c r="I8752" t="s">
        <v>15</v>
      </c>
      <c r="J8752" s="10">
        <v>38.264338420000001</v>
      </c>
    </row>
    <row r="8753" spans="1:10" x14ac:dyDescent="0.35">
      <c r="A8753" t="s">
        <v>22</v>
      </c>
      <c r="B8753" t="s">
        <v>55</v>
      </c>
      <c r="C8753" t="s">
        <v>117</v>
      </c>
      <c r="D8753" t="s">
        <v>118</v>
      </c>
      <c r="E8753">
        <v>2020</v>
      </c>
      <c r="F8753">
        <v>2020</v>
      </c>
      <c r="G8753" t="s">
        <v>14</v>
      </c>
      <c r="H8753" t="s">
        <v>122</v>
      </c>
      <c r="I8753" t="s">
        <v>15</v>
      </c>
      <c r="J8753" s="10">
        <v>16.296912670000001</v>
      </c>
    </row>
    <row r="8754" spans="1:10" x14ac:dyDescent="0.35">
      <c r="A8754" t="s">
        <v>22</v>
      </c>
      <c r="B8754" t="s">
        <v>55</v>
      </c>
      <c r="C8754" t="s">
        <v>117</v>
      </c>
      <c r="D8754" t="s">
        <v>118</v>
      </c>
      <c r="E8754">
        <v>2020</v>
      </c>
      <c r="F8754">
        <v>2020</v>
      </c>
      <c r="G8754" t="s">
        <v>14</v>
      </c>
      <c r="H8754" t="s">
        <v>123</v>
      </c>
      <c r="I8754" t="s">
        <v>15</v>
      </c>
      <c r="J8754" s="10">
        <v>13.67702304</v>
      </c>
    </row>
    <row r="8755" spans="1:10" x14ac:dyDescent="0.35">
      <c r="A8755" t="s">
        <v>22</v>
      </c>
      <c r="B8755" t="s">
        <v>55</v>
      </c>
      <c r="C8755" t="s">
        <v>117</v>
      </c>
      <c r="D8755" t="s">
        <v>118</v>
      </c>
      <c r="E8755">
        <v>2020</v>
      </c>
      <c r="F8755">
        <v>2020</v>
      </c>
      <c r="G8755" t="s">
        <v>14</v>
      </c>
      <c r="H8755" t="s">
        <v>124</v>
      </c>
      <c r="I8755" t="s">
        <v>15</v>
      </c>
      <c r="J8755" s="10">
        <v>2.7789674620000002</v>
      </c>
    </row>
    <row r="8756" spans="1:10" x14ac:dyDescent="0.35">
      <c r="A8756" t="s">
        <v>22</v>
      </c>
      <c r="B8756" t="s">
        <v>55</v>
      </c>
      <c r="C8756" t="s">
        <v>117</v>
      </c>
      <c r="D8756" t="s">
        <v>118</v>
      </c>
      <c r="E8756">
        <v>2020</v>
      </c>
      <c r="F8756">
        <v>2020</v>
      </c>
      <c r="G8756" t="s">
        <v>125</v>
      </c>
      <c r="H8756" t="s">
        <v>119</v>
      </c>
      <c r="I8756" t="s">
        <v>15</v>
      </c>
      <c r="J8756" s="10">
        <v>14.81669673</v>
      </c>
    </row>
    <row r="8757" spans="1:10" x14ac:dyDescent="0.35">
      <c r="A8757" t="s">
        <v>22</v>
      </c>
      <c r="B8757" t="s">
        <v>55</v>
      </c>
      <c r="C8757" t="s">
        <v>117</v>
      </c>
      <c r="D8757" t="s">
        <v>118</v>
      </c>
      <c r="E8757">
        <v>2020</v>
      </c>
      <c r="F8757">
        <v>2020</v>
      </c>
      <c r="G8757" t="s">
        <v>125</v>
      </c>
      <c r="H8757" t="s">
        <v>120</v>
      </c>
      <c r="I8757" t="s">
        <v>15</v>
      </c>
      <c r="J8757" s="10">
        <v>14.496582910000001</v>
      </c>
    </row>
    <row r="8758" spans="1:10" x14ac:dyDescent="0.35">
      <c r="A8758" t="s">
        <v>22</v>
      </c>
      <c r="B8758" t="s">
        <v>55</v>
      </c>
      <c r="C8758" t="s">
        <v>117</v>
      </c>
      <c r="D8758" t="s">
        <v>118</v>
      </c>
      <c r="E8758">
        <v>2020</v>
      </c>
      <c r="F8758">
        <v>2020</v>
      </c>
      <c r="G8758" t="s">
        <v>125</v>
      </c>
      <c r="H8758" t="s">
        <v>121</v>
      </c>
      <c r="I8758" t="s">
        <v>15</v>
      </c>
      <c r="J8758" s="10">
        <v>39.757628109999999</v>
      </c>
    </row>
    <row r="8759" spans="1:10" x14ac:dyDescent="0.35">
      <c r="A8759" t="s">
        <v>22</v>
      </c>
      <c r="B8759" t="s">
        <v>55</v>
      </c>
      <c r="C8759" t="s">
        <v>117</v>
      </c>
      <c r="D8759" t="s">
        <v>118</v>
      </c>
      <c r="E8759">
        <v>2020</v>
      </c>
      <c r="F8759">
        <v>2020</v>
      </c>
      <c r="G8759" t="s">
        <v>125</v>
      </c>
      <c r="H8759" t="s">
        <v>122</v>
      </c>
      <c r="I8759" t="s">
        <v>15</v>
      </c>
      <c r="J8759" s="10">
        <v>16.498564569999999</v>
      </c>
    </row>
    <row r="8760" spans="1:10" x14ac:dyDescent="0.35">
      <c r="A8760" t="s">
        <v>22</v>
      </c>
      <c r="B8760" t="s">
        <v>55</v>
      </c>
      <c r="C8760" t="s">
        <v>117</v>
      </c>
      <c r="D8760" t="s">
        <v>118</v>
      </c>
      <c r="E8760">
        <v>2020</v>
      </c>
      <c r="F8760">
        <v>2020</v>
      </c>
      <c r="G8760" t="s">
        <v>125</v>
      </c>
      <c r="H8760" t="s">
        <v>123</v>
      </c>
      <c r="I8760" t="s">
        <v>15</v>
      </c>
      <c r="J8760" s="10">
        <v>12.603846450000001</v>
      </c>
    </row>
    <row r="8761" spans="1:10" x14ac:dyDescent="0.35">
      <c r="A8761" t="s">
        <v>22</v>
      </c>
      <c r="B8761" t="s">
        <v>55</v>
      </c>
      <c r="C8761" t="s">
        <v>117</v>
      </c>
      <c r="D8761" t="s">
        <v>118</v>
      </c>
      <c r="E8761">
        <v>2020</v>
      </c>
      <c r="F8761">
        <v>2020</v>
      </c>
      <c r="G8761" t="s">
        <v>125</v>
      </c>
      <c r="H8761" t="s">
        <v>124</v>
      </c>
      <c r="I8761" t="s">
        <v>15</v>
      </c>
      <c r="J8761" s="10">
        <v>1.826681233</v>
      </c>
    </row>
    <row r="8762" spans="1:10" x14ac:dyDescent="0.35">
      <c r="A8762" t="s">
        <v>22</v>
      </c>
      <c r="B8762" t="s">
        <v>55</v>
      </c>
      <c r="C8762" t="s">
        <v>117</v>
      </c>
      <c r="D8762" t="s">
        <v>118</v>
      </c>
      <c r="E8762">
        <v>2020</v>
      </c>
      <c r="F8762">
        <v>2020</v>
      </c>
      <c r="G8762" t="s">
        <v>126</v>
      </c>
      <c r="H8762" t="s">
        <v>119</v>
      </c>
      <c r="I8762" t="s">
        <v>15</v>
      </c>
      <c r="J8762" s="10">
        <v>12.922568460000001</v>
      </c>
    </row>
    <row r="8763" spans="1:10" x14ac:dyDescent="0.35">
      <c r="A8763" t="s">
        <v>22</v>
      </c>
      <c r="B8763" t="s">
        <v>55</v>
      </c>
      <c r="C8763" t="s">
        <v>117</v>
      </c>
      <c r="D8763" t="s">
        <v>118</v>
      </c>
      <c r="E8763">
        <v>2020</v>
      </c>
      <c r="F8763">
        <v>2020</v>
      </c>
      <c r="G8763" t="s">
        <v>126</v>
      </c>
      <c r="H8763" t="s">
        <v>120</v>
      </c>
      <c r="I8763" t="s">
        <v>15</v>
      </c>
      <c r="J8763" s="10">
        <v>15.75306893</v>
      </c>
    </row>
    <row r="8764" spans="1:10" x14ac:dyDescent="0.35">
      <c r="A8764" t="s">
        <v>22</v>
      </c>
      <c r="B8764" t="s">
        <v>55</v>
      </c>
      <c r="C8764" t="s">
        <v>117</v>
      </c>
      <c r="D8764" t="s">
        <v>118</v>
      </c>
      <c r="E8764">
        <v>2020</v>
      </c>
      <c r="F8764">
        <v>2020</v>
      </c>
      <c r="G8764" t="s">
        <v>126</v>
      </c>
      <c r="H8764" t="s">
        <v>121</v>
      </c>
      <c r="I8764" t="s">
        <v>15</v>
      </c>
      <c r="J8764" s="10">
        <v>36.876770540000003</v>
      </c>
    </row>
    <row r="8765" spans="1:10" x14ac:dyDescent="0.35">
      <c r="A8765" t="s">
        <v>22</v>
      </c>
      <c r="B8765" t="s">
        <v>55</v>
      </c>
      <c r="C8765" t="s">
        <v>117</v>
      </c>
      <c r="D8765" t="s">
        <v>118</v>
      </c>
      <c r="E8765">
        <v>2020</v>
      </c>
      <c r="F8765">
        <v>2020</v>
      </c>
      <c r="G8765" t="s">
        <v>126</v>
      </c>
      <c r="H8765" t="s">
        <v>122</v>
      </c>
      <c r="I8765" t="s">
        <v>15</v>
      </c>
      <c r="J8765" s="10">
        <v>16.1095373</v>
      </c>
    </row>
    <row r="8766" spans="1:10" x14ac:dyDescent="0.35">
      <c r="A8766" t="s">
        <v>22</v>
      </c>
      <c r="B8766" t="s">
        <v>55</v>
      </c>
      <c r="C8766" t="s">
        <v>117</v>
      </c>
      <c r="D8766" t="s">
        <v>118</v>
      </c>
      <c r="E8766">
        <v>2020</v>
      </c>
      <c r="F8766">
        <v>2020</v>
      </c>
      <c r="G8766" t="s">
        <v>126</v>
      </c>
      <c r="H8766" t="s">
        <v>123</v>
      </c>
      <c r="I8766" t="s">
        <v>15</v>
      </c>
      <c r="J8766" s="10">
        <v>14.67422096</v>
      </c>
    </row>
    <row r="8767" spans="1:10" x14ac:dyDescent="0.35">
      <c r="A8767" t="s">
        <v>22</v>
      </c>
      <c r="B8767" t="s">
        <v>55</v>
      </c>
      <c r="C8767" t="s">
        <v>117</v>
      </c>
      <c r="D8767" t="s">
        <v>118</v>
      </c>
      <c r="E8767">
        <v>2020</v>
      </c>
      <c r="F8767">
        <v>2020</v>
      </c>
      <c r="G8767" t="s">
        <v>126</v>
      </c>
      <c r="H8767" t="s">
        <v>124</v>
      </c>
      <c r="I8767" t="s">
        <v>15</v>
      </c>
      <c r="J8767" s="10">
        <v>3.6638338049999999</v>
      </c>
    </row>
    <row r="8768" spans="1:10" x14ac:dyDescent="0.35">
      <c r="A8768" t="s">
        <v>22</v>
      </c>
      <c r="B8768" t="s">
        <v>55</v>
      </c>
      <c r="C8768" t="s">
        <v>117</v>
      </c>
      <c r="D8768" t="s">
        <v>118</v>
      </c>
      <c r="E8768">
        <v>2019</v>
      </c>
      <c r="F8768">
        <v>2019</v>
      </c>
      <c r="G8768" t="s">
        <v>14</v>
      </c>
      <c r="H8768" t="s">
        <v>119</v>
      </c>
      <c r="I8768" t="s">
        <v>15</v>
      </c>
      <c r="J8768" s="10">
        <v>13.869959209999999</v>
      </c>
    </row>
    <row r="8769" spans="1:10" x14ac:dyDescent="0.35">
      <c r="A8769" t="s">
        <v>22</v>
      </c>
      <c r="B8769" t="s">
        <v>55</v>
      </c>
      <c r="C8769" t="s">
        <v>117</v>
      </c>
      <c r="D8769" t="s">
        <v>118</v>
      </c>
      <c r="E8769">
        <v>2019</v>
      </c>
      <c r="F8769">
        <v>2019</v>
      </c>
      <c r="G8769" t="s">
        <v>14</v>
      </c>
      <c r="H8769" t="s">
        <v>120</v>
      </c>
      <c r="I8769" t="s">
        <v>15</v>
      </c>
      <c r="J8769" s="10">
        <v>15.328155150000001</v>
      </c>
    </row>
    <row r="8770" spans="1:10" x14ac:dyDescent="0.35">
      <c r="A8770" t="s">
        <v>22</v>
      </c>
      <c r="B8770" t="s">
        <v>55</v>
      </c>
      <c r="C8770" t="s">
        <v>117</v>
      </c>
      <c r="D8770" t="s">
        <v>118</v>
      </c>
      <c r="E8770">
        <v>2019</v>
      </c>
      <c r="F8770">
        <v>2019</v>
      </c>
      <c r="G8770" t="s">
        <v>14</v>
      </c>
      <c r="H8770" t="s">
        <v>121</v>
      </c>
      <c r="I8770" t="s">
        <v>15</v>
      </c>
      <c r="J8770" s="10">
        <v>38.185437579999999</v>
      </c>
    </row>
    <row r="8771" spans="1:10" x14ac:dyDescent="0.35">
      <c r="A8771" t="s">
        <v>22</v>
      </c>
      <c r="B8771" t="s">
        <v>55</v>
      </c>
      <c r="C8771" t="s">
        <v>117</v>
      </c>
      <c r="D8771" t="s">
        <v>118</v>
      </c>
      <c r="E8771">
        <v>2019</v>
      </c>
      <c r="F8771">
        <v>2019</v>
      </c>
      <c r="G8771" t="s">
        <v>14</v>
      </c>
      <c r="H8771" t="s">
        <v>122</v>
      </c>
      <c r="I8771" t="s">
        <v>15</v>
      </c>
      <c r="J8771" s="10">
        <v>16.159839770000001</v>
      </c>
    </row>
    <row r="8772" spans="1:10" x14ac:dyDescent="0.35">
      <c r="A8772" t="s">
        <v>22</v>
      </c>
      <c r="B8772" t="s">
        <v>55</v>
      </c>
      <c r="C8772" t="s">
        <v>117</v>
      </c>
      <c r="D8772" t="s">
        <v>118</v>
      </c>
      <c r="E8772">
        <v>2019</v>
      </c>
      <c r="F8772">
        <v>2019</v>
      </c>
      <c r="G8772" t="s">
        <v>14</v>
      </c>
      <c r="H8772" t="s">
        <v>123</v>
      </c>
      <c r="I8772" t="s">
        <v>15</v>
      </c>
      <c r="J8772" s="10">
        <v>13.59761608</v>
      </c>
    </row>
    <row r="8773" spans="1:10" x14ac:dyDescent="0.35">
      <c r="A8773" t="s">
        <v>22</v>
      </c>
      <c r="B8773" t="s">
        <v>55</v>
      </c>
      <c r="C8773" t="s">
        <v>117</v>
      </c>
      <c r="D8773" t="s">
        <v>118</v>
      </c>
      <c r="E8773">
        <v>2019</v>
      </c>
      <c r="F8773">
        <v>2019</v>
      </c>
      <c r="G8773" t="s">
        <v>14</v>
      </c>
      <c r="H8773" t="s">
        <v>124</v>
      </c>
      <c r="I8773" t="s">
        <v>15</v>
      </c>
      <c r="J8773" s="10">
        <v>2.8589922080000001</v>
      </c>
    </row>
    <row r="8774" spans="1:10" x14ac:dyDescent="0.35">
      <c r="A8774" t="s">
        <v>22</v>
      </c>
      <c r="B8774" t="s">
        <v>55</v>
      </c>
      <c r="C8774" t="s">
        <v>117</v>
      </c>
      <c r="D8774" t="s">
        <v>118</v>
      </c>
      <c r="E8774">
        <v>2019</v>
      </c>
      <c r="F8774">
        <v>2019</v>
      </c>
      <c r="G8774" t="s">
        <v>125</v>
      </c>
      <c r="H8774" t="s">
        <v>119</v>
      </c>
      <c r="I8774" t="s">
        <v>15</v>
      </c>
      <c r="J8774" s="10">
        <v>14.86520726</v>
      </c>
    </row>
    <row r="8775" spans="1:10" x14ac:dyDescent="0.35">
      <c r="A8775" t="s">
        <v>22</v>
      </c>
      <c r="B8775" t="s">
        <v>55</v>
      </c>
      <c r="C8775" t="s">
        <v>117</v>
      </c>
      <c r="D8775" t="s">
        <v>118</v>
      </c>
      <c r="E8775">
        <v>2019</v>
      </c>
      <c r="F8775">
        <v>2019</v>
      </c>
      <c r="G8775" t="s">
        <v>125</v>
      </c>
      <c r="H8775" t="s">
        <v>120</v>
      </c>
      <c r="I8775" t="s">
        <v>15</v>
      </c>
      <c r="J8775" s="10">
        <v>14.78159522</v>
      </c>
    </row>
    <row r="8776" spans="1:10" x14ac:dyDescent="0.35">
      <c r="A8776" t="s">
        <v>22</v>
      </c>
      <c r="B8776" t="s">
        <v>55</v>
      </c>
      <c r="C8776" t="s">
        <v>117</v>
      </c>
      <c r="D8776" t="s">
        <v>118</v>
      </c>
      <c r="E8776">
        <v>2019</v>
      </c>
      <c r="F8776">
        <v>2019</v>
      </c>
      <c r="G8776" t="s">
        <v>125</v>
      </c>
      <c r="H8776" t="s">
        <v>121</v>
      </c>
      <c r="I8776" t="s">
        <v>15</v>
      </c>
      <c r="J8776" s="10">
        <v>39.6650451</v>
      </c>
    </row>
    <row r="8777" spans="1:10" x14ac:dyDescent="0.35">
      <c r="A8777" t="s">
        <v>22</v>
      </c>
      <c r="B8777" t="s">
        <v>55</v>
      </c>
      <c r="C8777" t="s">
        <v>117</v>
      </c>
      <c r="D8777" t="s">
        <v>118</v>
      </c>
      <c r="E8777">
        <v>2019</v>
      </c>
      <c r="F8777">
        <v>2019</v>
      </c>
      <c r="G8777" t="s">
        <v>125</v>
      </c>
      <c r="H8777" t="s">
        <v>122</v>
      </c>
      <c r="I8777" t="s">
        <v>15</v>
      </c>
      <c r="J8777" s="10">
        <v>16.40822945</v>
      </c>
    </row>
    <row r="8778" spans="1:10" x14ac:dyDescent="0.35">
      <c r="A8778" t="s">
        <v>22</v>
      </c>
      <c r="B8778" t="s">
        <v>55</v>
      </c>
      <c r="C8778" t="s">
        <v>117</v>
      </c>
      <c r="D8778" t="s">
        <v>118</v>
      </c>
      <c r="E8778">
        <v>2019</v>
      </c>
      <c r="F8778">
        <v>2019</v>
      </c>
      <c r="G8778" t="s">
        <v>125</v>
      </c>
      <c r="H8778" t="s">
        <v>123</v>
      </c>
      <c r="I8778" t="s">
        <v>15</v>
      </c>
      <c r="J8778" s="10">
        <v>12.47592987</v>
      </c>
    </row>
    <row r="8779" spans="1:10" x14ac:dyDescent="0.35">
      <c r="A8779" t="s">
        <v>22</v>
      </c>
      <c r="B8779" t="s">
        <v>55</v>
      </c>
      <c r="C8779" t="s">
        <v>117</v>
      </c>
      <c r="D8779" t="s">
        <v>118</v>
      </c>
      <c r="E8779">
        <v>2019</v>
      </c>
      <c r="F8779">
        <v>2019</v>
      </c>
      <c r="G8779" t="s">
        <v>125</v>
      </c>
      <c r="H8779" t="s">
        <v>124</v>
      </c>
      <c r="I8779" t="s">
        <v>15</v>
      </c>
      <c r="J8779" s="10">
        <v>1.803993108</v>
      </c>
    </row>
    <row r="8780" spans="1:10" x14ac:dyDescent="0.35">
      <c r="A8780" t="s">
        <v>22</v>
      </c>
      <c r="B8780" t="s">
        <v>55</v>
      </c>
      <c r="C8780" t="s">
        <v>117</v>
      </c>
      <c r="D8780" t="s">
        <v>118</v>
      </c>
      <c r="E8780">
        <v>2019</v>
      </c>
      <c r="F8780">
        <v>2019</v>
      </c>
      <c r="G8780" t="s">
        <v>126</v>
      </c>
      <c r="H8780" t="s">
        <v>119</v>
      </c>
      <c r="I8780" t="s">
        <v>15</v>
      </c>
      <c r="J8780" s="10">
        <v>12.9438393</v>
      </c>
    </row>
    <row r="8781" spans="1:10" x14ac:dyDescent="0.35">
      <c r="A8781" t="s">
        <v>22</v>
      </c>
      <c r="B8781" t="s">
        <v>55</v>
      </c>
      <c r="C8781" t="s">
        <v>117</v>
      </c>
      <c r="D8781" t="s">
        <v>118</v>
      </c>
      <c r="E8781">
        <v>2019</v>
      </c>
      <c r="F8781">
        <v>2019</v>
      </c>
      <c r="G8781" t="s">
        <v>126</v>
      </c>
      <c r="H8781" t="s">
        <v>120</v>
      </c>
      <c r="I8781" t="s">
        <v>15</v>
      </c>
      <c r="J8781" s="10">
        <v>15.83675202</v>
      </c>
    </row>
    <row r="8782" spans="1:10" x14ac:dyDescent="0.35">
      <c r="A8782" t="s">
        <v>22</v>
      </c>
      <c r="B8782" t="s">
        <v>55</v>
      </c>
      <c r="C8782" t="s">
        <v>117</v>
      </c>
      <c r="D8782" t="s">
        <v>118</v>
      </c>
      <c r="E8782">
        <v>2019</v>
      </c>
      <c r="F8782">
        <v>2019</v>
      </c>
      <c r="G8782" t="s">
        <v>126</v>
      </c>
      <c r="H8782" t="s">
        <v>121</v>
      </c>
      <c r="I8782" t="s">
        <v>15</v>
      </c>
      <c r="J8782" s="10">
        <v>36.808600929999997</v>
      </c>
    </row>
    <row r="8783" spans="1:10" x14ac:dyDescent="0.35">
      <c r="A8783" t="s">
        <v>22</v>
      </c>
      <c r="B8783" t="s">
        <v>55</v>
      </c>
      <c r="C8783" t="s">
        <v>117</v>
      </c>
      <c r="D8783" t="s">
        <v>118</v>
      </c>
      <c r="E8783">
        <v>2019</v>
      </c>
      <c r="F8783">
        <v>2019</v>
      </c>
      <c r="G8783" t="s">
        <v>126</v>
      </c>
      <c r="H8783" t="s">
        <v>122</v>
      </c>
      <c r="I8783" t="s">
        <v>15</v>
      </c>
      <c r="J8783" s="10">
        <v>15.928702789999999</v>
      </c>
    </row>
    <row r="8784" spans="1:10" x14ac:dyDescent="0.35">
      <c r="A8784" t="s">
        <v>22</v>
      </c>
      <c r="B8784" t="s">
        <v>55</v>
      </c>
      <c r="C8784" t="s">
        <v>117</v>
      </c>
      <c r="D8784" t="s">
        <v>118</v>
      </c>
      <c r="E8784">
        <v>2019</v>
      </c>
      <c r="F8784">
        <v>2019</v>
      </c>
      <c r="G8784" t="s">
        <v>126</v>
      </c>
      <c r="H8784" t="s">
        <v>123</v>
      </c>
      <c r="I8784" t="s">
        <v>15</v>
      </c>
      <c r="J8784" s="10">
        <v>14.641391990000001</v>
      </c>
    </row>
    <row r="8785" spans="1:10" x14ac:dyDescent="0.35">
      <c r="A8785" t="s">
        <v>22</v>
      </c>
      <c r="B8785" t="s">
        <v>55</v>
      </c>
      <c r="C8785" t="s">
        <v>117</v>
      </c>
      <c r="D8785" t="s">
        <v>118</v>
      </c>
      <c r="E8785">
        <v>2019</v>
      </c>
      <c r="F8785">
        <v>2019</v>
      </c>
      <c r="G8785" t="s">
        <v>126</v>
      </c>
      <c r="H8785" t="s">
        <v>124</v>
      </c>
      <c r="I8785" t="s">
        <v>15</v>
      </c>
      <c r="J8785" s="10">
        <v>3.8407129719999999</v>
      </c>
    </row>
    <row r="8786" spans="1:10" x14ac:dyDescent="0.35">
      <c r="A8786" t="s">
        <v>22</v>
      </c>
      <c r="B8786" t="s">
        <v>55</v>
      </c>
      <c r="C8786" t="s">
        <v>117</v>
      </c>
      <c r="D8786" t="s">
        <v>118</v>
      </c>
      <c r="E8786">
        <v>2018</v>
      </c>
      <c r="F8786">
        <v>2018</v>
      </c>
      <c r="G8786" t="s">
        <v>14</v>
      </c>
      <c r="H8786" t="s">
        <v>119</v>
      </c>
      <c r="I8786" t="s">
        <v>15</v>
      </c>
      <c r="J8786" s="10">
        <v>13.79487745</v>
      </c>
    </row>
    <row r="8787" spans="1:10" x14ac:dyDescent="0.35">
      <c r="A8787" t="s">
        <v>22</v>
      </c>
      <c r="B8787" t="s">
        <v>55</v>
      </c>
      <c r="C8787" t="s">
        <v>117</v>
      </c>
      <c r="D8787" t="s">
        <v>118</v>
      </c>
      <c r="E8787">
        <v>2018</v>
      </c>
      <c r="F8787">
        <v>2018</v>
      </c>
      <c r="G8787" t="s">
        <v>14</v>
      </c>
      <c r="H8787" t="s">
        <v>120</v>
      </c>
      <c r="I8787" t="s">
        <v>15</v>
      </c>
      <c r="J8787" s="10">
        <v>15.92988645</v>
      </c>
    </row>
    <row r="8788" spans="1:10" x14ac:dyDescent="0.35">
      <c r="A8788" t="s">
        <v>22</v>
      </c>
      <c r="B8788" t="s">
        <v>55</v>
      </c>
      <c r="C8788" t="s">
        <v>117</v>
      </c>
      <c r="D8788" t="s">
        <v>118</v>
      </c>
      <c r="E8788">
        <v>2018</v>
      </c>
      <c r="F8788">
        <v>2018</v>
      </c>
      <c r="G8788" t="s">
        <v>14</v>
      </c>
      <c r="H8788" t="s">
        <v>121</v>
      </c>
      <c r="I8788" t="s">
        <v>15</v>
      </c>
      <c r="J8788" s="10">
        <v>37.992871049999998</v>
      </c>
    </row>
    <row r="8789" spans="1:10" x14ac:dyDescent="0.35">
      <c r="A8789" t="s">
        <v>22</v>
      </c>
      <c r="B8789" t="s">
        <v>55</v>
      </c>
      <c r="C8789" t="s">
        <v>117</v>
      </c>
      <c r="D8789" t="s">
        <v>118</v>
      </c>
      <c r="E8789">
        <v>2018</v>
      </c>
      <c r="F8789">
        <v>2018</v>
      </c>
      <c r="G8789" t="s">
        <v>14</v>
      </c>
      <c r="H8789" t="s">
        <v>122</v>
      </c>
      <c r="I8789" t="s">
        <v>15</v>
      </c>
      <c r="J8789" s="10">
        <v>16.064625979999999</v>
      </c>
    </row>
    <row r="8790" spans="1:10" x14ac:dyDescent="0.35">
      <c r="A8790" t="s">
        <v>22</v>
      </c>
      <c r="B8790" t="s">
        <v>55</v>
      </c>
      <c r="C8790" t="s">
        <v>117</v>
      </c>
      <c r="D8790" t="s">
        <v>118</v>
      </c>
      <c r="E8790">
        <v>2018</v>
      </c>
      <c r="F8790">
        <v>2018</v>
      </c>
      <c r="G8790" t="s">
        <v>14</v>
      </c>
      <c r="H8790" t="s">
        <v>123</v>
      </c>
      <c r="I8790" t="s">
        <v>15</v>
      </c>
      <c r="J8790" s="10">
        <v>13.39923321</v>
      </c>
    </row>
    <row r="8791" spans="1:10" x14ac:dyDescent="0.35">
      <c r="A8791" t="s">
        <v>22</v>
      </c>
      <c r="B8791" t="s">
        <v>55</v>
      </c>
      <c r="C8791" t="s">
        <v>117</v>
      </c>
      <c r="D8791" t="s">
        <v>118</v>
      </c>
      <c r="E8791">
        <v>2018</v>
      </c>
      <c r="F8791">
        <v>2018</v>
      </c>
      <c r="G8791" t="s">
        <v>14</v>
      </c>
      <c r="H8791" t="s">
        <v>124</v>
      </c>
      <c r="I8791" t="s">
        <v>15</v>
      </c>
      <c r="J8791" s="10">
        <v>2.8185058609999998</v>
      </c>
    </row>
    <row r="8792" spans="1:10" x14ac:dyDescent="0.35">
      <c r="A8792" t="s">
        <v>22</v>
      </c>
      <c r="B8792" t="s">
        <v>55</v>
      </c>
      <c r="C8792" t="s">
        <v>117</v>
      </c>
      <c r="D8792" t="s">
        <v>118</v>
      </c>
      <c r="E8792">
        <v>2018</v>
      </c>
      <c r="F8792">
        <v>2018</v>
      </c>
      <c r="G8792" t="s">
        <v>125</v>
      </c>
      <c r="H8792" t="s">
        <v>119</v>
      </c>
      <c r="I8792" t="s">
        <v>15</v>
      </c>
      <c r="J8792" s="10">
        <v>14.794179010000001</v>
      </c>
    </row>
    <row r="8793" spans="1:10" x14ac:dyDescent="0.35">
      <c r="A8793" t="s">
        <v>22</v>
      </c>
      <c r="B8793" t="s">
        <v>55</v>
      </c>
      <c r="C8793" t="s">
        <v>117</v>
      </c>
      <c r="D8793" t="s">
        <v>118</v>
      </c>
      <c r="E8793">
        <v>2018</v>
      </c>
      <c r="F8793">
        <v>2018</v>
      </c>
      <c r="G8793" t="s">
        <v>125</v>
      </c>
      <c r="H8793" t="s">
        <v>120</v>
      </c>
      <c r="I8793" t="s">
        <v>15</v>
      </c>
      <c r="J8793" s="10">
        <v>15.303007170000001</v>
      </c>
    </row>
    <row r="8794" spans="1:10" x14ac:dyDescent="0.35">
      <c r="A8794" t="s">
        <v>22</v>
      </c>
      <c r="B8794" t="s">
        <v>55</v>
      </c>
      <c r="C8794" t="s">
        <v>117</v>
      </c>
      <c r="D8794" t="s">
        <v>118</v>
      </c>
      <c r="E8794">
        <v>2018</v>
      </c>
      <c r="F8794">
        <v>2018</v>
      </c>
      <c r="G8794" t="s">
        <v>125</v>
      </c>
      <c r="H8794" t="s">
        <v>121</v>
      </c>
      <c r="I8794" t="s">
        <v>15</v>
      </c>
      <c r="J8794" s="10">
        <v>39.472345189999999</v>
      </c>
    </row>
    <row r="8795" spans="1:10" x14ac:dyDescent="0.35">
      <c r="A8795" t="s">
        <v>22</v>
      </c>
      <c r="B8795" t="s">
        <v>55</v>
      </c>
      <c r="C8795" t="s">
        <v>117</v>
      </c>
      <c r="D8795" t="s">
        <v>118</v>
      </c>
      <c r="E8795">
        <v>2018</v>
      </c>
      <c r="F8795">
        <v>2018</v>
      </c>
      <c r="G8795" t="s">
        <v>125</v>
      </c>
      <c r="H8795" t="s">
        <v>122</v>
      </c>
      <c r="I8795" t="s">
        <v>15</v>
      </c>
      <c r="J8795" s="10">
        <v>16.33592836</v>
      </c>
    </row>
    <row r="8796" spans="1:10" x14ac:dyDescent="0.35">
      <c r="A8796" t="s">
        <v>22</v>
      </c>
      <c r="B8796" t="s">
        <v>55</v>
      </c>
      <c r="C8796" t="s">
        <v>117</v>
      </c>
      <c r="D8796" t="s">
        <v>118</v>
      </c>
      <c r="E8796">
        <v>2018</v>
      </c>
      <c r="F8796">
        <v>2018</v>
      </c>
      <c r="G8796" t="s">
        <v>125</v>
      </c>
      <c r="H8796" t="s">
        <v>123</v>
      </c>
      <c r="I8796" t="s">
        <v>15</v>
      </c>
      <c r="J8796" s="10">
        <v>12.331450670000001</v>
      </c>
    </row>
    <row r="8797" spans="1:10" x14ac:dyDescent="0.35">
      <c r="A8797" t="s">
        <v>22</v>
      </c>
      <c r="B8797" t="s">
        <v>55</v>
      </c>
      <c r="C8797" t="s">
        <v>117</v>
      </c>
      <c r="D8797" t="s">
        <v>118</v>
      </c>
      <c r="E8797">
        <v>2018</v>
      </c>
      <c r="F8797">
        <v>2018</v>
      </c>
      <c r="G8797" t="s">
        <v>125</v>
      </c>
      <c r="H8797" t="s">
        <v>124</v>
      </c>
      <c r="I8797" t="s">
        <v>15</v>
      </c>
      <c r="J8797" s="10">
        <v>1.763089605</v>
      </c>
    </row>
    <row r="8798" spans="1:10" x14ac:dyDescent="0.35">
      <c r="A8798" t="s">
        <v>22</v>
      </c>
      <c r="B8798" t="s">
        <v>55</v>
      </c>
      <c r="C8798" t="s">
        <v>117</v>
      </c>
      <c r="D8798" t="s">
        <v>118</v>
      </c>
      <c r="E8798">
        <v>2018</v>
      </c>
      <c r="F8798">
        <v>2018</v>
      </c>
      <c r="G8798" t="s">
        <v>126</v>
      </c>
      <c r="H8798" t="s">
        <v>119</v>
      </c>
      <c r="I8798" t="s">
        <v>15</v>
      </c>
      <c r="J8798" s="10">
        <v>12.86703045</v>
      </c>
    </row>
    <row r="8799" spans="1:10" x14ac:dyDescent="0.35">
      <c r="A8799" t="s">
        <v>22</v>
      </c>
      <c r="B8799" t="s">
        <v>55</v>
      </c>
      <c r="C8799" t="s">
        <v>117</v>
      </c>
      <c r="D8799" t="s">
        <v>118</v>
      </c>
      <c r="E8799">
        <v>2018</v>
      </c>
      <c r="F8799">
        <v>2018</v>
      </c>
      <c r="G8799" t="s">
        <v>126</v>
      </c>
      <c r="H8799" t="s">
        <v>120</v>
      </c>
      <c r="I8799" t="s">
        <v>15</v>
      </c>
      <c r="J8799" s="10">
        <v>16.51194104</v>
      </c>
    </row>
    <row r="8800" spans="1:10" x14ac:dyDescent="0.35">
      <c r="A8800" t="s">
        <v>22</v>
      </c>
      <c r="B8800" t="s">
        <v>55</v>
      </c>
      <c r="C8800" t="s">
        <v>117</v>
      </c>
      <c r="D8800" t="s">
        <v>118</v>
      </c>
      <c r="E8800">
        <v>2018</v>
      </c>
      <c r="F8800">
        <v>2018</v>
      </c>
      <c r="G8800" t="s">
        <v>126</v>
      </c>
      <c r="H8800" t="s">
        <v>121</v>
      </c>
      <c r="I8800" t="s">
        <v>15</v>
      </c>
      <c r="J8800" s="10">
        <v>36.619185979999997</v>
      </c>
    </row>
    <row r="8801" spans="1:10" x14ac:dyDescent="0.35">
      <c r="A8801" t="s">
        <v>22</v>
      </c>
      <c r="B8801" t="s">
        <v>55</v>
      </c>
      <c r="C8801" t="s">
        <v>117</v>
      </c>
      <c r="D8801" t="s">
        <v>118</v>
      </c>
      <c r="E8801">
        <v>2018</v>
      </c>
      <c r="F8801">
        <v>2018</v>
      </c>
      <c r="G8801" t="s">
        <v>126</v>
      </c>
      <c r="H8801" t="s">
        <v>122</v>
      </c>
      <c r="I8801" t="s">
        <v>15</v>
      </c>
      <c r="J8801" s="10">
        <v>15.81272293</v>
      </c>
    </row>
    <row r="8802" spans="1:10" x14ac:dyDescent="0.35">
      <c r="A8802" t="s">
        <v>22</v>
      </c>
      <c r="B8802" t="s">
        <v>55</v>
      </c>
      <c r="C8802" t="s">
        <v>117</v>
      </c>
      <c r="D8802" t="s">
        <v>118</v>
      </c>
      <c r="E8802">
        <v>2018</v>
      </c>
      <c r="F8802">
        <v>2018</v>
      </c>
      <c r="G8802" t="s">
        <v>126</v>
      </c>
      <c r="H8802" t="s">
        <v>123</v>
      </c>
      <c r="I8802" t="s">
        <v>15</v>
      </c>
      <c r="J8802" s="10">
        <v>14.390664490000001</v>
      </c>
    </row>
    <row r="8803" spans="1:10" x14ac:dyDescent="0.35">
      <c r="A8803" t="s">
        <v>22</v>
      </c>
      <c r="B8803" t="s">
        <v>55</v>
      </c>
      <c r="C8803" t="s">
        <v>117</v>
      </c>
      <c r="D8803" t="s">
        <v>118</v>
      </c>
      <c r="E8803">
        <v>2018</v>
      </c>
      <c r="F8803">
        <v>2018</v>
      </c>
      <c r="G8803" t="s">
        <v>126</v>
      </c>
      <c r="H8803" t="s">
        <v>124</v>
      </c>
      <c r="I8803" t="s">
        <v>15</v>
      </c>
      <c r="J8803" s="10">
        <v>3.798455106</v>
      </c>
    </row>
    <row r="8804" spans="1:10" x14ac:dyDescent="0.35">
      <c r="A8804" t="s">
        <v>22</v>
      </c>
      <c r="B8804" t="s">
        <v>55</v>
      </c>
      <c r="C8804" t="s">
        <v>117</v>
      </c>
      <c r="D8804" t="s">
        <v>118</v>
      </c>
      <c r="E8804">
        <v>2017</v>
      </c>
      <c r="F8804">
        <v>2017</v>
      </c>
      <c r="G8804" t="s">
        <v>14</v>
      </c>
      <c r="H8804" t="s">
        <v>119</v>
      </c>
      <c r="I8804" t="s">
        <v>15</v>
      </c>
      <c r="J8804" s="10">
        <v>13.793996180000001</v>
      </c>
    </row>
    <row r="8805" spans="1:10" x14ac:dyDescent="0.35">
      <c r="A8805" t="s">
        <v>22</v>
      </c>
      <c r="B8805" t="s">
        <v>55</v>
      </c>
      <c r="C8805" t="s">
        <v>117</v>
      </c>
      <c r="D8805" t="s">
        <v>118</v>
      </c>
      <c r="E8805">
        <v>2017</v>
      </c>
      <c r="F8805">
        <v>2017</v>
      </c>
      <c r="G8805" t="s">
        <v>14</v>
      </c>
      <c r="H8805" t="s">
        <v>120</v>
      </c>
      <c r="I8805" t="s">
        <v>15</v>
      </c>
      <c r="J8805" s="10">
        <v>16.184429510000001</v>
      </c>
    </row>
    <row r="8806" spans="1:10" x14ac:dyDescent="0.35">
      <c r="A8806" t="s">
        <v>22</v>
      </c>
      <c r="B8806" t="s">
        <v>55</v>
      </c>
      <c r="C8806" t="s">
        <v>117</v>
      </c>
      <c r="D8806" t="s">
        <v>118</v>
      </c>
      <c r="E8806">
        <v>2017</v>
      </c>
      <c r="F8806">
        <v>2017</v>
      </c>
      <c r="G8806" t="s">
        <v>14</v>
      </c>
      <c r="H8806" t="s">
        <v>121</v>
      </c>
      <c r="I8806" t="s">
        <v>15</v>
      </c>
      <c r="J8806" s="10">
        <v>38.116254699999999</v>
      </c>
    </row>
    <row r="8807" spans="1:10" x14ac:dyDescent="0.35">
      <c r="A8807" t="s">
        <v>22</v>
      </c>
      <c r="B8807" t="s">
        <v>55</v>
      </c>
      <c r="C8807" t="s">
        <v>117</v>
      </c>
      <c r="D8807" t="s">
        <v>118</v>
      </c>
      <c r="E8807">
        <v>2017</v>
      </c>
      <c r="F8807">
        <v>2017</v>
      </c>
      <c r="G8807" t="s">
        <v>14</v>
      </c>
      <c r="H8807" t="s">
        <v>122</v>
      </c>
      <c r="I8807" t="s">
        <v>15</v>
      </c>
      <c r="J8807" s="10">
        <v>15.902114279999999</v>
      </c>
    </row>
    <row r="8808" spans="1:10" x14ac:dyDescent="0.35">
      <c r="A8808" t="s">
        <v>22</v>
      </c>
      <c r="B8808" t="s">
        <v>55</v>
      </c>
      <c r="C8808" t="s">
        <v>117</v>
      </c>
      <c r="D8808" t="s">
        <v>118</v>
      </c>
      <c r="E8808">
        <v>2017</v>
      </c>
      <c r="F8808">
        <v>2017</v>
      </c>
      <c r="G8808" t="s">
        <v>14</v>
      </c>
      <c r="H8808" t="s">
        <v>123</v>
      </c>
      <c r="I8808" t="s">
        <v>15</v>
      </c>
      <c r="J8808" s="10">
        <v>13.18498428</v>
      </c>
    </row>
    <row r="8809" spans="1:10" x14ac:dyDescent="0.35">
      <c r="A8809" t="s">
        <v>22</v>
      </c>
      <c r="B8809" t="s">
        <v>55</v>
      </c>
      <c r="C8809" t="s">
        <v>117</v>
      </c>
      <c r="D8809" t="s">
        <v>118</v>
      </c>
      <c r="E8809">
        <v>2017</v>
      </c>
      <c r="F8809">
        <v>2017</v>
      </c>
      <c r="G8809" t="s">
        <v>14</v>
      </c>
      <c r="H8809" t="s">
        <v>124</v>
      </c>
      <c r="I8809" t="s">
        <v>15</v>
      </c>
      <c r="J8809" s="10">
        <v>2.818221044</v>
      </c>
    </row>
    <row r="8810" spans="1:10" x14ac:dyDescent="0.35">
      <c r="A8810" t="s">
        <v>22</v>
      </c>
      <c r="B8810" t="s">
        <v>55</v>
      </c>
      <c r="C8810" t="s">
        <v>117</v>
      </c>
      <c r="D8810" t="s">
        <v>118</v>
      </c>
      <c r="E8810">
        <v>2017</v>
      </c>
      <c r="F8810">
        <v>2017</v>
      </c>
      <c r="G8810" t="s">
        <v>125</v>
      </c>
      <c r="H8810" t="s">
        <v>119</v>
      </c>
      <c r="I8810" t="s">
        <v>15</v>
      </c>
      <c r="J8810" s="10">
        <v>14.833628360000001</v>
      </c>
    </row>
    <row r="8811" spans="1:10" x14ac:dyDescent="0.35">
      <c r="A8811" t="s">
        <v>22</v>
      </c>
      <c r="B8811" t="s">
        <v>55</v>
      </c>
      <c r="C8811" t="s">
        <v>117</v>
      </c>
      <c r="D8811" t="s">
        <v>118</v>
      </c>
      <c r="E8811">
        <v>2017</v>
      </c>
      <c r="F8811">
        <v>2017</v>
      </c>
      <c r="G8811" t="s">
        <v>125</v>
      </c>
      <c r="H8811" t="s">
        <v>120</v>
      </c>
      <c r="I8811" t="s">
        <v>15</v>
      </c>
      <c r="J8811" s="10">
        <v>15.42625516</v>
      </c>
    </row>
    <row r="8812" spans="1:10" x14ac:dyDescent="0.35">
      <c r="A8812" t="s">
        <v>22</v>
      </c>
      <c r="B8812" t="s">
        <v>55</v>
      </c>
      <c r="C8812" t="s">
        <v>117</v>
      </c>
      <c r="D8812" t="s">
        <v>118</v>
      </c>
      <c r="E8812">
        <v>2017</v>
      </c>
      <c r="F8812">
        <v>2017</v>
      </c>
      <c r="G8812" t="s">
        <v>125</v>
      </c>
      <c r="H8812" t="s">
        <v>121</v>
      </c>
      <c r="I8812" t="s">
        <v>15</v>
      </c>
      <c r="J8812" s="10">
        <v>39.708561019999998</v>
      </c>
    </row>
    <row r="8813" spans="1:10" x14ac:dyDescent="0.35">
      <c r="A8813" t="s">
        <v>22</v>
      </c>
      <c r="B8813" t="s">
        <v>55</v>
      </c>
      <c r="C8813" t="s">
        <v>117</v>
      </c>
      <c r="D8813" t="s">
        <v>118</v>
      </c>
      <c r="E8813">
        <v>2017</v>
      </c>
      <c r="F8813">
        <v>2017</v>
      </c>
      <c r="G8813" t="s">
        <v>125</v>
      </c>
      <c r="H8813" t="s">
        <v>122</v>
      </c>
      <c r="I8813" t="s">
        <v>15</v>
      </c>
      <c r="J8813" s="10">
        <v>16.242079069999999</v>
      </c>
    </row>
    <row r="8814" spans="1:10" x14ac:dyDescent="0.35">
      <c r="A8814" t="s">
        <v>22</v>
      </c>
      <c r="B8814" t="s">
        <v>55</v>
      </c>
      <c r="C8814" t="s">
        <v>117</v>
      </c>
      <c r="D8814" t="s">
        <v>118</v>
      </c>
      <c r="E8814">
        <v>2017</v>
      </c>
      <c r="F8814">
        <v>2017</v>
      </c>
      <c r="G8814" t="s">
        <v>125</v>
      </c>
      <c r="H8814" t="s">
        <v>123</v>
      </c>
      <c r="I8814" t="s">
        <v>15</v>
      </c>
      <c r="J8814" s="10">
        <v>12.10651889</v>
      </c>
    </row>
    <row r="8815" spans="1:10" x14ac:dyDescent="0.35">
      <c r="A8815" t="s">
        <v>22</v>
      </c>
      <c r="B8815" t="s">
        <v>55</v>
      </c>
      <c r="C8815" t="s">
        <v>117</v>
      </c>
      <c r="D8815" t="s">
        <v>118</v>
      </c>
      <c r="E8815">
        <v>2017</v>
      </c>
      <c r="F8815">
        <v>2017</v>
      </c>
      <c r="G8815" t="s">
        <v>125</v>
      </c>
      <c r="H8815" t="s">
        <v>124</v>
      </c>
      <c r="I8815" t="s">
        <v>15</v>
      </c>
      <c r="J8815" s="10">
        <v>1.6829574899999999</v>
      </c>
    </row>
    <row r="8816" spans="1:10" x14ac:dyDescent="0.35">
      <c r="A8816" t="s">
        <v>22</v>
      </c>
      <c r="B8816" t="s">
        <v>55</v>
      </c>
      <c r="C8816" t="s">
        <v>117</v>
      </c>
      <c r="D8816" t="s">
        <v>118</v>
      </c>
      <c r="E8816">
        <v>2017</v>
      </c>
      <c r="F8816">
        <v>2017</v>
      </c>
      <c r="G8816" t="s">
        <v>126</v>
      </c>
      <c r="H8816" t="s">
        <v>119</v>
      </c>
      <c r="I8816" t="s">
        <v>15</v>
      </c>
      <c r="J8816" s="10">
        <v>12.83225745</v>
      </c>
    </row>
    <row r="8817" spans="1:10" x14ac:dyDescent="0.35">
      <c r="A8817" t="s">
        <v>22</v>
      </c>
      <c r="B8817" t="s">
        <v>55</v>
      </c>
      <c r="C8817" t="s">
        <v>117</v>
      </c>
      <c r="D8817" t="s">
        <v>118</v>
      </c>
      <c r="E8817">
        <v>2017</v>
      </c>
      <c r="F8817">
        <v>2017</v>
      </c>
      <c r="G8817" t="s">
        <v>126</v>
      </c>
      <c r="H8817" t="s">
        <v>120</v>
      </c>
      <c r="I8817" t="s">
        <v>15</v>
      </c>
      <c r="J8817" s="10">
        <v>16.88579837</v>
      </c>
    </row>
    <row r="8818" spans="1:10" x14ac:dyDescent="0.35">
      <c r="A8818" t="s">
        <v>22</v>
      </c>
      <c r="B8818" t="s">
        <v>55</v>
      </c>
      <c r="C8818" t="s">
        <v>117</v>
      </c>
      <c r="D8818" t="s">
        <v>118</v>
      </c>
      <c r="E8818">
        <v>2017</v>
      </c>
      <c r="F8818">
        <v>2017</v>
      </c>
      <c r="G8818" t="s">
        <v>126</v>
      </c>
      <c r="H8818" t="s">
        <v>121</v>
      </c>
      <c r="I8818" t="s">
        <v>15</v>
      </c>
      <c r="J8818" s="10">
        <v>36.643250430000002</v>
      </c>
    </row>
    <row r="8819" spans="1:10" x14ac:dyDescent="0.35">
      <c r="A8819" t="s">
        <v>22</v>
      </c>
      <c r="B8819" t="s">
        <v>55</v>
      </c>
      <c r="C8819" t="s">
        <v>117</v>
      </c>
      <c r="D8819" t="s">
        <v>118</v>
      </c>
      <c r="E8819">
        <v>2017</v>
      </c>
      <c r="F8819">
        <v>2017</v>
      </c>
      <c r="G8819" t="s">
        <v>126</v>
      </c>
      <c r="H8819" t="s">
        <v>122</v>
      </c>
      <c r="I8819" t="s">
        <v>15</v>
      </c>
      <c r="J8819" s="10">
        <v>15.58762104</v>
      </c>
    </row>
    <row r="8820" spans="1:10" x14ac:dyDescent="0.35">
      <c r="A8820" t="s">
        <v>22</v>
      </c>
      <c r="B8820" t="s">
        <v>55</v>
      </c>
      <c r="C8820" t="s">
        <v>117</v>
      </c>
      <c r="D8820" t="s">
        <v>118</v>
      </c>
      <c r="E8820">
        <v>2017</v>
      </c>
      <c r="F8820">
        <v>2017</v>
      </c>
      <c r="G8820" t="s">
        <v>126</v>
      </c>
      <c r="H8820" t="s">
        <v>123</v>
      </c>
      <c r="I8820" t="s">
        <v>15</v>
      </c>
      <c r="J8820" s="10">
        <v>14.18264667</v>
      </c>
    </row>
    <row r="8821" spans="1:10" x14ac:dyDescent="0.35">
      <c r="A8821" t="s">
        <v>22</v>
      </c>
      <c r="B8821" t="s">
        <v>55</v>
      </c>
      <c r="C8821" t="s">
        <v>117</v>
      </c>
      <c r="D8821" t="s">
        <v>118</v>
      </c>
      <c r="E8821">
        <v>2017</v>
      </c>
      <c r="F8821">
        <v>2017</v>
      </c>
      <c r="G8821" t="s">
        <v>126</v>
      </c>
      <c r="H8821" t="s">
        <v>124</v>
      </c>
      <c r="I8821" t="s">
        <v>15</v>
      </c>
      <c r="J8821" s="10">
        <v>3.868426049</v>
      </c>
    </row>
    <row r="8822" spans="1:10" x14ac:dyDescent="0.35">
      <c r="A8822" t="s">
        <v>22</v>
      </c>
      <c r="B8822" t="s">
        <v>55</v>
      </c>
      <c r="C8822" t="s">
        <v>117</v>
      </c>
      <c r="D8822" t="s">
        <v>118</v>
      </c>
      <c r="E8822">
        <v>2016</v>
      </c>
      <c r="F8822">
        <v>2016</v>
      </c>
      <c r="G8822" t="s">
        <v>14</v>
      </c>
      <c r="H8822" t="s">
        <v>119</v>
      </c>
      <c r="I8822" t="s">
        <v>15</v>
      </c>
      <c r="J8822" s="10">
        <v>13.898347060000001</v>
      </c>
    </row>
    <row r="8823" spans="1:10" x14ac:dyDescent="0.35">
      <c r="A8823" t="s">
        <v>22</v>
      </c>
      <c r="B8823" t="s">
        <v>55</v>
      </c>
      <c r="C8823" t="s">
        <v>117</v>
      </c>
      <c r="D8823" t="s">
        <v>118</v>
      </c>
      <c r="E8823">
        <v>2016</v>
      </c>
      <c r="F8823">
        <v>2016</v>
      </c>
      <c r="G8823" t="s">
        <v>14</v>
      </c>
      <c r="H8823" t="s">
        <v>120</v>
      </c>
      <c r="I8823" t="s">
        <v>15</v>
      </c>
      <c r="J8823" s="10">
        <v>16.473720050000001</v>
      </c>
    </row>
    <row r="8824" spans="1:10" x14ac:dyDescent="0.35">
      <c r="A8824" t="s">
        <v>22</v>
      </c>
      <c r="B8824" t="s">
        <v>55</v>
      </c>
      <c r="C8824" t="s">
        <v>117</v>
      </c>
      <c r="D8824" t="s">
        <v>118</v>
      </c>
      <c r="E8824">
        <v>2016</v>
      </c>
      <c r="F8824">
        <v>2016</v>
      </c>
      <c r="G8824" t="s">
        <v>14</v>
      </c>
      <c r="H8824" t="s">
        <v>121</v>
      </c>
      <c r="I8824" t="s">
        <v>15</v>
      </c>
      <c r="J8824" s="10">
        <v>37.90008048</v>
      </c>
    </row>
    <row r="8825" spans="1:10" x14ac:dyDescent="0.35">
      <c r="A8825" t="s">
        <v>22</v>
      </c>
      <c r="B8825" t="s">
        <v>55</v>
      </c>
      <c r="C8825" t="s">
        <v>117</v>
      </c>
      <c r="D8825" t="s">
        <v>118</v>
      </c>
      <c r="E8825">
        <v>2016</v>
      </c>
      <c r="F8825">
        <v>2016</v>
      </c>
      <c r="G8825" t="s">
        <v>14</v>
      </c>
      <c r="H8825" t="s">
        <v>122</v>
      </c>
      <c r="I8825" t="s">
        <v>15</v>
      </c>
      <c r="J8825" s="10">
        <v>15.83359128</v>
      </c>
    </row>
    <row r="8826" spans="1:10" x14ac:dyDescent="0.35">
      <c r="A8826" t="s">
        <v>22</v>
      </c>
      <c r="B8826" t="s">
        <v>55</v>
      </c>
      <c r="C8826" t="s">
        <v>117</v>
      </c>
      <c r="D8826" t="s">
        <v>118</v>
      </c>
      <c r="E8826">
        <v>2016</v>
      </c>
      <c r="F8826">
        <v>2016</v>
      </c>
      <c r="G8826" t="s">
        <v>14</v>
      </c>
      <c r="H8826" t="s">
        <v>123</v>
      </c>
      <c r="I8826" t="s">
        <v>15</v>
      </c>
      <c r="J8826" s="10">
        <v>13.06135083</v>
      </c>
    </row>
    <row r="8827" spans="1:10" x14ac:dyDescent="0.35">
      <c r="A8827" t="s">
        <v>22</v>
      </c>
      <c r="B8827" t="s">
        <v>55</v>
      </c>
      <c r="C8827" t="s">
        <v>117</v>
      </c>
      <c r="D8827" t="s">
        <v>118</v>
      </c>
      <c r="E8827">
        <v>2016</v>
      </c>
      <c r="F8827">
        <v>2016</v>
      </c>
      <c r="G8827" t="s">
        <v>14</v>
      </c>
      <c r="H8827" t="s">
        <v>124</v>
      </c>
      <c r="I8827" t="s">
        <v>15</v>
      </c>
      <c r="J8827" s="10">
        <v>2.832910295</v>
      </c>
    </row>
    <row r="8828" spans="1:10" x14ac:dyDescent="0.35">
      <c r="A8828" t="s">
        <v>22</v>
      </c>
      <c r="B8828" t="s">
        <v>55</v>
      </c>
      <c r="C8828" t="s">
        <v>117</v>
      </c>
      <c r="D8828" t="s">
        <v>118</v>
      </c>
      <c r="E8828">
        <v>2016</v>
      </c>
      <c r="F8828">
        <v>2016</v>
      </c>
      <c r="G8828" t="s">
        <v>125</v>
      </c>
      <c r="H8828" t="s">
        <v>119</v>
      </c>
      <c r="I8828" t="s">
        <v>15</v>
      </c>
      <c r="J8828" s="10">
        <v>14.86845157</v>
      </c>
    </row>
    <row r="8829" spans="1:10" x14ac:dyDescent="0.35">
      <c r="A8829" t="s">
        <v>22</v>
      </c>
      <c r="B8829" t="s">
        <v>55</v>
      </c>
      <c r="C8829" t="s">
        <v>117</v>
      </c>
      <c r="D8829" t="s">
        <v>118</v>
      </c>
      <c r="E8829">
        <v>2016</v>
      </c>
      <c r="F8829">
        <v>2016</v>
      </c>
      <c r="G8829" t="s">
        <v>125</v>
      </c>
      <c r="H8829" t="s">
        <v>120</v>
      </c>
      <c r="I8829" t="s">
        <v>15</v>
      </c>
      <c r="J8829" s="10">
        <v>15.74973587</v>
      </c>
    </row>
    <row r="8830" spans="1:10" x14ac:dyDescent="0.35">
      <c r="A8830" t="s">
        <v>22</v>
      </c>
      <c r="B8830" t="s">
        <v>55</v>
      </c>
      <c r="C8830" t="s">
        <v>117</v>
      </c>
      <c r="D8830" t="s">
        <v>118</v>
      </c>
      <c r="E8830">
        <v>2016</v>
      </c>
      <c r="F8830">
        <v>2016</v>
      </c>
      <c r="G8830" t="s">
        <v>125</v>
      </c>
      <c r="H8830" t="s">
        <v>121</v>
      </c>
      <c r="I8830" t="s">
        <v>15</v>
      </c>
      <c r="J8830" s="10">
        <v>39.616564019999998</v>
      </c>
    </row>
    <row r="8831" spans="1:10" x14ac:dyDescent="0.35">
      <c r="A8831" t="s">
        <v>22</v>
      </c>
      <c r="B8831" t="s">
        <v>55</v>
      </c>
      <c r="C8831" t="s">
        <v>117</v>
      </c>
      <c r="D8831" t="s">
        <v>118</v>
      </c>
      <c r="E8831">
        <v>2016</v>
      </c>
      <c r="F8831">
        <v>2016</v>
      </c>
      <c r="G8831" t="s">
        <v>125</v>
      </c>
      <c r="H8831" t="s">
        <v>122</v>
      </c>
      <c r="I8831" t="s">
        <v>15</v>
      </c>
      <c r="J8831" s="10">
        <v>16.11564924</v>
      </c>
    </row>
    <row r="8832" spans="1:10" x14ac:dyDescent="0.35">
      <c r="A8832" t="s">
        <v>22</v>
      </c>
      <c r="B8832" t="s">
        <v>55</v>
      </c>
      <c r="C8832" t="s">
        <v>117</v>
      </c>
      <c r="D8832" t="s">
        <v>118</v>
      </c>
      <c r="E8832">
        <v>2016</v>
      </c>
      <c r="F8832">
        <v>2016</v>
      </c>
      <c r="G8832" t="s">
        <v>125</v>
      </c>
      <c r="H8832" t="s">
        <v>123</v>
      </c>
      <c r="I8832" t="s">
        <v>15</v>
      </c>
      <c r="J8832" s="10">
        <v>11.89991496</v>
      </c>
    </row>
    <row r="8833" spans="1:10" x14ac:dyDescent="0.35">
      <c r="A8833" t="s">
        <v>22</v>
      </c>
      <c r="B8833" t="s">
        <v>55</v>
      </c>
      <c r="C8833" t="s">
        <v>117</v>
      </c>
      <c r="D8833" t="s">
        <v>118</v>
      </c>
      <c r="E8833">
        <v>2016</v>
      </c>
      <c r="F8833">
        <v>2016</v>
      </c>
      <c r="G8833" t="s">
        <v>125</v>
      </c>
      <c r="H8833" t="s">
        <v>124</v>
      </c>
      <c r="I8833" t="s">
        <v>15</v>
      </c>
      <c r="J8833" s="10">
        <v>1.749684335</v>
      </c>
    </row>
    <row r="8834" spans="1:10" x14ac:dyDescent="0.35">
      <c r="A8834" t="s">
        <v>22</v>
      </c>
      <c r="B8834" t="s">
        <v>55</v>
      </c>
      <c r="C8834" t="s">
        <v>117</v>
      </c>
      <c r="D8834" t="s">
        <v>118</v>
      </c>
      <c r="E8834">
        <v>2016</v>
      </c>
      <c r="F8834">
        <v>2016</v>
      </c>
      <c r="G8834" t="s">
        <v>126</v>
      </c>
      <c r="H8834" t="s">
        <v>119</v>
      </c>
      <c r="I8834" t="s">
        <v>15</v>
      </c>
      <c r="J8834" s="10">
        <v>13.001096329999999</v>
      </c>
    </row>
    <row r="8835" spans="1:10" x14ac:dyDescent="0.35">
      <c r="A8835" t="s">
        <v>22</v>
      </c>
      <c r="B8835" t="s">
        <v>55</v>
      </c>
      <c r="C8835" t="s">
        <v>117</v>
      </c>
      <c r="D8835" t="s">
        <v>118</v>
      </c>
      <c r="E8835">
        <v>2016</v>
      </c>
      <c r="F8835">
        <v>2016</v>
      </c>
      <c r="G8835" t="s">
        <v>126</v>
      </c>
      <c r="H8835" t="s">
        <v>120</v>
      </c>
      <c r="I8835" t="s">
        <v>15</v>
      </c>
      <c r="J8835" s="10">
        <v>17.143333810000001</v>
      </c>
    </row>
    <row r="8836" spans="1:10" x14ac:dyDescent="0.35">
      <c r="A8836" t="s">
        <v>22</v>
      </c>
      <c r="B8836" t="s">
        <v>55</v>
      </c>
      <c r="C8836" t="s">
        <v>117</v>
      </c>
      <c r="D8836" t="s">
        <v>118</v>
      </c>
      <c r="E8836">
        <v>2016</v>
      </c>
      <c r="F8836">
        <v>2016</v>
      </c>
      <c r="G8836" t="s">
        <v>126</v>
      </c>
      <c r="H8836" t="s">
        <v>121</v>
      </c>
      <c r="I8836" t="s">
        <v>15</v>
      </c>
      <c r="J8836" s="10">
        <v>36.312502979999998</v>
      </c>
    </row>
    <row r="8837" spans="1:10" x14ac:dyDescent="0.35">
      <c r="A8837" t="s">
        <v>22</v>
      </c>
      <c r="B8837" t="s">
        <v>55</v>
      </c>
      <c r="C8837" t="s">
        <v>117</v>
      </c>
      <c r="D8837" t="s">
        <v>118</v>
      </c>
      <c r="E8837">
        <v>2016</v>
      </c>
      <c r="F8837">
        <v>2016</v>
      </c>
      <c r="G8837" t="s">
        <v>126</v>
      </c>
      <c r="H8837" t="s">
        <v>122</v>
      </c>
      <c r="I8837" t="s">
        <v>15</v>
      </c>
      <c r="J8837" s="10">
        <v>15.57271557</v>
      </c>
    </row>
    <row r="8838" spans="1:10" x14ac:dyDescent="0.35">
      <c r="A8838" t="s">
        <v>22</v>
      </c>
      <c r="B8838" t="s">
        <v>55</v>
      </c>
      <c r="C8838" t="s">
        <v>117</v>
      </c>
      <c r="D8838" t="s">
        <v>118</v>
      </c>
      <c r="E8838">
        <v>2016</v>
      </c>
      <c r="F8838">
        <v>2016</v>
      </c>
      <c r="G8838" t="s">
        <v>126</v>
      </c>
      <c r="H8838" t="s">
        <v>123</v>
      </c>
      <c r="I8838" t="s">
        <v>15</v>
      </c>
      <c r="J8838" s="10">
        <v>14.13556414</v>
      </c>
    </row>
    <row r="8839" spans="1:10" x14ac:dyDescent="0.35">
      <c r="A8839" t="s">
        <v>22</v>
      </c>
      <c r="B8839" t="s">
        <v>55</v>
      </c>
      <c r="C8839" t="s">
        <v>117</v>
      </c>
      <c r="D8839" t="s">
        <v>118</v>
      </c>
      <c r="E8839">
        <v>2016</v>
      </c>
      <c r="F8839">
        <v>2016</v>
      </c>
      <c r="G8839" t="s">
        <v>126</v>
      </c>
      <c r="H8839" t="s">
        <v>124</v>
      </c>
      <c r="I8839" t="s">
        <v>15</v>
      </c>
      <c r="J8839" s="10">
        <v>3.8347871680000001</v>
      </c>
    </row>
    <row r="8840" spans="1:10" x14ac:dyDescent="0.35">
      <c r="A8840" t="s">
        <v>22</v>
      </c>
      <c r="B8840" t="s">
        <v>55</v>
      </c>
      <c r="C8840" t="s">
        <v>117</v>
      </c>
      <c r="D8840" t="s">
        <v>118</v>
      </c>
      <c r="E8840">
        <v>2015</v>
      </c>
      <c r="F8840">
        <v>2015</v>
      </c>
      <c r="G8840" t="s">
        <v>14</v>
      </c>
      <c r="H8840" t="s">
        <v>119</v>
      </c>
      <c r="I8840" t="s">
        <v>15</v>
      </c>
      <c r="J8840" s="10">
        <v>14.02519436</v>
      </c>
    </row>
    <row r="8841" spans="1:10" x14ac:dyDescent="0.35">
      <c r="A8841" t="s">
        <v>22</v>
      </c>
      <c r="B8841" t="s">
        <v>55</v>
      </c>
      <c r="C8841" t="s">
        <v>117</v>
      </c>
      <c r="D8841" t="s">
        <v>118</v>
      </c>
      <c r="E8841">
        <v>2015</v>
      </c>
      <c r="F8841">
        <v>2015</v>
      </c>
      <c r="G8841" t="s">
        <v>14</v>
      </c>
      <c r="H8841" t="s">
        <v>120</v>
      </c>
      <c r="I8841" t="s">
        <v>15</v>
      </c>
      <c r="J8841" s="10">
        <v>16.8586177</v>
      </c>
    </row>
    <row r="8842" spans="1:10" x14ac:dyDescent="0.35">
      <c r="A8842" t="s">
        <v>22</v>
      </c>
      <c r="B8842" t="s">
        <v>55</v>
      </c>
      <c r="C8842" t="s">
        <v>117</v>
      </c>
      <c r="D8842" t="s">
        <v>118</v>
      </c>
      <c r="E8842">
        <v>2015</v>
      </c>
      <c r="F8842">
        <v>2015</v>
      </c>
      <c r="G8842" t="s">
        <v>14</v>
      </c>
      <c r="H8842" t="s">
        <v>121</v>
      </c>
      <c r="I8842" t="s">
        <v>15</v>
      </c>
      <c r="J8842" s="10">
        <v>37.356978689999998</v>
      </c>
    </row>
    <row r="8843" spans="1:10" x14ac:dyDescent="0.35">
      <c r="A8843" t="s">
        <v>22</v>
      </c>
      <c r="B8843" t="s">
        <v>55</v>
      </c>
      <c r="C8843" t="s">
        <v>117</v>
      </c>
      <c r="D8843" t="s">
        <v>118</v>
      </c>
      <c r="E8843">
        <v>2015</v>
      </c>
      <c r="F8843">
        <v>2015</v>
      </c>
      <c r="G8843" t="s">
        <v>14</v>
      </c>
      <c r="H8843" t="s">
        <v>122</v>
      </c>
      <c r="I8843" t="s">
        <v>15</v>
      </c>
      <c r="J8843" s="10">
        <v>15.95182176</v>
      </c>
    </row>
    <row r="8844" spans="1:10" x14ac:dyDescent="0.35">
      <c r="A8844" t="s">
        <v>22</v>
      </c>
      <c r="B8844" t="s">
        <v>55</v>
      </c>
      <c r="C8844" t="s">
        <v>117</v>
      </c>
      <c r="D8844" t="s">
        <v>118</v>
      </c>
      <c r="E8844">
        <v>2015</v>
      </c>
      <c r="F8844">
        <v>2015</v>
      </c>
      <c r="G8844" t="s">
        <v>14</v>
      </c>
      <c r="H8844" t="s">
        <v>123</v>
      </c>
      <c r="I8844" t="s">
        <v>15</v>
      </c>
      <c r="J8844" s="10">
        <v>12.95889275</v>
      </c>
    </row>
    <row r="8845" spans="1:10" x14ac:dyDescent="0.35">
      <c r="A8845" t="s">
        <v>22</v>
      </c>
      <c r="B8845" t="s">
        <v>55</v>
      </c>
      <c r="C8845" t="s">
        <v>117</v>
      </c>
      <c r="D8845" t="s">
        <v>118</v>
      </c>
      <c r="E8845">
        <v>2015</v>
      </c>
      <c r="F8845">
        <v>2015</v>
      </c>
      <c r="G8845" t="s">
        <v>14</v>
      </c>
      <c r="H8845" t="s">
        <v>124</v>
      </c>
      <c r="I8845" t="s">
        <v>15</v>
      </c>
      <c r="J8845" s="10">
        <v>2.8484947439999999</v>
      </c>
    </row>
    <row r="8846" spans="1:10" x14ac:dyDescent="0.35">
      <c r="A8846" t="s">
        <v>22</v>
      </c>
      <c r="B8846" t="s">
        <v>55</v>
      </c>
      <c r="C8846" t="s">
        <v>117</v>
      </c>
      <c r="D8846" t="s">
        <v>118</v>
      </c>
      <c r="E8846">
        <v>2015</v>
      </c>
      <c r="F8846">
        <v>2015</v>
      </c>
      <c r="G8846" t="s">
        <v>125</v>
      </c>
      <c r="H8846" t="s">
        <v>119</v>
      </c>
      <c r="I8846" t="s">
        <v>15</v>
      </c>
      <c r="J8846" s="10">
        <v>15.02300513</v>
      </c>
    </row>
    <row r="8847" spans="1:10" x14ac:dyDescent="0.35">
      <c r="A8847" t="s">
        <v>22</v>
      </c>
      <c r="B8847" t="s">
        <v>55</v>
      </c>
      <c r="C8847" t="s">
        <v>117</v>
      </c>
      <c r="D8847" t="s">
        <v>118</v>
      </c>
      <c r="E8847">
        <v>2015</v>
      </c>
      <c r="F8847">
        <v>2015</v>
      </c>
      <c r="G8847" t="s">
        <v>125</v>
      </c>
      <c r="H8847" t="s">
        <v>120</v>
      </c>
      <c r="I8847" t="s">
        <v>15</v>
      </c>
      <c r="J8847" s="10">
        <v>16.171946890000001</v>
      </c>
    </row>
    <row r="8848" spans="1:10" x14ac:dyDescent="0.35">
      <c r="A8848" t="s">
        <v>22</v>
      </c>
      <c r="B8848" t="s">
        <v>55</v>
      </c>
      <c r="C8848" t="s">
        <v>117</v>
      </c>
      <c r="D8848" t="s">
        <v>118</v>
      </c>
      <c r="E8848">
        <v>2015</v>
      </c>
      <c r="F8848">
        <v>2015</v>
      </c>
      <c r="G8848" t="s">
        <v>125</v>
      </c>
      <c r="H8848" t="s">
        <v>121</v>
      </c>
      <c r="I8848" t="s">
        <v>15</v>
      </c>
      <c r="J8848" s="10">
        <v>39.082424080000003</v>
      </c>
    </row>
    <row r="8849" spans="1:10" x14ac:dyDescent="0.35">
      <c r="A8849" t="s">
        <v>22</v>
      </c>
      <c r="B8849" t="s">
        <v>55</v>
      </c>
      <c r="C8849" t="s">
        <v>117</v>
      </c>
      <c r="D8849" t="s">
        <v>118</v>
      </c>
      <c r="E8849">
        <v>2015</v>
      </c>
      <c r="F8849">
        <v>2015</v>
      </c>
      <c r="G8849" t="s">
        <v>125</v>
      </c>
      <c r="H8849" t="s">
        <v>122</v>
      </c>
      <c r="I8849" t="s">
        <v>15</v>
      </c>
      <c r="J8849" s="10">
        <v>16.18509268</v>
      </c>
    </row>
    <row r="8850" spans="1:10" x14ac:dyDescent="0.35">
      <c r="A8850" t="s">
        <v>22</v>
      </c>
      <c r="B8850" t="s">
        <v>55</v>
      </c>
      <c r="C8850" t="s">
        <v>117</v>
      </c>
      <c r="D8850" t="s">
        <v>118</v>
      </c>
      <c r="E8850">
        <v>2015</v>
      </c>
      <c r="F8850">
        <v>2015</v>
      </c>
      <c r="G8850" t="s">
        <v>125</v>
      </c>
      <c r="H8850" t="s">
        <v>123</v>
      </c>
      <c r="I8850" t="s">
        <v>15</v>
      </c>
      <c r="J8850" s="10">
        <v>11.8312081</v>
      </c>
    </row>
    <row r="8851" spans="1:10" x14ac:dyDescent="0.35">
      <c r="A8851" t="s">
        <v>22</v>
      </c>
      <c r="B8851" t="s">
        <v>55</v>
      </c>
      <c r="C8851" t="s">
        <v>117</v>
      </c>
      <c r="D8851" t="s">
        <v>118</v>
      </c>
      <c r="E8851">
        <v>2015</v>
      </c>
      <c r="F8851">
        <v>2015</v>
      </c>
      <c r="G8851" t="s">
        <v>125</v>
      </c>
      <c r="H8851" t="s">
        <v>124</v>
      </c>
      <c r="I8851" t="s">
        <v>15</v>
      </c>
      <c r="J8851" s="10">
        <v>1.706323123</v>
      </c>
    </row>
    <row r="8852" spans="1:10" x14ac:dyDescent="0.35">
      <c r="A8852" t="s">
        <v>22</v>
      </c>
      <c r="B8852" t="s">
        <v>55</v>
      </c>
      <c r="C8852" t="s">
        <v>117</v>
      </c>
      <c r="D8852" t="s">
        <v>118</v>
      </c>
      <c r="E8852">
        <v>2015</v>
      </c>
      <c r="F8852">
        <v>2015</v>
      </c>
      <c r="G8852" t="s">
        <v>126</v>
      </c>
      <c r="H8852" t="s">
        <v>119</v>
      </c>
      <c r="I8852" t="s">
        <v>15</v>
      </c>
      <c r="J8852" s="10">
        <v>13.11258597</v>
      </c>
    </row>
    <row r="8853" spans="1:10" x14ac:dyDescent="0.35">
      <c r="A8853" t="s">
        <v>22</v>
      </c>
      <c r="B8853" t="s">
        <v>55</v>
      </c>
      <c r="C8853" t="s">
        <v>117</v>
      </c>
      <c r="D8853" t="s">
        <v>118</v>
      </c>
      <c r="E8853">
        <v>2015</v>
      </c>
      <c r="F8853">
        <v>2015</v>
      </c>
      <c r="G8853" t="s">
        <v>126</v>
      </c>
      <c r="H8853" t="s">
        <v>120</v>
      </c>
      <c r="I8853" t="s">
        <v>15</v>
      </c>
      <c r="J8853" s="10">
        <v>17.486654160000001</v>
      </c>
    </row>
    <row r="8854" spans="1:10" x14ac:dyDescent="0.35">
      <c r="A8854" t="s">
        <v>22</v>
      </c>
      <c r="B8854" t="s">
        <v>55</v>
      </c>
      <c r="C8854" t="s">
        <v>117</v>
      </c>
      <c r="D8854" t="s">
        <v>118</v>
      </c>
      <c r="E8854">
        <v>2015</v>
      </c>
      <c r="F8854">
        <v>2015</v>
      </c>
      <c r="G8854" t="s">
        <v>126</v>
      </c>
      <c r="H8854" t="s">
        <v>121</v>
      </c>
      <c r="I8854" t="s">
        <v>15</v>
      </c>
      <c r="J8854" s="10">
        <v>35.778867890000001</v>
      </c>
    </row>
    <row r="8855" spans="1:10" x14ac:dyDescent="0.35">
      <c r="A8855" t="s">
        <v>22</v>
      </c>
      <c r="B8855" t="s">
        <v>55</v>
      </c>
      <c r="C8855" t="s">
        <v>117</v>
      </c>
      <c r="D8855" t="s">
        <v>118</v>
      </c>
      <c r="E8855">
        <v>2015</v>
      </c>
      <c r="F8855">
        <v>2015</v>
      </c>
      <c r="G8855" t="s">
        <v>126</v>
      </c>
      <c r="H8855" t="s">
        <v>122</v>
      </c>
      <c r="I8855" t="s">
        <v>15</v>
      </c>
      <c r="J8855" s="10">
        <v>15.73846968</v>
      </c>
    </row>
    <row r="8856" spans="1:10" x14ac:dyDescent="0.35">
      <c r="A8856" t="s">
        <v>22</v>
      </c>
      <c r="B8856" t="s">
        <v>55</v>
      </c>
      <c r="C8856" t="s">
        <v>117</v>
      </c>
      <c r="D8856" t="s">
        <v>118</v>
      </c>
      <c r="E8856">
        <v>2015</v>
      </c>
      <c r="F8856">
        <v>2015</v>
      </c>
      <c r="G8856" t="s">
        <v>126</v>
      </c>
      <c r="H8856" t="s">
        <v>123</v>
      </c>
      <c r="I8856" t="s">
        <v>15</v>
      </c>
      <c r="J8856" s="10">
        <v>13.99028519</v>
      </c>
    </row>
    <row r="8857" spans="1:10" x14ac:dyDescent="0.35">
      <c r="A8857" t="s">
        <v>22</v>
      </c>
      <c r="B8857" t="s">
        <v>55</v>
      </c>
      <c r="C8857" t="s">
        <v>117</v>
      </c>
      <c r="D8857" t="s">
        <v>118</v>
      </c>
      <c r="E8857">
        <v>2015</v>
      </c>
      <c r="F8857">
        <v>2015</v>
      </c>
      <c r="G8857" t="s">
        <v>126</v>
      </c>
      <c r="H8857" t="s">
        <v>124</v>
      </c>
      <c r="I8857" t="s">
        <v>15</v>
      </c>
      <c r="J8857" s="10">
        <v>3.8931371129999999</v>
      </c>
    </row>
    <row r="8858" spans="1:10" x14ac:dyDescent="0.35">
      <c r="A8858" t="s">
        <v>22</v>
      </c>
      <c r="B8858" t="s">
        <v>55</v>
      </c>
      <c r="C8858" t="s">
        <v>117</v>
      </c>
      <c r="D8858" t="s">
        <v>118</v>
      </c>
      <c r="E8858">
        <v>2014</v>
      </c>
      <c r="F8858">
        <v>2014</v>
      </c>
      <c r="G8858" t="s">
        <v>14</v>
      </c>
      <c r="H8858" t="s">
        <v>119</v>
      </c>
      <c r="I8858" t="s">
        <v>15</v>
      </c>
      <c r="J8858" s="10">
        <v>13.96189558</v>
      </c>
    </row>
    <row r="8859" spans="1:10" x14ac:dyDescent="0.35">
      <c r="A8859" t="s">
        <v>22</v>
      </c>
      <c r="B8859" t="s">
        <v>55</v>
      </c>
      <c r="C8859" t="s">
        <v>117</v>
      </c>
      <c r="D8859" t="s">
        <v>118</v>
      </c>
      <c r="E8859">
        <v>2014</v>
      </c>
      <c r="F8859">
        <v>2014</v>
      </c>
      <c r="G8859" t="s">
        <v>14</v>
      </c>
      <c r="H8859" t="s">
        <v>120</v>
      </c>
      <c r="I8859" t="s">
        <v>15</v>
      </c>
      <c r="J8859" s="10">
        <v>17.43365975</v>
      </c>
    </row>
    <row r="8860" spans="1:10" x14ac:dyDescent="0.35">
      <c r="A8860" t="s">
        <v>22</v>
      </c>
      <c r="B8860" t="s">
        <v>55</v>
      </c>
      <c r="C8860" t="s">
        <v>117</v>
      </c>
      <c r="D8860" t="s">
        <v>118</v>
      </c>
      <c r="E8860">
        <v>2014</v>
      </c>
      <c r="F8860">
        <v>2014</v>
      </c>
      <c r="G8860" t="s">
        <v>14</v>
      </c>
      <c r="H8860" t="s">
        <v>121</v>
      </c>
      <c r="I8860" t="s">
        <v>15</v>
      </c>
      <c r="J8860" s="10">
        <v>36.920949819999997</v>
      </c>
    </row>
    <row r="8861" spans="1:10" x14ac:dyDescent="0.35">
      <c r="A8861" t="s">
        <v>22</v>
      </c>
      <c r="B8861" t="s">
        <v>55</v>
      </c>
      <c r="C8861" t="s">
        <v>117</v>
      </c>
      <c r="D8861" t="s">
        <v>118</v>
      </c>
      <c r="E8861">
        <v>2014</v>
      </c>
      <c r="F8861">
        <v>2014</v>
      </c>
      <c r="G8861" t="s">
        <v>14</v>
      </c>
      <c r="H8861" t="s">
        <v>122</v>
      </c>
      <c r="I8861" t="s">
        <v>15</v>
      </c>
      <c r="J8861" s="10">
        <v>16.07768025</v>
      </c>
    </row>
    <row r="8862" spans="1:10" x14ac:dyDescent="0.35">
      <c r="A8862" t="s">
        <v>22</v>
      </c>
      <c r="B8862" t="s">
        <v>55</v>
      </c>
      <c r="C8862" t="s">
        <v>117</v>
      </c>
      <c r="D8862" t="s">
        <v>118</v>
      </c>
      <c r="E8862">
        <v>2014</v>
      </c>
      <c r="F8862">
        <v>2014</v>
      </c>
      <c r="G8862" t="s">
        <v>14</v>
      </c>
      <c r="H8862" t="s">
        <v>123</v>
      </c>
      <c r="I8862" t="s">
        <v>15</v>
      </c>
      <c r="J8862" s="10">
        <v>12.712466389999999</v>
      </c>
    </row>
    <row r="8863" spans="1:10" x14ac:dyDescent="0.35">
      <c r="A8863" t="s">
        <v>22</v>
      </c>
      <c r="B8863" t="s">
        <v>55</v>
      </c>
      <c r="C8863" t="s">
        <v>117</v>
      </c>
      <c r="D8863" t="s">
        <v>118</v>
      </c>
      <c r="E8863">
        <v>2014</v>
      </c>
      <c r="F8863">
        <v>2014</v>
      </c>
      <c r="G8863" t="s">
        <v>14</v>
      </c>
      <c r="H8863" t="s">
        <v>124</v>
      </c>
      <c r="I8863" t="s">
        <v>15</v>
      </c>
      <c r="J8863" s="10">
        <v>2.8933482169999998</v>
      </c>
    </row>
    <row r="8864" spans="1:10" x14ac:dyDescent="0.35">
      <c r="A8864" t="s">
        <v>22</v>
      </c>
      <c r="B8864" t="s">
        <v>55</v>
      </c>
      <c r="C8864" t="s">
        <v>117</v>
      </c>
      <c r="D8864" t="s">
        <v>118</v>
      </c>
      <c r="E8864">
        <v>2014</v>
      </c>
      <c r="F8864">
        <v>2014</v>
      </c>
      <c r="G8864" t="s">
        <v>125</v>
      </c>
      <c r="H8864" t="s">
        <v>119</v>
      </c>
      <c r="I8864" t="s">
        <v>15</v>
      </c>
      <c r="J8864" s="10">
        <v>14.85904255</v>
      </c>
    </row>
    <row r="8865" spans="1:10" x14ac:dyDescent="0.35">
      <c r="A8865" t="s">
        <v>22</v>
      </c>
      <c r="B8865" t="s">
        <v>55</v>
      </c>
      <c r="C8865" t="s">
        <v>117</v>
      </c>
      <c r="D8865" t="s">
        <v>118</v>
      </c>
      <c r="E8865">
        <v>2014</v>
      </c>
      <c r="F8865">
        <v>2014</v>
      </c>
      <c r="G8865" t="s">
        <v>125</v>
      </c>
      <c r="H8865" t="s">
        <v>120</v>
      </c>
      <c r="I8865" t="s">
        <v>15</v>
      </c>
      <c r="J8865" s="10">
        <v>16.91755319</v>
      </c>
    </row>
    <row r="8866" spans="1:10" x14ac:dyDescent="0.35">
      <c r="A8866" t="s">
        <v>22</v>
      </c>
      <c r="B8866" t="s">
        <v>55</v>
      </c>
      <c r="C8866" t="s">
        <v>117</v>
      </c>
      <c r="D8866" t="s">
        <v>118</v>
      </c>
      <c r="E8866">
        <v>2014</v>
      </c>
      <c r="F8866">
        <v>2014</v>
      </c>
      <c r="G8866" t="s">
        <v>125</v>
      </c>
      <c r="H8866" t="s">
        <v>121</v>
      </c>
      <c r="I8866" t="s">
        <v>15</v>
      </c>
      <c r="J8866" s="10">
        <v>38.595744680000003</v>
      </c>
    </row>
    <row r="8867" spans="1:10" x14ac:dyDescent="0.35">
      <c r="A8867" t="s">
        <v>22</v>
      </c>
      <c r="B8867" t="s">
        <v>55</v>
      </c>
      <c r="C8867" t="s">
        <v>117</v>
      </c>
      <c r="D8867" t="s">
        <v>118</v>
      </c>
      <c r="E8867">
        <v>2014</v>
      </c>
      <c r="F8867">
        <v>2014</v>
      </c>
      <c r="G8867" t="s">
        <v>125</v>
      </c>
      <c r="H8867" t="s">
        <v>122</v>
      </c>
      <c r="I8867" t="s">
        <v>15</v>
      </c>
      <c r="J8867" s="10">
        <v>16.369680850000002</v>
      </c>
    </row>
    <row r="8868" spans="1:10" x14ac:dyDescent="0.35">
      <c r="A8868" t="s">
        <v>22</v>
      </c>
      <c r="B8868" t="s">
        <v>55</v>
      </c>
      <c r="C8868" t="s">
        <v>117</v>
      </c>
      <c r="D8868" t="s">
        <v>118</v>
      </c>
      <c r="E8868">
        <v>2014</v>
      </c>
      <c r="F8868">
        <v>2014</v>
      </c>
      <c r="G8868" t="s">
        <v>125</v>
      </c>
      <c r="H8868" t="s">
        <v>123</v>
      </c>
      <c r="I8868" t="s">
        <v>15</v>
      </c>
      <c r="J8868" s="10">
        <v>11.5212766</v>
      </c>
    </row>
    <row r="8869" spans="1:10" x14ac:dyDescent="0.35">
      <c r="A8869" t="s">
        <v>22</v>
      </c>
      <c r="B8869" t="s">
        <v>55</v>
      </c>
      <c r="C8869" t="s">
        <v>117</v>
      </c>
      <c r="D8869" t="s">
        <v>118</v>
      </c>
      <c r="E8869">
        <v>2014</v>
      </c>
      <c r="F8869">
        <v>2014</v>
      </c>
      <c r="G8869" t="s">
        <v>125</v>
      </c>
      <c r="H8869" t="s">
        <v>124</v>
      </c>
      <c r="I8869" t="s">
        <v>15</v>
      </c>
      <c r="J8869" s="10">
        <v>1.7367021279999999</v>
      </c>
    </row>
    <row r="8870" spans="1:10" x14ac:dyDescent="0.35">
      <c r="A8870" t="s">
        <v>22</v>
      </c>
      <c r="B8870" t="s">
        <v>55</v>
      </c>
      <c r="C8870" t="s">
        <v>117</v>
      </c>
      <c r="D8870" t="s">
        <v>118</v>
      </c>
      <c r="E8870">
        <v>2014</v>
      </c>
      <c r="F8870">
        <v>2014</v>
      </c>
      <c r="G8870" t="s">
        <v>126</v>
      </c>
      <c r="H8870" t="s">
        <v>119</v>
      </c>
      <c r="I8870" t="s">
        <v>15</v>
      </c>
      <c r="J8870" s="10">
        <v>13.143854879999999</v>
      </c>
    </row>
    <row r="8871" spans="1:10" x14ac:dyDescent="0.35">
      <c r="A8871" t="s">
        <v>22</v>
      </c>
      <c r="B8871" t="s">
        <v>55</v>
      </c>
      <c r="C8871" t="s">
        <v>117</v>
      </c>
      <c r="D8871" t="s">
        <v>118</v>
      </c>
      <c r="E8871">
        <v>2014</v>
      </c>
      <c r="F8871">
        <v>2014</v>
      </c>
      <c r="G8871" t="s">
        <v>126</v>
      </c>
      <c r="H8871" t="s">
        <v>120</v>
      </c>
      <c r="I8871" t="s">
        <v>15</v>
      </c>
      <c r="J8871" s="10">
        <v>17.904258410000001</v>
      </c>
    </row>
    <row r="8872" spans="1:10" x14ac:dyDescent="0.35">
      <c r="A8872" t="s">
        <v>22</v>
      </c>
      <c r="B8872" t="s">
        <v>55</v>
      </c>
      <c r="C8872" t="s">
        <v>117</v>
      </c>
      <c r="D8872" t="s">
        <v>118</v>
      </c>
      <c r="E8872">
        <v>2014</v>
      </c>
      <c r="F8872">
        <v>2014</v>
      </c>
      <c r="G8872" t="s">
        <v>126</v>
      </c>
      <c r="H8872" t="s">
        <v>121</v>
      </c>
      <c r="I8872" t="s">
        <v>15</v>
      </c>
      <c r="J8872" s="10">
        <v>35.393830629999997</v>
      </c>
    </row>
    <row r="8873" spans="1:10" x14ac:dyDescent="0.35">
      <c r="A8873" t="s">
        <v>22</v>
      </c>
      <c r="B8873" t="s">
        <v>55</v>
      </c>
      <c r="C8873" t="s">
        <v>117</v>
      </c>
      <c r="D8873" t="s">
        <v>118</v>
      </c>
      <c r="E8873">
        <v>2014</v>
      </c>
      <c r="F8873">
        <v>2014</v>
      </c>
      <c r="G8873" t="s">
        <v>126</v>
      </c>
      <c r="H8873" t="s">
        <v>122</v>
      </c>
      <c r="I8873" t="s">
        <v>15</v>
      </c>
      <c r="J8873" s="10">
        <v>15.81142691</v>
      </c>
    </row>
    <row r="8874" spans="1:10" x14ac:dyDescent="0.35">
      <c r="A8874" t="s">
        <v>22</v>
      </c>
      <c r="B8874" t="s">
        <v>55</v>
      </c>
      <c r="C8874" t="s">
        <v>117</v>
      </c>
      <c r="D8874" t="s">
        <v>118</v>
      </c>
      <c r="E8874">
        <v>2014</v>
      </c>
      <c r="F8874">
        <v>2014</v>
      </c>
      <c r="G8874" t="s">
        <v>126</v>
      </c>
      <c r="H8874" t="s">
        <v>123</v>
      </c>
      <c r="I8874" t="s">
        <v>15</v>
      </c>
      <c r="J8874" s="10">
        <v>13.79862256</v>
      </c>
    </row>
    <row r="8875" spans="1:10" x14ac:dyDescent="0.35">
      <c r="A8875" t="s">
        <v>22</v>
      </c>
      <c r="B8875" t="s">
        <v>55</v>
      </c>
      <c r="C8875" t="s">
        <v>117</v>
      </c>
      <c r="D8875" t="s">
        <v>118</v>
      </c>
      <c r="E8875">
        <v>2014</v>
      </c>
      <c r="F8875">
        <v>2014</v>
      </c>
      <c r="G8875" t="s">
        <v>126</v>
      </c>
      <c r="H8875" t="s">
        <v>124</v>
      </c>
      <c r="I8875" t="s">
        <v>15</v>
      </c>
      <c r="J8875" s="10">
        <v>3.9480065959999999</v>
      </c>
    </row>
    <row r="8876" spans="1:10" x14ac:dyDescent="0.35">
      <c r="A8876" t="s">
        <v>22</v>
      </c>
      <c r="B8876" t="s">
        <v>55</v>
      </c>
      <c r="C8876" t="s">
        <v>117</v>
      </c>
      <c r="D8876" t="s">
        <v>118</v>
      </c>
      <c r="E8876">
        <v>2013</v>
      </c>
      <c r="F8876">
        <v>2013</v>
      </c>
      <c r="G8876" t="s">
        <v>14</v>
      </c>
      <c r="H8876" t="s">
        <v>119</v>
      </c>
      <c r="I8876" t="s">
        <v>15</v>
      </c>
      <c r="J8876" s="10">
        <v>13.812296079999999</v>
      </c>
    </row>
    <row r="8877" spans="1:10" x14ac:dyDescent="0.35">
      <c r="A8877" t="s">
        <v>22</v>
      </c>
      <c r="B8877" t="s">
        <v>55</v>
      </c>
      <c r="C8877" t="s">
        <v>117</v>
      </c>
      <c r="D8877" t="s">
        <v>118</v>
      </c>
      <c r="E8877">
        <v>2013</v>
      </c>
      <c r="F8877">
        <v>2013</v>
      </c>
      <c r="G8877" t="s">
        <v>14</v>
      </c>
      <c r="H8877" t="s">
        <v>120</v>
      </c>
      <c r="I8877" t="s">
        <v>15</v>
      </c>
      <c r="J8877" s="10">
        <v>17.764698360000001</v>
      </c>
    </row>
    <row r="8878" spans="1:10" x14ac:dyDescent="0.35">
      <c r="A8878" t="s">
        <v>22</v>
      </c>
      <c r="B8878" t="s">
        <v>55</v>
      </c>
      <c r="C8878" t="s">
        <v>117</v>
      </c>
      <c r="D8878" t="s">
        <v>118</v>
      </c>
      <c r="E8878">
        <v>2013</v>
      </c>
      <c r="F8878">
        <v>2013</v>
      </c>
      <c r="G8878" t="s">
        <v>14</v>
      </c>
      <c r="H8878" t="s">
        <v>121</v>
      </c>
      <c r="I8878" t="s">
        <v>15</v>
      </c>
      <c r="J8878" s="10">
        <v>36.734693880000002</v>
      </c>
    </row>
    <row r="8879" spans="1:10" x14ac:dyDescent="0.35">
      <c r="A8879" t="s">
        <v>22</v>
      </c>
      <c r="B8879" t="s">
        <v>55</v>
      </c>
      <c r="C8879" t="s">
        <v>117</v>
      </c>
      <c r="D8879" t="s">
        <v>118</v>
      </c>
      <c r="E8879">
        <v>2013</v>
      </c>
      <c r="F8879">
        <v>2013</v>
      </c>
      <c r="G8879" t="s">
        <v>14</v>
      </c>
      <c r="H8879" t="s">
        <v>122</v>
      </c>
      <c r="I8879" t="s">
        <v>15</v>
      </c>
      <c r="J8879" s="10">
        <v>16.253598620000002</v>
      </c>
    </row>
    <row r="8880" spans="1:10" x14ac:dyDescent="0.35">
      <c r="A8880" t="s">
        <v>22</v>
      </c>
      <c r="B8880" t="s">
        <v>55</v>
      </c>
      <c r="C8880" t="s">
        <v>117</v>
      </c>
      <c r="D8880" t="s">
        <v>118</v>
      </c>
      <c r="E8880">
        <v>2013</v>
      </c>
      <c r="F8880">
        <v>2013</v>
      </c>
      <c r="G8880" t="s">
        <v>14</v>
      </c>
      <c r="H8880" t="s">
        <v>123</v>
      </c>
      <c r="I8880" t="s">
        <v>15</v>
      </c>
      <c r="J8880" s="10">
        <v>12.52127183</v>
      </c>
    </row>
    <row r="8881" spans="1:10" x14ac:dyDescent="0.35">
      <c r="A8881" t="s">
        <v>22</v>
      </c>
      <c r="B8881" t="s">
        <v>55</v>
      </c>
      <c r="C8881" t="s">
        <v>117</v>
      </c>
      <c r="D8881" t="s">
        <v>118</v>
      </c>
      <c r="E8881">
        <v>2013</v>
      </c>
      <c r="F8881">
        <v>2013</v>
      </c>
      <c r="G8881" t="s">
        <v>14</v>
      </c>
      <c r="H8881" t="s">
        <v>124</v>
      </c>
      <c r="I8881" t="s">
        <v>15</v>
      </c>
      <c r="J8881" s="10">
        <v>2.913441239</v>
      </c>
    </row>
    <row r="8882" spans="1:10" x14ac:dyDescent="0.35">
      <c r="A8882" t="s">
        <v>22</v>
      </c>
      <c r="B8882" t="s">
        <v>55</v>
      </c>
      <c r="C8882" t="s">
        <v>117</v>
      </c>
      <c r="D8882" t="s">
        <v>118</v>
      </c>
      <c r="E8882">
        <v>2013</v>
      </c>
      <c r="F8882">
        <v>2013</v>
      </c>
      <c r="G8882" t="s">
        <v>125</v>
      </c>
      <c r="H8882" t="s">
        <v>119</v>
      </c>
      <c r="I8882" t="s">
        <v>15</v>
      </c>
      <c r="J8882" s="10">
        <v>14.54860648</v>
      </c>
    </row>
    <row r="8883" spans="1:10" x14ac:dyDescent="0.35">
      <c r="A8883" t="s">
        <v>22</v>
      </c>
      <c r="B8883" t="s">
        <v>55</v>
      </c>
      <c r="C8883" t="s">
        <v>117</v>
      </c>
      <c r="D8883" t="s">
        <v>118</v>
      </c>
      <c r="E8883">
        <v>2013</v>
      </c>
      <c r="F8883">
        <v>2013</v>
      </c>
      <c r="G8883" t="s">
        <v>125</v>
      </c>
      <c r="H8883" t="s">
        <v>120</v>
      </c>
      <c r="I8883" t="s">
        <v>15</v>
      </c>
      <c r="J8883" s="10">
        <v>17.71169489</v>
      </c>
    </row>
    <row r="8884" spans="1:10" x14ac:dyDescent="0.35">
      <c r="A8884" t="s">
        <v>22</v>
      </c>
      <c r="B8884" t="s">
        <v>55</v>
      </c>
      <c r="C8884" t="s">
        <v>117</v>
      </c>
      <c r="D8884" t="s">
        <v>118</v>
      </c>
      <c r="E8884">
        <v>2013</v>
      </c>
      <c r="F8884">
        <v>2013</v>
      </c>
      <c r="G8884" t="s">
        <v>125</v>
      </c>
      <c r="H8884" t="s">
        <v>121</v>
      </c>
      <c r="I8884" t="s">
        <v>15</v>
      </c>
      <c r="J8884" s="10">
        <v>38.389118549999999</v>
      </c>
    </row>
    <row r="8885" spans="1:10" x14ac:dyDescent="0.35">
      <c r="A8885" t="s">
        <v>22</v>
      </c>
      <c r="B8885" t="s">
        <v>55</v>
      </c>
      <c r="C8885" t="s">
        <v>117</v>
      </c>
      <c r="D8885" t="s">
        <v>118</v>
      </c>
      <c r="E8885">
        <v>2013</v>
      </c>
      <c r="F8885">
        <v>2013</v>
      </c>
      <c r="G8885" t="s">
        <v>125</v>
      </c>
      <c r="H8885" t="s">
        <v>122</v>
      </c>
      <c r="I8885" t="s">
        <v>15</v>
      </c>
      <c r="J8885" s="10">
        <v>16.444859309999998</v>
      </c>
    </row>
    <row r="8886" spans="1:10" x14ac:dyDescent="0.35">
      <c r="A8886" t="s">
        <v>22</v>
      </c>
      <c r="B8886" t="s">
        <v>55</v>
      </c>
      <c r="C8886" t="s">
        <v>117</v>
      </c>
      <c r="D8886" t="s">
        <v>118</v>
      </c>
      <c r="E8886">
        <v>2013</v>
      </c>
      <c r="F8886">
        <v>2013</v>
      </c>
      <c r="G8886" t="s">
        <v>125</v>
      </c>
      <c r="H8886" t="s">
        <v>123</v>
      </c>
      <c r="I8886" t="s">
        <v>15</v>
      </c>
      <c r="J8886" s="10">
        <v>11.156154150000001</v>
      </c>
    </row>
    <row r="8887" spans="1:10" x14ac:dyDescent="0.35">
      <c r="A8887" t="s">
        <v>22</v>
      </c>
      <c r="B8887" t="s">
        <v>55</v>
      </c>
      <c r="C8887" t="s">
        <v>117</v>
      </c>
      <c r="D8887" t="s">
        <v>118</v>
      </c>
      <c r="E8887">
        <v>2013</v>
      </c>
      <c r="F8887">
        <v>2013</v>
      </c>
      <c r="G8887" t="s">
        <v>125</v>
      </c>
      <c r="H8887" t="s">
        <v>124</v>
      </c>
      <c r="I8887" t="s">
        <v>15</v>
      </c>
      <c r="J8887" s="10">
        <v>1.7495666089999999</v>
      </c>
    </row>
    <row r="8888" spans="1:10" x14ac:dyDescent="0.35">
      <c r="A8888" t="s">
        <v>22</v>
      </c>
      <c r="B8888" t="s">
        <v>55</v>
      </c>
      <c r="C8888" t="s">
        <v>117</v>
      </c>
      <c r="D8888" t="s">
        <v>118</v>
      </c>
      <c r="E8888">
        <v>2013</v>
      </c>
      <c r="F8888">
        <v>2013</v>
      </c>
      <c r="G8888" t="s">
        <v>126</v>
      </c>
      <c r="H8888" t="s">
        <v>119</v>
      </c>
      <c r="I8888" t="s">
        <v>15</v>
      </c>
      <c r="J8888" s="10">
        <v>13.13330054</v>
      </c>
    </row>
    <row r="8889" spans="1:10" x14ac:dyDescent="0.35">
      <c r="A8889" t="s">
        <v>22</v>
      </c>
      <c r="B8889" t="s">
        <v>55</v>
      </c>
      <c r="C8889" t="s">
        <v>117</v>
      </c>
      <c r="D8889" t="s">
        <v>118</v>
      </c>
      <c r="E8889">
        <v>2013</v>
      </c>
      <c r="F8889">
        <v>2013</v>
      </c>
      <c r="G8889" t="s">
        <v>126</v>
      </c>
      <c r="H8889" t="s">
        <v>120</v>
      </c>
      <c r="I8889" t="s">
        <v>15</v>
      </c>
      <c r="J8889" s="10">
        <v>17.813576000000001</v>
      </c>
    </row>
    <row r="8890" spans="1:10" x14ac:dyDescent="0.35">
      <c r="A8890" t="s">
        <v>22</v>
      </c>
      <c r="B8890" t="s">
        <v>55</v>
      </c>
      <c r="C8890" t="s">
        <v>117</v>
      </c>
      <c r="D8890" t="s">
        <v>118</v>
      </c>
      <c r="E8890">
        <v>2013</v>
      </c>
      <c r="F8890">
        <v>2013</v>
      </c>
      <c r="G8890" t="s">
        <v>126</v>
      </c>
      <c r="H8890" t="s">
        <v>121</v>
      </c>
      <c r="I8890" t="s">
        <v>15</v>
      </c>
      <c r="J8890" s="10">
        <v>35.209050660000003</v>
      </c>
    </row>
    <row r="8891" spans="1:10" x14ac:dyDescent="0.35">
      <c r="A8891" t="s">
        <v>22</v>
      </c>
      <c r="B8891" t="s">
        <v>55</v>
      </c>
      <c r="C8891" t="s">
        <v>117</v>
      </c>
      <c r="D8891" t="s">
        <v>118</v>
      </c>
      <c r="E8891">
        <v>2013</v>
      </c>
      <c r="F8891">
        <v>2013</v>
      </c>
      <c r="G8891" t="s">
        <v>126</v>
      </c>
      <c r="H8891" t="s">
        <v>122</v>
      </c>
      <c r="I8891" t="s">
        <v>15</v>
      </c>
      <c r="J8891" s="10">
        <v>16.077225769999998</v>
      </c>
    </row>
    <row r="8892" spans="1:10" x14ac:dyDescent="0.35">
      <c r="A8892" t="s">
        <v>22</v>
      </c>
      <c r="B8892" t="s">
        <v>55</v>
      </c>
      <c r="C8892" t="s">
        <v>117</v>
      </c>
      <c r="D8892" t="s">
        <v>118</v>
      </c>
      <c r="E8892">
        <v>2013</v>
      </c>
      <c r="F8892">
        <v>2013</v>
      </c>
      <c r="G8892" t="s">
        <v>126</v>
      </c>
      <c r="H8892" t="s">
        <v>123</v>
      </c>
      <c r="I8892" t="s">
        <v>15</v>
      </c>
      <c r="J8892" s="10">
        <v>13.780127889999999</v>
      </c>
    </row>
    <row r="8893" spans="1:10" x14ac:dyDescent="0.35">
      <c r="A8893" t="s">
        <v>22</v>
      </c>
      <c r="B8893" t="s">
        <v>55</v>
      </c>
      <c r="C8893" t="s">
        <v>117</v>
      </c>
      <c r="D8893" t="s">
        <v>118</v>
      </c>
      <c r="E8893">
        <v>2013</v>
      </c>
      <c r="F8893">
        <v>2013</v>
      </c>
      <c r="G8893" t="s">
        <v>126</v>
      </c>
      <c r="H8893" t="s">
        <v>124</v>
      </c>
      <c r="I8893" t="s">
        <v>15</v>
      </c>
      <c r="J8893" s="10">
        <v>3.9867191339999999</v>
      </c>
    </row>
    <row r="8894" spans="1:10" x14ac:dyDescent="0.35">
      <c r="A8894" t="s">
        <v>22</v>
      </c>
      <c r="B8894" t="s">
        <v>55</v>
      </c>
      <c r="C8894" t="s">
        <v>117</v>
      </c>
      <c r="D8894" t="s">
        <v>118</v>
      </c>
      <c r="E8894">
        <v>2012</v>
      </c>
      <c r="F8894">
        <v>2012</v>
      </c>
      <c r="G8894" t="s">
        <v>14</v>
      </c>
      <c r="H8894" t="s">
        <v>119</v>
      </c>
      <c r="I8894" t="s">
        <v>15</v>
      </c>
      <c r="J8894" s="10">
        <v>13.68044525</v>
      </c>
    </row>
    <row r="8895" spans="1:10" x14ac:dyDescent="0.35">
      <c r="A8895" t="s">
        <v>22</v>
      </c>
      <c r="B8895" t="s">
        <v>55</v>
      </c>
      <c r="C8895" t="s">
        <v>117</v>
      </c>
      <c r="D8895" t="s">
        <v>118</v>
      </c>
      <c r="E8895">
        <v>2012</v>
      </c>
      <c r="F8895">
        <v>2012</v>
      </c>
      <c r="G8895" t="s">
        <v>14</v>
      </c>
      <c r="H8895" t="s">
        <v>120</v>
      </c>
      <c r="I8895" t="s">
        <v>15</v>
      </c>
      <c r="J8895" s="10">
        <v>18.27890339</v>
      </c>
    </row>
    <row r="8896" spans="1:10" x14ac:dyDescent="0.35">
      <c r="A8896" t="s">
        <v>22</v>
      </c>
      <c r="B8896" t="s">
        <v>55</v>
      </c>
      <c r="C8896" t="s">
        <v>117</v>
      </c>
      <c r="D8896" t="s">
        <v>118</v>
      </c>
      <c r="E8896">
        <v>2012</v>
      </c>
      <c r="F8896">
        <v>2012</v>
      </c>
      <c r="G8896" t="s">
        <v>14</v>
      </c>
      <c r="H8896" t="s">
        <v>121</v>
      </c>
      <c r="I8896" t="s">
        <v>15</v>
      </c>
      <c r="J8896" s="10">
        <v>36.59267294</v>
      </c>
    </row>
    <row r="8897" spans="1:10" x14ac:dyDescent="0.35">
      <c r="A8897" t="s">
        <v>22</v>
      </c>
      <c r="B8897" t="s">
        <v>55</v>
      </c>
      <c r="C8897" t="s">
        <v>117</v>
      </c>
      <c r="D8897" t="s">
        <v>118</v>
      </c>
      <c r="E8897">
        <v>2012</v>
      </c>
      <c r="F8897">
        <v>2012</v>
      </c>
      <c r="G8897" t="s">
        <v>14</v>
      </c>
      <c r="H8897" t="s">
        <v>122</v>
      </c>
      <c r="I8897" t="s">
        <v>15</v>
      </c>
      <c r="J8897" s="10">
        <v>16.195973609999999</v>
      </c>
    </row>
    <row r="8898" spans="1:10" x14ac:dyDescent="0.35">
      <c r="A8898" t="s">
        <v>22</v>
      </c>
      <c r="B8898" t="s">
        <v>55</v>
      </c>
      <c r="C8898" t="s">
        <v>117</v>
      </c>
      <c r="D8898" t="s">
        <v>118</v>
      </c>
      <c r="E8898">
        <v>2012</v>
      </c>
      <c r="F8898">
        <v>2012</v>
      </c>
      <c r="G8898" t="s">
        <v>14</v>
      </c>
      <c r="H8898" t="s">
        <v>123</v>
      </c>
      <c r="I8898" t="s">
        <v>15</v>
      </c>
      <c r="J8898" s="10">
        <v>12.305169230000001</v>
      </c>
    </row>
    <row r="8899" spans="1:10" x14ac:dyDescent="0.35">
      <c r="A8899" t="s">
        <v>22</v>
      </c>
      <c r="B8899" t="s">
        <v>55</v>
      </c>
      <c r="C8899" t="s">
        <v>117</v>
      </c>
      <c r="D8899" t="s">
        <v>118</v>
      </c>
      <c r="E8899">
        <v>2012</v>
      </c>
      <c r="F8899">
        <v>2012</v>
      </c>
      <c r="G8899" t="s">
        <v>14</v>
      </c>
      <c r="H8899" t="s">
        <v>124</v>
      </c>
      <c r="I8899" t="s">
        <v>15</v>
      </c>
      <c r="J8899" s="10">
        <v>2.9468355740000001</v>
      </c>
    </row>
    <row r="8900" spans="1:10" x14ac:dyDescent="0.35">
      <c r="A8900" t="s">
        <v>22</v>
      </c>
      <c r="B8900" t="s">
        <v>55</v>
      </c>
      <c r="C8900" t="s">
        <v>117</v>
      </c>
      <c r="D8900" t="s">
        <v>118</v>
      </c>
      <c r="E8900">
        <v>2012</v>
      </c>
      <c r="F8900">
        <v>2012</v>
      </c>
      <c r="G8900" t="s">
        <v>125</v>
      </c>
      <c r="H8900" t="s">
        <v>119</v>
      </c>
      <c r="I8900" t="s">
        <v>15</v>
      </c>
      <c r="J8900" s="10">
        <v>14.54726851</v>
      </c>
    </row>
    <row r="8901" spans="1:10" x14ac:dyDescent="0.35">
      <c r="A8901" t="s">
        <v>22</v>
      </c>
      <c r="B8901" t="s">
        <v>55</v>
      </c>
      <c r="C8901" t="s">
        <v>117</v>
      </c>
      <c r="D8901" t="s">
        <v>118</v>
      </c>
      <c r="E8901">
        <v>2012</v>
      </c>
      <c r="F8901">
        <v>2012</v>
      </c>
      <c r="G8901" t="s">
        <v>125</v>
      </c>
      <c r="H8901" t="s">
        <v>120</v>
      </c>
      <c r="I8901" t="s">
        <v>15</v>
      </c>
      <c r="J8901" s="10">
        <v>18.30879577</v>
      </c>
    </row>
    <row r="8902" spans="1:10" x14ac:dyDescent="0.35">
      <c r="A8902" t="s">
        <v>22</v>
      </c>
      <c r="B8902" t="s">
        <v>55</v>
      </c>
      <c r="C8902" t="s">
        <v>117</v>
      </c>
      <c r="D8902" t="s">
        <v>118</v>
      </c>
      <c r="E8902">
        <v>2012</v>
      </c>
      <c r="F8902">
        <v>2012</v>
      </c>
      <c r="G8902" t="s">
        <v>125</v>
      </c>
      <c r="H8902" t="s">
        <v>121</v>
      </c>
      <c r="I8902" t="s">
        <v>15</v>
      </c>
      <c r="J8902" s="10">
        <v>38.211184809999999</v>
      </c>
    </row>
    <row r="8903" spans="1:10" x14ac:dyDescent="0.35">
      <c r="A8903" t="s">
        <v>22</v>
      </c>
      <c r="B8903" t="s">
        <v>55</v>
      </c>
      <c r="C8903" t="s">
        <v>117</v>
      </c>
      <c r="D8903" t="s">
        <v>118</v>
      </c>
      <c r="E8903">
        <v>2012</v>
      </c>
      <c r="F8903">
        <v>2012</v>
      </c>
      <c r="G8903" t="s">
        <v>125</v>
      </c>
      <c r="H8903" t="s">
        <v>122</v>
      </c>
      <c r="I8903" t="s">
        <v>15</v>
      </c>
      <c r="J8903" s="10">
        <v>16.30534433</v>
      </c>
    </row>
    <row r="8904" spans="1:10" x14ac:dyDescent="0.35">
      <c r="A8904" t="s">
        <v>22</v>
      </c>
      <c r="B8904" t="s">
        <v>55</v>
      </c>
      <c r="C8904" t="s">
        <v>117</v>
      </c>
      <c r="D8904" t="s">
        <v>118</v>
      </c>
      <c r="E8904">
        <v>2012</v>
      </c>
      <c r="F8904">
        <v>2012</v>
      </c>
      <c r="G8904" t="s">
        <v>125</v>
      </c>
      <c r="H8904" t="s">
        <v>123</v>
      </c>
      <c r="I8904" t="s">
        <v>15</v>
      </c>
      <c r="J8904" s="10">
        <v>10.880116490000001</v>
      </c>
    </row>
    <row r="8905" spans="1:10" x14ac:dyDescent="0.35">
      <c r="A8905" t="s">
        <v>22</v>
      </c>
      <c r="B8905" t="s">
        <v>55</v>
      </c>
      <c r="C8905" t="s">
        <v>117</v>
      </c>
      <c r="D8905" t="s">
        <v>118</v>
      </c>
      <c r="E8905">
        <v>2012</v>
      </c>
      <c r="F8905">
        <v>2012</v>
      </c>
      <c r="G8905" t="s">
        <v>125</v>
      </c>
      <c r="H8905" t="s">
        <v>124</v>
      </c>
      <c r="I8905" t="s">
        <v>15</v>
      </c>
      <c r="J8905" s="10">
        <v>1.747290083</v>
      </c>
    </row>
    <row r="8906" spans="1:10" x14ac:dyDescent="0.35">
      <c r="A8906" t="s">
        <v>22</v>
      </c>
      <c r="B8906" t="s">
        <v>55</v>
      </c>
      <c r="C8906" t="s">
        <v>117</v>
      </c>
      <c r="D8906" t="s">
        <v>118</v>
      </c>
      <c r="E8906">
        <v>2012</v>
      </c>
      <c r="F8906">
        <v>2012</v>
      </c>
      <c r="G8906" t="s">
        <v>126</v>
      </c>
      <c r="H8906" t="s">
        <v>119</v>
      </c>
      <c r="I8906" t="s">
        <v>15</v>
      </c>
      <c r="J8906" s="10">
        <v>12.88380046</v>
      </c>
    </row>
    <row r="8907" spans="1:10" x14ac:dyDescent="0.35">
      <c r="A8907" t="s">
        <v>22</v>
      </c>
      <c r="B8907" t="s">
        <v>55</v>
      </c>
      <c r="C8907" t="s">
        <v>117</v>
      </c>
      <c r="D8907" t="s">
        <v>118</v>
      </c>
      <c r="E8907">
        <v>2012</v>
      </c>
      <c r="F8907">
        <v>2012</v>
      </c>
      <c r="G8907" t="s">
        <v>126</v>
      </c>
      <c r="H8907" t="s">
        <v>120</v>
      </c>
      <c r="I8907" t="s">
        <v>15</v>
      </c>
      <c r="J8907" s="10">
        <v>18.251431119999999</v>
      </c>
    </row>
    <row r="8908" spans="1:10" x14ac:dyDescent="0.35">
      <c r="A8908" t="s">
        <v>22</v>
      </c>
      <c r="B8908" t="s">
        <v>55</v>
      </c>
      <c r="C8908" t="s">
        <v>117</v>
      </c>
      <c r="D8908" t="s">
        <v>118</v>
      </c>
      <c r="E8908">
        <v>2012</v>
      </c>
      <c r="F8908">
        <v>2012</v>
      </c>
      <c r="G8908" t="s">
        <v>126</v>
      </c>
      <c r="H8908" t="s">
        <v>121</v>
      </c>
      <c r="I8908" t="s">
        <v>15</v>
      </c>
      <c r="J8908" s="10">
        <v>35.105196640000003</v>
      </c>
    </row>
    <row r="8909" spans="1:10" x14ac:dyDescent="0.35">
      <c r="A8909" t="s">
        <v>22</v>
      </c>
      <c r="B8909" t="s">
        <v>55</v>
      </c>
      <c r="C8909" t="s">
        <v>117</v>
      </c>
      <c r="D8909" t="s">
        <v>118</v>
      </c>
      <c r="E8909">
        <v>2012</v>
      </c>
      <c r="F8909">
        <v>2012</v>
      </c>
      <c r="G8909" t="s">
        <v>126</v>
      </c>
      <c r="H8909" t="s">
        <v>122</v>
      </c>
      <c r="I8909" t="s">
        <v>15</v>
      </c>
      <c r="J8909" s="10">
        <v>16.095457589999999</v>
      </c>
    </row>
    <row r="8910" spans="1:10" x14ac:dyDescent="0.35">
      <c r="A8910" t="s">
        <v>22</v>
      </c>
      <c r="B8910" t="s">
        <v>55</v>
      </c>
      <c r="C8910" t="s">
        <v>117</v>
      </c>
      <c r="D8910" t="s">
        <v>118</v>
      </c>
      <c r="E8910">
        <v>2012</v>
      </c>
      <c r="F8910">
        <v>2012</v>
      </c>
      <c r="G8910" t="s">
        <v>126</v>
      </c>
      <c r="H8910" t="s">
        <v>123</v>
      </c>
      <c r="I8910" t="s">
        <v>15</v>
      </c>
      <c r="J8910" s="10">
        <v>13.61484896</v>
      </c>
    </row>
    <row r="8911" spans="1:10" x14ac:dyDescent="0.35">
      <c r="A8911" t="s">
        <v>22</v>
      </c>
      <c r="B8911" t="s">
        <v>55</v>
      </c>
      <c r="C8911" t="s">
        <v>117</v>
      </c>
      <c r="D8911" t="s">
        <v>118</v>
      </c>
      <c r="E8911">
        <v>2012</v>
      </c>
      <c r="F8911">
        <v>2012</v>
      </c>
      <c r="G8911" t="s">
        <v>126</v>
      </c>
      <c r="H8911" t="s">
        <v>124</v>
      </c>
      <c r="I8911" t="s">
        <v>15</v>
      </c>
      <c r="J8911" s="10">
        <v>4.0492652339999999</v>
      </c>
    </row>
    <row r="8912" spans="1:10" x14ac:dyDescent="0.35">
      <c r="A8912" t="s">
        <v>22</v>
      </c>
      <c r="B8912" t="s">
        <v>55</v>
      </c>
      <c r="C8912" t="s">
        <v>117</v>
      </c>
      <c r="D8912" t="s">
        <v>118</v>
      </c>
      <c r="E8912">
        <v>2011</v>
      </c>
      <c r="F8912">
        <v>2011</v>
      </c>
      <c r="G8912" t="s">
        <v>14</v>
      </c>
      <c r="H8912" t="s">
        <v>119</v>
      </c>
      <c r="I8912" t="s">
        <v>15</v>
      </c>
      <c r="J8912" s="10">
        <v>13.5902558</v>
      </c>
    </row>
    <row r="8913" spans="1:10" x14ac:dyDescent="0.35">
      <c r="A8913" t="s">
        <v>22</v>
      </c>
      <c r="B8913" t="s">
        <v>55</v>
      </c>
      <c r="C8913" t="s">
        <v>117</v>
      </c>
      <c r="D8913" t="s">
        <v>118</v>
      </c>
      <c r="E8913">
        <v>2011</v>
      </c>
      <c r="F8913">
        <v>2011</v>
      </c>
      <c r="G8913" t="s">
        <v>14</v>
      </c>
      <c r="H8913" t="s">
        <v>120</v>
      </c>
      <c r="I8913" t="s">
        <v>15</v>
      </c>
      <c r="J8913" s="10">
        <v>18.86058216</v>
      </c>
    </row>
    <row r="8914" spans="1:10" x14ac:dyDescent="0.35">
      <c r="A8914" t="s">
        <v>22</v>
      </c>
      <c r="B8914" t="s">
        <v>55</v>
      </c>
      <c r="C8914" t="s">
        <v>117</v>
      </c>
      <c r="D8914" t="s">
        <v>118</v>
      </c>
      <c r="E8914">
        <v>2011</v>
      </c>
      <c r="F8914">
        <v>2011</v>
      </c>
      <c r="G8914" t="s">
        <v>14</v>
      </c>
      <c r="H8914" t="s">
        <v>121</v>
      </c>
      <c r="I8914" t="s">
        <v>15</v>
      </c>
      <c r="J8914" s="10">
        <v>36.383801169999998</v>
      </c>
    </row>
    <row r="8915" spans="1:10" x14ac:dyDescent="0.35">
      <c r="A8915" t="s">
        <v>22</v>
      </c>
      <c r="B8915" t="s">
        <v>55</v>
      </c>
      <c r="C8915" t="s">
        <v>117</v>
      </c>
      <c r="D8915" t="s">
        <v>118</v>
      </c>
      <c r="E8915">
        <v>2011</v>
      </c>
      <c r="F8915">
        <v>2011</v>
      </c>
      <c r="G8915" t="s">
        <v>14</v>
      </c>
      <c r="H8915" t="s">
        <v>122</v>
      </c>
      <c r="I8915" t="s">
        <v>15</v>
      </c>
      <c r="J8915" s="10">
        <v>16.23255331</v>
      </c>
    </row>
    <row r="8916" spans="1:10" x14ac:dyDescent="0.35">
      <c r="A8916" t="s">
        <v>22</v>
      </c>
      <c r="B8916" t="s">
        <v>55</v>
      </c>
      <c r="C8916" t="s">
        <v>117</v>
      </c>
      <c r="D8916" t="s">
        <v>118</v>
      </c>
      <c r="E8916">
        <v>2011</v>
      </c>
      <c r="F8916">
        <v>2011</v>
      </c>
      <c r="G8916" t="s">
        <v>14</v>
      </c>
      <c r="H8916" t="s">
        <v>123</v>
      </c>
      <c r="I8916" t="s">
        <v>15</v>
      </c>
      <c r="J8916" s="10">
        <v>11.99994811</v>
      </c>
    </row>
    <row r="8917" spans="1:10" x14ac:dyDescent="0.35">
      <c r="A8917" t="s">
        <v>22</v>
      </c>
      <c r="B8917" t="s">
        <v>55</v>
      </c>
      <c r="C8917" t="s">
        <v>117</v>
      </c>
      <c r="D8917" t="s">
        <v>118</v>
      </c>
      <c r="E8917">
        <v>2011</v>
      </c>
      <c r="F8917">
        <v>2011</v>
      </c>
      <c r="G8917" t="s">
        <v>14</v>
      </c>
      <c r="H8917" t="s">
        <v>124</v>
      </c>
      <c r="I8917" t="s">
        <v>15</v>
      </c>
      <c r="J8917" s="10">
        <v>2.9328594410000002</v>
      </c>
    </row>
    <row r="8918" spans="1:10" x14ac:dyDescent="0.35">
      <c r="A8918" t="s">
        <v>22</v>
      </c>
      <c r="B8918" t="s">
        <v>55</v>
      </c>
      <c r="C8918" t="s">
        <v>117</v>
      </c>
      <c r="D8918" t="s">
        <v>118</v>
      </c>
      <c r="E8918">
        <v>2011</v>
      </c>
      <c r="F8918">
        <v>2011</v>
      </c>
      <c r="G8918" t="s">
        <v>125</v>
      </c>
      <c r="H8918" t="s">
        <v>119</v>
      </c>
      <c r="I8918" t="s">
        <v>15</v>
      </c>
      <c r="J8918" s="10">
        <v>14.46001515</v>
      </c>
    </row>
    <row r="8919" spans="1:10" x14ac:dyDescent="0.35">
      <c r="A8919" t="s">
        <v>22</v>
      </c>
      <c r="B8919" t="s">
        <v>55</v>
      </c>
      <c r="C8919" t="s">
        <v>117</v>
      </c>
      <c r="D8919" t="s">
        <v>118</v>
      </c>
      <c r="E8919">
        <v>2011</v>
      </c>
      <c r="F8919">
        <v>2011</v>
      </c>
      <c r="G8919" t="s">
        <v>125</v>
      </c>
      <c r="H8919" t="s">
        <v>120</v>
      </c>
      <c r="I8919" t="s">
        <v>15</v>
      </c>
      <c r="J8919" s="10">
        <v>18.904880420000001</v>
      </c>
    </row>
    <row r="8920" spans="1:10" x14ac:dyDescent="0.35">
      <c r="A8920" t="s">
        <v>22</v>
      </c>
      <c r="B8920" t="s">
        <v>55</v>
      </c>
      <c r="C8920" t="s">
        <v>117</v>
      </c>
      <c r="D8920" t="s">
        <v>118</v>
      </c>
      <c r="E8920">
        <v>2011</v>
      </c>
      <c r="F8920">
        <v>2011</v>
      </c>
      <c r="G8920" t="s">
        <v>125</v>
      </c>
      <c r="H8920" t="s">
        <v>121</v>
      </c>
      <c r="I8920" t="s">
        <v>15</v>
      </c>
      <c r="J8920" s="10">
        <v>38.042419649999999</v>
      </c>
    </row>
    <row r="8921" spans="1:10" x14ac:dyDescent="0.35">
      <c r="A8921" t="s">
        <v>22</v>
      </c>
      <c r="B8921" t="s">
        <v>55</v>
      </c>
      <c r="C8921" t="s">
        <v>117</v>
      </c>
      <c r="D8921" t="s">
        <v>118</v>
      </c>
      <c r="E8921">
        <v>2011</v>
      </c>
      <c r="F8921">
        <v>2011</v>
      </c>
      <c r="G8921" t="s">
        <v>125</v>
      </c>
      <c r="H8921" t="s">
        <v>122</v>
      </c>
      <c r="I8921" t="s">
        <v>15</v>
      </c>
      <c r="J8921" s="10">
        <v>16.369981599999999</v>
      </c>
    </row>
    <row r="8922" spans="1:10" x14ac:dyDescent="0.35">
      <c r="A8922" t="s">
        <v>22</v>
      </c>
      <c r="B8922" t="s">
        <v>55</v>
      </c>
      <c r="C8922" t="s">
        <v>117</v>
      </c>
      <c r="D8922" t="s">
        <v>118</v>
      </c>
      <c r="E8922">
        <v>2011</v>
      </c>
      <c r="F8922">
        <v>2011</v>
      </c>
      <c r="G8922" t="s">
        <v>125</v>
      </c>
      <c r="H8922" t="s">
        <v>123</v>
      </c>
      <c r="I8922" t="s">
        <v>15</v>
      </c>
      <c r="J8922" s="10">
        <v>10.512931500000001</v>
      </c>
    </row>
    <row r="8923" spans="1:10" x14ac:dyDescent="0.35">
      <c r="A8923" t="s">
        <v>22</v>
      </c>
      <c r="B8923" t="s">
        <v>55</v>
      </c>
      <c r="C8923" t="s">
        <v>117</v>
      </c>
      <c r="D8923" t="s">
        <v>118</v>
      </c>
      <c r="E8923">
        <v>2011</v>
      </c>
      <c r="F8923">
        <v>2011</v>
      </c>
      <c r="G8923" t="s">
        <v>125</v>
      </c>
      <c r="H8923" t="s">
        <v>124</v>
      </c>
      <c r="I8923" t="s">
        <v>15</v>
      </c>
      <c r="J8923" s="10">
        <v>1.7097716700000001</v>
      </c>
    </row>
    <row r="8924" spans="1:10" x14ac:dyDescent="0.35">
      <c r="A8924" t="s">
        <v>22</v>
      </c>
      <c r="B8924" t="s">
        <v>55</v>
      </c>
      <c r="C8924" t="s">
        <v>117</v>
      </c>
      <c r="D8924" t="s">
        <v>118</v>
      </c>
      <c r="E8924">
        <v>2011</v>
      </c>
      <c r="F8924">
        <v>2011</v>
      </c>
      <c r="G8924" t="s">
        <v>126</v>
      </c>
      <c r="H8924" t="s">
        <v>119</v>
      </c>
      <c r="I8924" t="s">
        <v>15</v>
      </c>
      <c r="J8924" s="10">
        <v>12.789074960000001</v>
      </c>
    </row>
    <row r="8925" spans="1:10" x14ac:dyDescent="0.35">
      <c r="A8925" t="s">
        <v>22</v>
      </c>
      <c r="B8925" t="s">
        <v>55</v>
      </c>
      <c r="C8925" t="s">
        <v>117</v>
      </c>
      <c r="D8925" t="s">
        <v>118</v>
      </c>
      <c r="E8925">
        <v>2011</v>
      </c>
      <c r="F8925">
        <v>2011</v>
      </c>
      <c r="G8925" t="s">
        <v>126</v>
      </c>
      <c r="H8925" t="s">
        <v>120</v>
      </c>
      <c r="I8925" t="s">
        <v>15</v>
      </c>
      <c r="J8925" s="10">
        <v>18.819776709999999</v>
      </c>
    </row>
    <row r="8926" spans="1:10" x14ac:dyDescent="0.35">
      <c r="A8926" t="s">
        <v>22</v>
      </c>
      <c r="B8926" t="s">
        <v>55</v>
      </c>
      <c r="C8926" t="s">
        <v>117</v>
      </c>
      <c r="D8926" t="s">
        <v>118</v>
      </c>
      <c r="E8926">
        <v>2011</v>
      </c>
      <c r="F8926">
        <v>2011</v>
      </c>
      <c r="G8926" t="s">
        <v>126</v>
      </c>
      <c r="H8926" t="s">
        <v>121</v>
      </c>
      <c r="I8926" t="s">
        <v>15</v>
      </c>
      <c r="J8926" s="10">
        <v>34.855960930000002</v>
      </c>
    </row>
    <row r="8927" spans="1:10" x14ac:dyDescent="0.35">
      <c r="A8927" t="s">
        <v>22</v>
      </c>
      <c r="B8927" t="s">
        <v>55</v>
      </c>
      <c r="C8927" t="s">
        <v>117</v>
      </c>
      <c r="D8927" t="s">
        <v>118</v>
      </c>
      <c r="E8927">
        <v>2011</v>
      </c>
      <c r="F8927">
        <v>2011</v>
      </c>
      <c r="G8927" t="s">
        <v>126</v>
      </c>
      <c r="H8927" t="s">
        <v>122</v>
      </c>
      <c r="I8927" t="s">
        <v>15</v>
      </c>
      <c r="J8927" s="10">
        <v>16.105960929999998</v>
      </c>
    </row>
    <row r="8928" spans="1:10" x14ac:dyDescent="0.35">
      <c r="A8928" t="s">
        <v>22</v>
      </c>
      <c r="B8928" t="s">
        <v>55</v>
      </c>
      <c r="C8928" t="s">
        <v>117</v>
      </c>
      <c r="D8928" t="s">
        <v>118</v>
      </c>
      <c r="E8928">
        <v>2011</v>
      </c>
      <c r="F8928">
        <v>2011</v>
      </c>
      <c r="G8928" t="s">
        <v>126</v>
      </c>
      <c r="H8928" t="s">
        <v>123</v>
      </c>
      <c r="I8928" t="s">
        <v>15</v>
      </c>
      <c r="J8928" s="10">
        <v>13.369716909999999</v>
      </c>
    </row>
    <row r="8929" spans="1:10" x14ac:dyDescent="0.35">
      <c r="A8929" t="s">
        <v>22</v>
      </c>
      <c r="B8929" t="s">
        <v>55</v>
      </c>
      <c r="C8929" t="s">
        <v>117</v>
      </c>
      <c r="D8929" t="s">
        <v>118</v>
      </c>
      <c r="E8929">
        <v>2011</v>
      </c>
      <c r="F8929">
        <v>2011</v>
      </c>
      <c r="G8929" t="s">
        <v>126</v>
      </c>
      <c r="H8929" t="s">
        <v>124</v>
      </c>
      <c r="I8929" t="s">
        <v>15</v>
      </c>
      <c r="J8929" s="10">
        <v>4.0595095690000003</v>
      </c>
    </row>
    <row r="8930" spans="1:10" x14ac:dyDescent="0.35">
      <c r="A8930" t="s">
        <v>22</v>
      </c>
      <c r="B8930" t="s">
        <v>56</v>
      </c>
      <c r="C8930" t="s">
        <v>117</v>
      </c>
      <c r="D8930" t="s">
        <v>118</v>
      </c>
      <c r="E8930">
        <v>2020</v>
      </c>
      <c r="F8930">
        <v>2020</v>
      </c>
      <c r="G8930" t="s">
        <v>14</v>
      </c>
      <c r="H8930" t="s">
        <v>119</v>
      </c>
      <c r="I8930" t="s">
        <v>15</v>
      </c>
      <c r="J8930" s="10">
        <v>19.011097549999999</v>
      </c>
    </row>
    <row r="8931" spans="1:10" x14ac:dyDescent="0.35">
      <c r="A8931" t="s">
        <v>22</v>
      </c>
      <c r="B8931" t="s">
        <v>56</v>
      </c>
      <c r="C8931" t="s">
        <v>117</v>
      </c>
      <c r="D8931" t="s">
        <v>118</v>
      </c>
      <c r="E8931">
        <v>2020</v>
      </c>
      <c r="F8931">
        <v>2020</v>
      </c>
      <c r="G8931" t="s">
        <v>14</v>
      </c>
      <c r="H8931" t="s">
        <v>120</v>
      </c>
      <c r="I8931" t="s">
        <v>15</v>
      </c>
      <c r="J8931" s="10">
        <v>7.385974086</v>
      </c>
    </row>
    <row r="8932" spans="1:10" x14ac:dyDescent="0.35">
      <c r="A8932" t="s">
        <v>22</v>
      </c>
      <c r="B8932" t="s">
        <v>56</v>
      </c>
      <c r="C8932" t="s">
        <v>117</v>
      </c>
      <c r="D8932" t="s">
        <v>118</v>
      </c>
      <c r="E8932">
        <v>2020</v>
      </c>
      <c r="F8932">
        <v>2020</v>
      </c>
      <c r="G8932" t="s">
        <v>14</v>
      </c>
      <c r="H8932" t="s">
        <v>121</v>
      </c>
      <c r="I8932" t="s">
        <v>15</v>
      </c>
      <c r="J8932" s="10">
        <v>35.485445349999999</v>
      </c>
    </row>
    <row r="8933" spans="1:10" x14ac:dyDescent="0.35">
      <c r="A8933" t="s">
        <v>22</v>
      </c>
      <c r="B8933" t="s">
        <v>56</v>
      </c>
      <c r="C8933" t="s">
        <v>117</v>
      </c>
      <c r="D8933" t="s">
        <v>118</v>
      </c>
      <c r="E8933">
        <v>2020</v>
      </c>
      <c r="F8933">
        <v>2020</v>
      </c>
      <c r="G8933" t="s">
        <v>14</v>
      </c>
      <c r="H8933" t="s">
        <v>122</v>
      </c>
      <c r="I8933" t="s">
        <v>15</v>
      </c>
      <c r="J8933" s="10">
        <v>19.872174770000001</v>
      </c>
    </row>
    <row r="8934" spans="1:10" x14ac:dyDescent="0.35">
      <c r="A8934" t="s">
        <v>22</v>
      </c>
      <c r="B8934" t="s">
        <v>56</v>
      </c>
      <c r="C8934" t="s">
        <v>117</v>
      </c>
      <c r="D8934" t="s">
        <v>118</v>
      </c>
      <c r="E8934">
        <v>2020</v>
      </c>
      <c r="F8934">
        <v>2020</v>
      </c>
      <c r="G8934" t="s">
        <v>14</v>
      </c>
      <c r="H8934" t="s">
        <v>123</v>
      </c>
      <c r="I8934" t="s">
        <v>15</v>
      </c>
      <c r="J8934" s="10">
        <v>15.71669281</v>
      </c>
    </row>
    <row r="8935" spans="1:10" x14ac:dyDescent="0.35">
      <c r="A8935" t="s">
        <v>22</v>
      </c>
      <c r="B8935" t="s">
        <v>56</v>
      </c>
      <c r="C8935" t="s">
        <v>117</v>
      </c>
      <c r="D8935" t="s">
        <v>118</v>
      </c>
      <c r="E8935">
        <v>2020</v>
      </c>
      <c r="F8935">
        <v>2020</v>
      </c>
      <c r="G8935" t="s">
        <v>14</v>
      </c>
      <c r="H8935" t="s">
        <v>124</v>
      </c>
      <c r="I8935" t="s">
        <v>15</v>
      </c>
      <c r="J8935" s="10">
        <v>2.5286154199999999</v>
      </c>
    </row>
    <row r="8936" spans="1:10" x14ac:dyDescent="0.35">
      <c r="A8936" t="s">
        <v>22</v>
      </c>
      <c r="B8936" t="s">
        <v>56</v>
      </c>
      <c r="C8936" t="s">
        <v>117</v>
      </c>
      <c r="D8936" t="s">
        <v>118</v>
      </c>
      <c r="E8936">
        <v>2020</v>
      </c>
      <c r="F8936">
        <v>2020</v>
      </c>
      <c r="G8936" t="s">
        <v>125</v>
      </c>
      <c r="H8936" t="s">
        <v>119</v>
      </c>
      <c r="I8936" t="s">
        <v>15</v>
      </c>
      <c r="J8936" s="10">
        <v>20.27966979</v>
      </c>
    </row>
    <row r="8937" spans="1:10" x14ac:dyDescent="0.35">
      <c r="A8937" t="s">
        <v>22</v>
      </c>
      <c r="B8937" t="s">
        <v>56</v>
      </c>
      <c r="C8937" t="s">
        <v>117</v>
      </c>
      <c r="D8937" t="s">
        <v>118</v>
      </c>
      <c r="E8937">
        <v>2020</v>
      </c>
      <c r="F8937">
        <v>2020</v>
      </c>
      <c r="G8937" t="s">
        <v>125</v>
      </c>
      <c r="H8937" t="s">
        <v>120</v>
      </c>
      <c r="I8937" t="s">
        <v>15</v>
      </c>
      <c r="J8937" s="10">
        <v>8.1710751160000008</v>
      </c>
    </row>
    <row r="8938" spans="1:10" x14ac:dyDescent="0.35">
      <c r="A8938" t="s">
        <v>22</v>
      </c>
      <c r="B8938" t="s">
        <v>56</v>
      </c>
      <c r="C8938" t="s">
        <v>117</v>
      </c>
      <c r="D8938" t="s">
        <v>118</v>
      </c>
      <c r="E8938">
        <v>2020</v>
      </c>
      <c r="F8938">
        <v>2020</v>
      </c>
      <c r="G8938" t="s">
        <v>125</v>
      </c>
      <c r="H8938" t="s">
        <v>121</v>
      </c>
      <c r="I8938" t="s">
        <v>15</v>
      </c>
      <c r="J8938" s="10">
        <v>35.329370140000002</v>
      </c>
    </row>
    <row r="8939" spans="1:10" x14ac:dyDescent="0.35">
      <c r="A8939" t="s">
        <v>22</v>
      </c>
      <c r="B8939" t="s">
        <v>56</v>
      </c>
      <c r="C8939" t="s">
        <v>117</v>
      </c>
      <c r="D8939" t="s">
        <v>118</v>
      </c>
      <c r="E8939">
        <v>2020</v>
      </c>
      <c r="F8939">
        <v>2020</v>
      </c>
      <c r="G8939" t="s">
        <v>125</v>
      </c>
      <c r="H8939" t="s">
        <v>122</v>
      </c>
      <c r="I8939" t="s">
        <v>15</v>
      </c>
      <c r="J8939" s="10">
        <v>19.836819179999999</v>
      </c>
    </row>
    <row r="8940" spans="1:10" x14ac:dyDescent="0.35">
      <c r="A8940" t="s">
        <v>22</v>
      </c>
      <c r="B8940" t="s">
        <v>56</v>
      </c>
      <c r="C8940" t="s">
        <v>117</v>
      </c>
      <c r="D8940" t="s">
        <v>118</v>
      </c>
      <c r="E8940">
        <v>2020</v>
      </c>
      <c r="F8940">
        <v>2020</v>
      </c>
      <c r="G8940" t="s">
        <v>125</v>
      </c>
      <c r="H8940" t="s">
        <v>123</v>
      </c>
      <c r="I8940" t="s">
        <v>15</v>
      </c>
      <c r="J8940" s="10">
        <v>14.4865099</v>
      </c>
    </row>
    <row r="8941" spans="1:10" x14ac:dyDescent="0.35">
      <c r="A8941" t="s">
        <v>22</v>
      </c>
      <c r="B8941" t="s">
        <v>56</v>
      </c>
      <c r="C8941" t="s">
        <v>117</v>
      </c>
      <c r="D8941" t="s">
        <v>118</v>
      </c>
      <c r="E8941">
        <v>2020</v>
      </c>
      <c r="F8941">
        <v>2020</v>
      </c>
      <c r="G8941" t="s">
        <v>125</v>
      </c>
      <c r="H8941" t="s">
        <v>124</v>
      </c>
      <c r="I8941" t="s">
        <v>15</v>
      </c>
      <c r="J8941" s="10">
        <v>1.8965558739999999</v>
      </c>
    </row>
    <row r="8942" spans="1:10" x14ac:dyDescent="0.35">
      <c r="A8942" t="s">
        <v>22</v>
      </c>
      <c r="B8942" t="s">
        <v>56</v>
      </c>
      <c r="C8942" t="s">
        <v>117</v>
      </c>
      <c r="D8942" t="s">
        <v>118</v>
      </c>
      <c r="E8942">
        <v>2020</v>
      </c>
      <c r="F8942">
        <v>2020</v>
      </c>
      <c r="G8942" t="s">
        <v>126</v>
      </c>
      <c r="H8942" t="s">
        <v>119</v>
      </c>
      <c r="I8942" t="s">
        <v>15</v>
      </c>
      <c r="J8942" s="10">
        <v>17.826809870000002</v>
      </c>
    </row>
    <row r="8943" spans="1:10" x14ac:dyDescent="0.35">
      <c r="A8943" t="s">
        <v>22</v>
      </c>
      <c r="B8943" t="s">
        <v>56</v>
      </c>
      <c r="C8943" t="s">
        <v>117</v>
      </c>
      <c r="D8943" t="s">
        <v>118</v>
      </c>
      <c r="E8943">
        <v>2020</v>
      </c>
      <c r="F8943">
        <v>2020</v>
      </c>
      <c r="G8943" t="s">
        <v>126</v>
      </c>
      <c r="H8943" t="s">
        <v>120</v>
      </c>
      <c r="I8943" t="s">
        <v>15</v>
      </c>
      <c r="J8943" s="10">
        <v>6.6530355459999999</v>
      </c>
    </row>
    <row r="8944" spans="1:10" x14ac:dyDescent="0.35">
      <c r="A8944" t="s">
        <v>22</v>
      </c>
      <c r="B8944" t="s">
        <v>56</v>
      </c>
      <c r="C8944" t="s">
        <v>117</v>
      </c>
      <c r="D8944" t="s">
        <v>118</v>
      </c>
      <c r="E8944">
        <v>2020</v>
      </c>
      <c r="F8944">
        <v>2020</v>
      </c>
      <c r="G8944" t="s">
        <v>126</v>
      </c>
      <c r="H8944" t="s">
        <v>121</v>
      </c>
      <c r="I8944" t="s">
        <v>15</v>
      </c>
      <c r="J8944" s="10">
        <v>35.631150859999998</v>
      </c>
    </row>
    <row r="8945" spans="1:10" x14ac:dyDescent="0.35">
      <c r="A8945" t="s">
        <v>22</v>
      </c>
      <c r="B8945" t="s">
        <v>56</v>
      </c>
      <c r="C8945" t="s">
        <v>117</v>
      </c>
      <c r="D8945" t="s">
        <v>118</v>
      </c>
      <c r="E8945">
        <v>2020</v>
      </c>
      <c r="F8945">
        <v>2020</v>
      </c>
      <c r="G8945" t="s">
        <v>126</v>
      </c>
      <c r="H8945" t="s">
        <v>122</v>
      </c>
      <c r="I8945" t="s">
        <v>15</v>
      </c>
      <c r="J8945" s="10">
        <v>19.905181320000001</v>
      </c>
    </row>
    <row r="8946" spans="1:10" x14ac:dyDescent="0.35">
      <c r="A8946" t="s">
        <v>22</v>
      </c>
      <c r="B8946" t="s">
        <v>56</v>
      </c>
      <c r="C8946" t="s">
        <v>117</v>
      </c>
      <c r="D8946" t="s">
        <v>118</v>
      </c>
      <c r="E8946">
        <v>2020</v>
      </c>
      <c r="F8946">
        <v>2020</v>
      </c>
      <c r="G8946" t="s">
        <v>126</v>
      </c>
      <c r="H8946" t="s">
        <v>123</v>
      </c>
      <c r="I8946" t="s">
        <v>15</v>
      </c>
      <c r="J8946" s="10">
        <v>16.865141779999998</v>
      </c>
    </row>
    <row r="8947" spans="1:10" x14ac:dyDescent="0.35">
      <c r="A8947" t="s">
        <v>22</v>
      </c>
      <c r="B8947" t="s">
        <v>56</v>
      </c>
      <c r="C8947" t="s">
        <v>117</v>
      </c>
      <c r="D8947" t="s">
        <v>118</v>
      </c>
      <c r="E8947">
        <v>2020</v>
      </c>
      <c r="F8947">
        <v>2020</v>
      </c>
      <c r="G8947" t="s">
        <v>126</v>
      </c>
      <c r="H8947" t="s">
        <v>124</v>
      </c>
      <c r="I8947" t="s">
        <v>15</v>
      </c>
      <c r="J8947" s="10">
        <v>3.1186806269999998</v>
      </c>
    </row>
    <row r="8948" spans="1:10" x14ac:dyDescent="0.35">
      <c r="A8948" t="s">
        <v>22</v>
      </c>
      <c r="B8948" t="s">
        <v>56</v>
      </c>
      <c r="C8948" t="s">
        <v>117</v>
      </c>
      <c r="D8948" t="s">
        <v>118</v>
      </c>
      <c r="E8948">
        <v>2019</v>
      </c>
      <c r="F8948">
        <v>2019</v>
      </c>
      <c r="G8948" t="s">
        <v>14</v>
      </c>
      <c r="H8948" t="s">
        <v>119</v>
      </c>
      <c r="I8948" t="s">
        <v>15</v>
      </c>
      <c r="J8948" s="10">
        <v>19.130909769999999</v>
      </c>
    </row>
    <row r="8949" spans="1:10" x14ac:dyDescent="0.35">
      <c r="A8949" t="s">
        <v>22</v>
      </c>
      <c r="B8949" t="s">
        <v>56</v>
      </c>
      <c r="C8949" t="s">
        <v>117</v>
      </c>
      <c r="D8949" t="s">
        <v>118</v>
      </c>
      <c r="E8949">
        <v>2019</v>
      </c>
      <c r="F8949">
        <v>2019</v>
      </c>
      <c r="G8949" t="s">
        <v>14</v>
      </c>
      <c r="H8949" t="s">
        <v>120</v>
      </c>
      <c r="I8949" t="s">
        <v>15</v>
      </c>
      <c r="J8949" s="10">
        <v>7.5577611449999997</v>
      </c>
    </row>
    <row r="8950" spans="1:10" x14ac:dyDescent="0.35">
      <c r="A8950" t="s">
        <v>22</v>
      </c>
      <c r="B8950" t="s">
        <v>56</v>
      </c>
      <c r="C8950" t="s">
        <v>117</v>
      </c>
      <c r="D8950" t="s">
        <v>118</v>
      </c>
      <c r="E8950">
        <v>2019</v>
      </c>
      <c r="F8950">
        <v>2019</v>
      </c>
      <c r="G8950" t="s">
        <v>14</v>
      </c>
      <c r="H8950" t="s">
        <v>121</v>
      </c>
      <c r="I8950" t="s">
        <v>15</v>
      </c>
      <c r="J8950" s="10">
        <v>35.280786569999997</v>
      </c>
    </row>
    <row r="8951" spans="1:10" x14ac:dyDescent="0.35">
      <c r="A8951" t="s">
        <v>22</v>
      </c>
      <c r="B8951" t="s">
        <v>56</v>
      </c>
      <c r="C8951" t="s">
        <v>117</v>
      </c>
      <c r="D8951" t="s">
        <v>118</v>
      </c>
      <c r="E8951">
        <v>2019</v>
      </c>
      <c r="F8951">
        <v>2019</v>
      </c>
      <c r="G8951" t="s">
        <v>14</v>
      </c>
      <c r="H8951" t="s">
        <v>122</v>
      </c>
      <c r="I8951" t="s">
        <v>15</v>
      </c>
      <c r="J8951" s="10">
        <v>19.849146950000002</v>
      </c>
    </row>
    <row r="8952" spans="1:10" x14ac:dyDescent="0.35">
      <c r="A8952" t="s">
        <v>22</v>
      </c>
      <c r="B8952" t="s">
        <v>56</v>
      </c>
      <c r="C8952" t="s">
        <v>117</v>
      </c>
      <c r="D8952" t="s">
        <v>118</v>
      </c>
      <c r="E8952">
        <v>2019</v>
      </c>
      <c r="F8952">
        <v>2019</v>
      </c>
      <c r="G8952" t="s">
        <v>14</v>
      </c>
      <c r="H8952" t="s">
        <v>123</v>
      </c>
      <c r="I8952" t="s">
        <v>15</v>
      </c>
      <c r="J8952" s="10">
        <v>15.68383618</v>
      </c>
    </row>
    <row r="8953" spans="1:10" x14ac:dyDescent="0.35">
      <c r="A8953" t="s">
        <v>22</v>
      </c>
      <c r="B8953" t="s">
        <v>56</v>
      </c>
      <c r="C8953" t="s">
        <v>117</v>
      </c>
      <c r="D8953" t="s">
        <v>118</v>
      </c>
      <c r="E8953">
        <v>2019</v>
      </c>
      <c r="F8953">
        <v>2019</v>
      </c>
      <c r="G8953" t="s">
        <v>14</v>
      </c>
      <c r="H8953" t="s">
        <v>124</v>
      </c>
      <c r="I8953" t="s">
        <v>15</v>
      </c>
      <c r="J8953" s="10">
        <v>2.497559388</v>
      </c>
    </row>
    <row r="8954" spans="1:10" x14ac:dyDescent="0.35">
      <c r="A8954" t="s">
        <v>22</v>
      </c>
      <c r="B8954" t="s">
        <v>56</v>
      </c>
      <c r="C8954" t="s">
        <v>117</v>
      </c>
      <c r="D8954" t="s">
        <v>118</v>
      </c>
      <c r="E8954">
        <v>2019</v>
      </c>
      <c r="F8954">
        <v>2019</v>
      </c>
      <c r="G8954" t="s">
        <v>125</v>
      </c>
      <c r="H8954" t="s">
        <v>119</v>
      </c>
      <c r="I8954" t="s">
        <v>15</v>
      </c>
      <c r="J8954" s="10">
        <v>20.41220195</v>
      </c>
    </row>
    <row r="8955" spans="1:10" x14ac:dyDescent="0.35">
      <c r="A8955" t="s">
        <v>22</v>
      </c>
      <c r="B8955" t="s">
        <v>56</v>
      </c>
      <c r="C8955" t="s">
        <v>117</v>
      </c>
      <c r="D8955" t="s">
        <v>118</v>
      </c>
      <c r="E8955">
        <v>2019</v>
      </c>
      <c r="F8955">
        <v>2019</v>
      </c>
      <c r="G8955" t="s">
        <v>125</v>
      </c>
      <c r="H8955" t="s">
        <v>120</v>
      </c>
      <c r="I8955" t="s">
        <v>15</v>
      </c>
      <c r="J8955" s="10">
        <v>8.3043730090000007</v>
      </c>
    </row>
    <row r="8956" spans="1:10" x14ac:dyDescent="0.35">
      <c r="A8956" t="s">
        <v>22</v>
      </c>
      <c r="B8956" t="s">
        <v>56</v>
      </c>
      <c r="C8956" t="s">
        <v>117</v>
      </c>
      <c r="D8956" t="s">
        <v>118</v>
      </c>
      <c r="E8956">
        <v>2019</v>
      </c>
      <c r="F8956">
        <v>2019</v>
      </c>
      <c r="G8956" t="s">
        <v>125</v>
      </c>
      <c r="H8956" t="s">
        <v>121</v>
      </c>
      <c r="I8956" t="s">
        <v>15</v>
      </c>
      <c r="J8956" s="10">
        <v>35.017858869999998</v>
      </c>
    </row>
    <row r="8957" spans="1:10" x14ac:dyDescent="0.35">
      <c r="A8957" t="s">
        <v>22</v>
      </c>
      <c r="B8957" t="s">
        <v>56</v>
      </c>
      <c r="C8957" t="s">
        <v>117</v>
      </c>
      <c r="D8957" t="s">
        <v>118</v>
      </c>
      <c r="E8957">
        <v>2019</v>
      </c>
      <c r="F8957">
        <v>2019</v>
      </c>
      <c r="G8957" t="s">
        <v>125</v>
      </c>
      <c r="H8957" t="s">
        <v>122</v>
      </c>
      <c r="I8957" t="s">
        <v>15</v>
      </c>
      <c r="J8957" s="10">
        <v>19.876435950000001</v>
      </c>
    </row>
    <row r="8958" spans="1:10" x14ac:dyDescent="0.35">
      <c r="A8958" t="s">
        <v>22</v>
      </c>
      <c r="B8958" t="s">
        <v>56</v>
      </c>
      <c r="C8958" t="s">
        <v>117</v>
      </c>
      <c r="D8958" t="s">
        <v>118</v>
      </c>
      <c r="E8958">
        <v>2019</v>
      </c>
      <c r="F8958">
        <v>2019</v>
      </c>
      <c r="G8958" t="s">
        <v>125</v>
      </c>
      <c r="H8958" t="s">
        <v>123</v>
      </c>
      <c r="I8958" t="s">
        <v>15</v>
      </c>
      <c r="J8958" s="10">
        <v>14.56945651</v>
      </c>
    </row>
    <row r="8959" spans="1:10" x14ac:dyDescent="0.35">
      <c r="A8959" t="s">
        <v>22</v>
      </c>
      <c r="B8959" t="s">
        <v>56</v>
      </c>
      <c r="C8959" t="s">
        <v>117</v>
      </c>
      <c r="D8959" t="s">
        <v>118</v>
      </c>
      <c r="E8959">
        <v>2019</v>
      </c>
      <c r="F8959">
        <v>2019</v>
      </c>
      <c r="G8959" t="s">
        <v>125</v>
      </c>
      <c r="H8959" t="s">
        <v>124</v>
      </c>
      <c r="I8959" t="s">
        <v>15</v>
      </c>
      <c r="J8959" s="10">
        <v>1.8196737140000001</v>
      </c>
    </row>
    <row r="8960" spans="1:10" x14ac:dyDescent="0.35">
      <c r="A8960" t="s">
        <v>22</v>
      </c>
      <c r="B8960" t="s">
        <v>56</v>
      </c>
      <c r="C8960" t="s">
        <v>117</v>
      </c>
      <c r="D8960" t="s">
        <v>118</v>
      </c>
      <c r="E8960">
        <v>2019</v>
      </c>
      <c r="F8960">
        <v>2019</v>
      </c>
      <c r="G8960" t="s">
        <v>126</v>
      </c>
      <c r="H8960" t="s">
        <v>119</v>
      </c>
      <c r="I8960" t="s">
        <v>15</v>
      </c>
      <c r="J8960" s="10">
        <v>17.940728119999999</v>
      </c>
    </row>
    <row r="8961" spans="1:10" x14ac:dyDescent="0.35">
      <c r="A8961" t="s">
        <v>22</v>
      </c>
      <c r="B8961" t="s">
        <v>56</v>
      </c>
      <c r="C8961" t="s">
        <v>117</v>
      </c>
      <c r="D8961" t="s">
        <v>118</v>
      </c>
      <c r="E8961">
        <v>2019</v>
      </c>
      <c r="F8961">
        <v>2019</v>
      </c>
      <c r="G8961" t="s">
        <v>126</v>
      </c>
      <c r="H8961" t="s">
        <v>120</v>
      </c>
      <c r="I8961" t="s">
        <v>15</v>
      </c>
      <c r="J8961" s="10">
        <v>6.8642395980000002</v>
      </c>
    </row>
    <row r="8962" spans="1:10" x14ac:dyDescent="0.35">
      <c r="A8962" t="s">
        <v>22</v>
      </c>
      <c r="B8962" t="s">
        <v>56</v>
      </c>
      <c r="C8962" t="s">
        <v>117</v>
      </c>
      <c r="D8962" t="s">
        <v>118</v>
      </c>
      <c r="E8962">
        <v>2019</v>
      </c>
      <c r="F8962">
        <v>2019</v>
      </c>
      <c r="G8962" t="s">
        <v>126</v>
      </c>
      <c r="H8962" t="s">
        <v>121</v>
      </c>
      <c r="I8962" t="s">
        <v>15</v>
      </c>
      <c r="J8962" s="10">
        <v>35.525017929999997</v>
      </c>
    </row>
    <row r="8963" spans="1:10" x14ac:dyDescent="0.35">
      <c r="A8963" t="s">
        <v>22</v>
      </c>
      <c r="B8963" t="s">
        <v>56</v>
      </c>
      <c r="C8963" t="s">
        <v>117</v>
      </c>
      <c r="D8963" t="s">
        <v>118</v>
      </c>
      <c r="E8963">
        <v>2019</v>
      </c>
      <c r="F8963">
        <v>2019</v>
      </c>
      <c r="G8963" t="s">
        <v>126</v>
      </c>
      <c r="H8963" t="s">
        <v>122</v>
      </c>
      <c r="I8963" t="s">
        <v>15</v>
      </c>
      <c r="J8963" s="10">
        <v>19.823798419999999</v>
      </c>
    </row>
    <row r="8964" spans="1:10" x14ac:dyDescent="0.35">
      <c r="A8964" t="s">
        <v>22</v>
      </c>
      <c r="B8964" t="s">
        <v>56</v>
      </c>
      <c r="C8964" t="s">
        <v>117</v>
      </c>
      <c r="D8964" t="s">
        <v>118</v>
      </c>
      <c r="E8964">
        <v>2019</v>
      </c>
      <c r="F8964">
        <v>2019</v>
      </c>
      <c r="G8964" t="s">
        <v>126</v>
      </c>
      <c r="H8964" t="s">
        <v>123</v>
      </c>
      <c r="I8964" t="s">
        <v>15</v>
      </c>
      <c r="J8964" s="10">
        <v>16.71897418</v>
      </c>
    </row>
    <row r="8965" spans="1:10" x14ac:dyDescent="0.35">
      <c r="A8965" t="s">
        <v>22</v>
      </c>
      <c r="B8965" t="s">
        <v>56</v>
      </c>
      <c r="C8965" t="s">
        <v>117</v>
      </c>
      <c r="D8965" t="s">
        <v>118</v>
      </c>
      <c r="E8965">
        <v>2019</v>
      </c>
      <c r="F8965">
        <v>2019</v>
      </c>
      <c r="G8965" t="s">
        <v>126</v>
      </c>
      <c r="H8965" t="s">
        <v>124</v>
      </c>
      <c r="I8965" t="s">
        <v>15</v>
      </c>
      <c r="J8965" s="10">
        <v>3.12724175</v>
      </c>
    </row>
    <row r="8966" spans="1:10" x14ac:dyDescent="0.35">
      <c r="A8966" t="s">
        <v>22</v>
      </c>
      <c r="B8966" t="s">
        <v>56</v>
      </c>
      <c r="C8966" t="s">
        <v>117</v>
      </c>
      <c r="D8966" t="s">
        <v>118</v>
      </c>
      <c r="E8966">
        <v>2018</v>
      </c>
      <c r="F8966">
        <v>2018</v>
      </c>
      <c r="G8966" t="s">
        <v>14</v>
      </c>
      <c r="H8966" t="s">
        <v>119</v>
      </c>
      <c r="I8966" t="s">
        <v>15</v>
      </c>
      <c r="J8966" s="10">
        <v>19.223221110000001</v>
      </c>
    </row>
    <row r="8967" spans="1:10" x14ac:dyDescent="0.35">
      <c r="A8967" t="s">
        <v>22</v>
      </c>
      <c r="B8967" t="s">
        <v>56</v>
      </c>
      <c r="C8967" t="s">
        <v>117</v>
      </c>
      <c r="D8967" t="s">
        <v>118</v>
      </c>
      <c r="E8967">
        <v>2018</v>
      </c>
      <c r="F8967">
        <v>2018</v>
      </c>
      <c r="G8967" t="s">
        <v>14</v>
      </c>
      <c r="H8967" t="s">
        <v>120</v>
      </c>
      <c r="I8967" t="s">
        <v>15</v>
      </c>
      <c r="J8967" s="10">
        <v>7.6009166229999998</v>
      </c>
    </row>
    <row r="8968" spans="1:10" x14ac:dyDescent="0.35">
      <c r="A8968" t="s">
        <v>22</v>
      </c>
      <c r="B8968" t="s">
        <v>56</v>
      </c>
      <c r="C8968" t="s">
        <v>117</v>
      </c>
      <c r="D8968" t="s">
        <v>118</v>
      </c>
      <c r="E8968">
        <v>2018</v>
      </c>
      <c r="F8968">
        <v>2018</v>
      </c>
      <c r="G8968" t="s">
        <v>14</v>
      </c>
      <c r="H8968" t="s">
        <v>121</v>
      </c>
      <c r="I8968" t="s">
        <v>15</v>
      </c>
      <c r="J8968" s="10">
        <v>35.13602444</v>
      </c>
    </row>
    <row r="8969" spans="1:10" x14ac:dyDescent="0.35">
      <c r="A8969" t="s">
        <v>22</v>
      </c>
      <c r="B8969" t="s">
        <v>56</v>
      </c>
      <c r="C8969" t="s">
        <v>117</v>
      </c>
      <c r="D8969" t="s">
        <v>118</v>
      </c>
      <c r="E8969">
        <v>2018</v>
      </c>
      <c r="F8969">
        <v>2018</v>
      </c>
      <c r="G8969" t="s">
        <v>14</v>
      </c>
      <c r="H8969" t="s">
        <v>122</v>
      </c>
      <c r="I8969" t="s">
        <v>15</v>
      </c>
      <c r="J8969" s="10">
        <v>19.943592460000001</v>
      </c>
    </row>
    <row r="8970" spans="1:10" x14ac:dyDescent="0.35">
      <c r="A8970" t="s">
        <v>22</v>
      </c>
      <c r="B8970" t="s">
        <v>56</v>
      </c>
      <c r="C8970" t="s">
        <v>117</v>
      </c>
      <c r="D8970" t="s">
        <v>118</v>
      </c>
      <c r="E8970">
        <v>2018</v>
      </c>
      <c r="F8970">
        <v>2018</v>
      </c>
      <c r="G8970" t="s">
        <v>14</v>
      </c>
      <c r="H8970" t="s">
        <v>123</v>
      </c>
      <c r="I8970" t="s">
        <v>15</v>
      </c>
      <c r="J8970" s="10">
        <v>15.59081027</v>
      </c>
    </row>
    <row r="8971" spans="1:10" x14ac:dyDescent="0.35">
      <c r="A8971" t="s">
        <v>22</v>
      </c>
      <c r="B8971" t="s">
        <v>56</v>
      </c>
      <c r="C8971" t="s">
        <v>117</v>
      </c>
      <c r="D8971" t="s">
        <v>118</v>
      </c>
      <c r="E8971">
        <v>2018</v>
      </c>
      <c r="F8971">
        <v>2018</v>
      </c>
      <c r="G8971" t="s">
        <v>14</v>
      </c>
      <c r="H8971" t="s">
        <v>124</v>
      </c>
      <c r="I8971" t="s">
        <v>15</v>
      </c>
      <c r="J8971" s="10">
        <v>2.5054351019999999</v>
      </c>
    </row>
    <row r="8972" spans="1:10" x14ac:dyDescent="0.35">
      <c r="A8972" t="s">
        <v>22</v>
      </c>
      <c r="B8972" t="s">
        <v>56</v>
      </c>
      <c r="C8972" t="s">
        <v>117</v>
      </c>
      <c r="D8972" t="s">
        <v>118</v>
      </c>
      <c r="E8972">
        <v>2018</v>
      </c>
      <c r="F8972">
        <v>2018</v>
      </c>
      <c r="G8972" t="s">
        <v>125</v>
      </c>
      <c r="H8972" t="s">
        <v>119</v>
      </c>
      <c r="I8972" t="s">
        <v>15</v>
      </c>
      <c r="J8972" s="10">
        <v>20.616189009999999</v>
      </c>
    </row>
    <row r="8973" spans="1:10" x14ac:dyDescent="0.35">
      <c r="A8973" t="s">
        <v>22</v>
      </c>
      <c r="B8973" t="s">
        <v>56</v>
      </c>
      <c r="C8973" t="s">
        <v>117</v>
      </c>
      <c r="D8973" t="s">
        <v>118</v>
      </c>
      <c r="E8973">
        <v>2018</v>
      </c>
      <c r="F8973">
        <v>2018</v>
      </c>
      <c r="G8973" t="s">
        <v>125</v>
      </c>
      <c r="H8973" t="s">
        <v>120</v>
      </c>
      <c r="I8973" t="s">
        <v>15</v>
      </c>
      <c r="J8973" s="10">
        <v>8.0871753519999992</v>
      </c>
    </row>
    <row r="8974" spans="1:10" x14ac:dyDescent="0.35">
      <c r="A8974" t="s">
        <v>22</v>
      </c>
      <c r="B8974" t="s">
        <v>56</v>
      </c>
      <c r="C8974" t="s">
        <v>117</v>
      </c>
      <c r="D8974" t="s">
        <v>118</v>
      </c>
      <c r="E8974">
        <v>2018</v>
      </c>
      <c r="F8974">
        <v>2018</v>
      </c>
      <c r="G8974" t="s">
        <v>125</v>
      </c>
      <c r="H8974" t="s">
        <v>121</v>
      </c>
      <c r="I8974" t="s">
        <v>15</v>
      </c>
      <c r="J8974" s="10">
        <v>35.138899070000001</v>
      </c>
    </row>
    <row r="8975" spans="1:10" x14ac:dyDescent="0.35">
      <c r="A8975" t="s">
        <v>22</v>
      </c>
      <c r="B8975" t="s">
        <v>56</v>
      </c>
      <c r="C8975" t="s">
        <v>117</v>
      </c>
      <c r="D8975" t="s">
        <v>118</v>
      </c>
      <c r="E8975">
        <v>2018</v>
      </c>
      <c r="F8975">
        <v>2018</v>
      </c>
      <c r="G8975" t="s">
        <v>125</v>
      </c>
      <c r="H8975" t="s">
        <v>122</v>
      </c>
      <c r="I8975" t="s">
        <v>15</v>
      </c>
      <c r="J8975" s="10">
        <v>20.000488650000001</v>
      </c>
    </row>
    <row r="8976" spans="1:10" x14ac:dyDescent="0.35">
      <c r="A8976" t="s">
        <v>22</v>
      </c>
      <c r="B8976" t="s">
        <v>56</v>
      </c>
      <c r="C8976" t="s">
        <v>117</v>
      </c>
      <c r="D8976" t="s">
        <v>118</v>
      </c>
      <c r="E8976">
        <v>2018</v>
      </c>
      <c r="F8976">
        <v>2018</v>
      </c>
      <c r="G8976" t="s">
        <v>125</v>
      </c>
      <c r="H8976" t="s">
        <v>123</v>
      </c>
      <c r="I8976" t="s">
        <v>15</v>
      </c>
      <c r="J8976" s="10">
        <v>14.3394659</v>
      </c>
    </row>
    <row r="8977" spans="1:10" x14ac:dyDescent="0.35">
      <c r="A8977" t="s">
        <v>22</v>
      </c>
      <c r="B8977" t="s">
        <v>56</v>
      </c>
      <c r="C8977" t="s">
        <v>117</v>
      </c>
      <c r="D8977" t="s">
        <v>118</v>
      </c>
      <c r="E8977">
        <v>2018</v>
      </c>
      <c r="F8977">
        <v>2018</v>
      </c>
      <c r="G8977" t="s">
        <v>125</v>
      </c>
      <c r="H8977" t="s">
        <v>124</v>
      </c>
      <c r="I8977" t="s">
        <v>15</v>
      </c>
      <c r="J8977" s="10">
        <v>1.817782013</v>
      </c>
    </row>
    <row r="8978" spans="1:10" x14ac:dyDescent="0.35">
      <c r="A8978" t="s">
        <v>22</v>
      </c>
      <c r="B8978" t="s">
        <v>56</v>
      </c>
      <c r="C8978" t="s">
        <v>117</v>
      </c>
      <c r="D8978" t="s">
        <v>118</v>
      </c>
      <c r="E8978">
        <v>2018</v>
      </c>
      <c r="F8978">
        <v>2018</v>
      </c>
      <c r="G8978" t="s">
        <v>126</v>
      </c>
      <c r="H8978" t="s">
        <v>119</v>
      </c>
      <c r="I8978" t="s">
        <v>15</v>
      </c>
      <c r="J8978" s="10">
        <v>17.932346150000001</v>
      </c>
    </row>
    <row r="8979" spans="1:10" x14ac:dyDescent="0.35">
      <c r="A8979" t="s">
        <v>22</v>
      </c>
      <c r="B8979" t="s">
        <v>56</v>
      </c>
      <c r="C8979" t="s">
        <v>117</v>
      </c>
      <c r="D8979" t="s">
        <v>118</v>
      </c>
      <c r="E8979">
        <v>2018</v>
      </c>
      <c r="F8979">
        <v>2018</v>
      </c>
      <c r="G8979" t="s">
        <v>126</v>
      </c>
      <c r="H8979" t="s">
        <v>120</v>
      </c>
      <c r="I8979" t="s">
        <v>15</v>
      </c>
      <c r="J8979" s="10">
        <v>7.1502966079999997</v>
      </c>
    </row>
    <row r="8980" spans="1:10" x14ac:dyDescent="0.35">
      <c r="A8980" t="s">
        <v>22</v>
      </c>
      <c r="B8980" t="s">
        <v>56</v>
      </c>
      <c r="C8980" t="s">
        <v>117</v>
      </c>
      <c r="D8980" t="s">
        <v>118</v>
      </c>
      <c r="E8980">
        <v>2018</v>
      </c>
      <c r="F8980">
        <v>2018</v>
      </c>
      <c r="G8980" t="s">
        <v>126</v>
      </c>
      <c r="H8980" t="s">
        <v>121</v>
      </c>
      <c r="I8980" t="s">
        <v>15</v>
      </c>
      <c r="J8980" s="10">
        <v>35.133360500000002</v>
      </c>
    </row>
    <row r="8981" spans="1:10" x14ac:dyDescent="0.35">
      <c r="A8981" t="s">
        <v>22</v>
      </c>
      <c r="B8981" t="s">
        <v>56</v>
      </c>
      <c r="C8981" t="s">
        <v>117</v>
      </c>
      <c r="D8981" t="s">
        <v>118</v>
      </c>
      <c r="E8981">
        <v>2018</v>
      </c>
      <c r="F8981">
        <v>2018</v>
      </c>
      <c r="G8981" t="s">
        <v>126</v>
      </c>
      <c r="H8981" t="s">
        <v>122</v>
      </c>
      <c r="I8981" t="s">
        <v>15</v>
      </c>
      <c r="J8981" s="10">
        <v>19.890866280000001</v>
      </c>
    </row>
    <row r="8982" spans="1:10" x14ac:dyDescent="0.35">
      <c r="A8982" t="s">
        <v>22</v>
      </c>
      <c r="B8982" t="s">
        <v>56</v>
      </c>
      <c r="C8982" t="s">
        <v>117</v>
      </c>
      <c r="D8982" t="s">
        <v>118</v>
      </c>
      <c r="E8982">
        <v>2018</v>
      </c>
      <c r="F8982">
        <v>2018</v>
      </c>
      <c r="G8982" t="s">
        <v>126</v>
      </c>
      <c r="H8982" t="s">
        <v>123</v>
      </c>
      <c r="I8982" t="s">
        <v>15</v>
      </c>
      <c r="J8982" s="10">
        <v>16.750441519999999</v>
      </c>
    </row>
    <row r="8983" spans="1:10" x14ac:dyDescent="0.35">
      <c r="A8983" t="s">
        <v>22</v>
      </c>
      <c r="B8983" t="s">
        <v>56</v>
      </c>
      <c r="C8983" t="s">
        <v>117</v>
      </c>
      <c r="D8983" t="s">
        <v>118</v>
      </c>
      <c r="E8983">
        <v>2018</v>
      </c>
      <c r="F8983">
        <v>2018</v>
      </c>
      <c r="G8983" t="s">
        <v>126</v>
      </c>
      <c r="H8983" t="s">
        <v>124</v>
      </c>
      <c r="I8983" t="s">
        <v>15</v>
      </c>
      <c r="J8983" s="10">
        <v>3.1426889459999998</v>
      </c>
    </row>
    <row r="8984" spans="1:10" x14ac:dyDescent="0.35">
      <c r="A8984" t="s">
        <v>22</v>
      </c>
      <c r="B8984" t="s">
        <v>56</v>
      </c>
      <c r="C8984" t="s">
        <v>117</v>
      </c>
      <c r="D8984" t="s">
        <v>118</v>
      </c>
      <c r="E8984">
        <v>2017</v>
      </c>
      <c r="F8984">
        <v>2017</v>
      </c>
      <c r="G8984" t="s">
        <v>14</v>
      </c>
      <c r="H8984" t="s">
        <v>119</v>
      </c>
      <c r="I8984" t="s">
        <v>15</v>
      </c>
      <c r="J8984" s="10">
        <v>19.184218049999998</v>
      </c>
    </row>
    <row r="8985" spans="1:10" x14ac:dyDescent="0.35">
      <c r="A8985" t="s">
        <v>22</v>
      </c>
      <c r="B8985" t="s">
        <v>56</v>
      </c>
      <c r="C8985" t="s">
        <v>117</v>
      </c>
      <c r="D8985" t="s">
        <v>118</v>
      </c>
      <c r="E8985">
        <v>2017</v>
      </c>
      <c r="F8985">
        <v>2017</v>
      </c>
      <c r="G8985" t="s">
        <v>14</v>
      </c>
      <c r="H8985" t="s">
        <v>120</v>
      </c>
      <c r="I8985" t="s">
        <v>15</v>
      </c>
      <c r="J8985" s="10">
        <v>7.9267130469999998</v>
      </c>
    </row>
    <row r="8986" spans="1:10" x14ac:dyDescent="0.35">
      <c r="A8986" t="s">
        <v>22</v>
      </c>
      <c r="B8986" t="s">
        <v>56</v>
      </c>
      <c r="C8986" t="s">
        <v>117</v>
      </c>
      <c r="D8986" t="s">
        <v>118</v>
      </c>
      <c r="E8986">
        <v>2017</v>
      </c>
      <c r="F8986">
        <v>2017</v>
      </c>
      <c r="G8986" t="s">
        <v>14</v>
      </c>
      <c r="H8986" t="s">
        <v>121</v>
      </c>
      <c r="I8986" t="s">
        <v>15</v>
      </c>
      <c r="J8986" s="10">
        <v>34.613551889999997</v>
      </c>
    </row>
    <row r="8987" spans="1:10" x14ac:dyDescent="0.35">
      <c r="A8987" t="s">
        <v>22</v>
      </c>
      <c r="B8987" t="s">
        <v>56</v>
      </c>
      <c r="C8987" t="s">
        <v>117</v>
      </c>
      <c r="D8987" t="s">
        <v>118</v>
      </c>
      <c r="E8987">
        <v>2017</v>
      </c>
      <c r="F8987">
        <v>2017</v>
      </c>
      <c r="G8987" t="s">
        <v>14</v>
      </c>
      <c r="H8987" t="s">
        <v>122</v>
      </c>
      <c r="I8987" t="s">
        <v>15</v>
      </c>
      <c r="J8987" s="10">
        <v>20.076479559999999</v>
      </c>
    </row>
    <row r="8988" spans="1:10" x14ac:dyDescent="0.35">
      <c r="A8988" t="s">
        <v>22</v>
      </c>
      <c r="B8988" t="s">
        <v>56</v>
      </c>
      <c r="C8988" t="s">
        <v>117</v>
      </c>
      <c r="D8988" t="s">
        <v>118</v>
      </c>
      <c r="E8988">
        <v>2017</v>
      </c>
      <c r="F8988">
        <v>2017</v>
      </c>
      <c r="G8988" t="s">
        <v>14</v>
      </c>
      <c r="H8988" t="s">
        <v>123</v>
      </c>
      <c r="I8988" t="s">
        <v>15</v>
      </c>
      <c r="J8988" s="10">
        <v>15.64971886</v>
      </c>
    </row>
    <row r="8989" spans="1:10" x14ac:dyDescent="0.35">
      <c r="A8989" t="s">
        <v>22</v>
      </c>
      <c r="B8989" t="s">
        <v>56</v>
      </c>
      <c r="C8989" t="s">
        <v>117</v>
      </c>
      <c r="D8989" t="s">
        <v>118</v>
      </c>
      <c r="E8989">
        <v>2017</v>
      </c>
      <c r="F8989">
        <v>2017</v>
      </c>
      <c r="G8989" t="s">
        <v>14</v>
      </c>
      <c r="H8989" t="s">
        <v>124</v>
      </c>
      <c r="I8989" t="s">
        <v>15</v>
      </c>
      <c r="J8989" s="10">
        <v>2.5493185930000002</v>
      </c>
    </row>
    <row r="8990" spans="1:10" x14ac:dyDescent="0.35">
      <c r="A8990" t="s">
        <v>22</v>
      </c>
      <c r="B8990" t="s">
        <v>56</v>
      </c>
      <c r="C8990" t="s">
        <v>117</v>
      </c>
      <c r="D8990" t="s">
        <v>118</v>
      </c>
      <c r="E8990">
        <v>2017</v>
      </c>
      <c r="F8990">
        <v>2017</v>
      </c>
      <c r="G8990" t="s">
        <v>125</v>
      </c>
      <c r="H8990" t="s">
        <v>119</v>
      </c>
      <c r="I8990" t="s">
        <v>15</v>
      </c>
      <c r="J8990" s="10">
        <v>20.629258020000002</v>
      </c>
    </row>
    <row r="8991" spans="1:10" x14ac:dyDescent="0.35">
      <c r="A8991" t="s">
        <v>22</v>
      </c>
      <c r="B8991" t="s">
        <v>56</v>
      </c>
      <c r="C8991" t="s">
        <v>117</v>
      </c>
      <c r="D8991" t="s">
        <v>118</v>
      </c>
      <c r="E8991">
        <v>2017</v>
      </c>
      <c r="F8991">
        <v>2017</v>
      </c>
      <c r="G8991" t="s">
        <v>125</v>
      </c>
      <c r="H8991" t="s">
        <v>120</v>
      </c>
      <c r="I8991" t="s">
        <v>15</v>
      </c>
      <c r="J8991" s="10">
        <v>8.5222346089999998</v>
      </c>
    </row>
    <row r="8992" spans="1:10" x14ac:dyDescent="0.35">
      <c r="A8992" t="s">
        <v>22</v>
      </c>
      <c r="B8992" t="s">
        <v>56</v>
      </c>
      <c r="C8992" t="s">
        <v>117</v>
      </c>
      <c r="D8992" t="s">
        <v>118</v>
      </c>
      <c r="E8992">
        <v>2017</v>
      </c>
      <c r="F8992">
        <v>2017</v>
      </c>
      <c r="G8992" t="s">
        <v>125</v>
      </c>
      <c r="H8992" t="s">
        <v>121</v>
      </c>
      <c r="I8992" t="s">
        <v>15</v>
      </c>
      <c r="J8992" s="10">
        <v>34.324290849999997</v>
      </c>
    </row>
    <row r="8993" spans="1:10" x14ac:dyDescent="0.35">
      <c r="A8993" t="s">
        <v>22</v>
      </c>
      <c r="B8993" t="s">
        <v>56</v>
      </c>
      <c r="C8993" t="s">
        <v>117</v>
      </c>
      <c r="D8993" t="s">
        <v>118</v>
      </c>
      <c r="E8993">
        <v>2017</v>
      </c>
      <c r="F8993">
        <v>2017</v>
      </c>
      <c r="G8993" t="s">
        <v>125</v>
      </c>
      <c r="H8993" t="s">
        <v>122</v>
      </c>
      <c r="I8993" t="s">
        <v>15</v>
      </c>
      <c r="J8993" s="10">
        <v>20.18084975</v>
      </c>
    </row>
    <row r="8994" spans="1:10" x14ac:dyDescent="0.35">
      <c r="A8994" t="s">
        <v>22</v>
      </c>
      <c r="B8994" t="s">
        <v>56</v>
      </c>
      <c r="C8994" t="s">
        <v>117</v>
      </c>
      <c r="D8994" t="s">
        <v>118</v>
      </c>
      <c r="E8994">
        <v>2017</v>
      </c>
      <c r="F8994">
        <v>2017</v>
      </c>
      <c r="G8994" t="s">
        <v>125</v>
      </c>
      <c r="H8994" t="s">
        <v>123</v>
      </c>
      <c r="I8994" t="s">
        <v>15</v>
      </c>
      <c r="J8994" s="10">
        <v>14.43825096</v>
      </c>
    </row>
    <row r="8995" spans="1:10" x14ac:dyDescent="0.35">
      <c r="A8995" t="s">
        <v>22</v>
      </c>
      <c r="B8995" t="s">
        <v>56</v>
      </c>
      <c r="C8995" t="s">
        <v>117</v>
      </c>
      <c r="D8995" t="s">
        <v>118</v>
      </c>
      <c r="E8995">
        <v>2017</v>
      </c>
      <c r="F8995">
        <v>2017</v>
      </c>
      <c r="G8995" t="s">
        <v>125</v>
      </c>
      <c r="H8995" t="s">
        <v>124</v>
      </c>
      <c r="I8995" t="s">
        <v>15</v>
      </c>
      <c r="J8995" s="10">
        <v>1.9051158180000001</v>
      </c>
    </row>
    <row r="8996" spans="1:10" x14ac:dyDescent="0.35">
      <c r="A8996" t="s">
        <v>22</v>
      </c>
      <c r="B8996" t="s">
        <v>56</v>
      </c>
      <c r="C8996" t="s">
        <v>117</v>
      </c>
      <c r="D8996" t="s">
        <v>118</v>
      </c>
      <c r="E8996">
        <v>2017</v>
      </c>
      <c r="F8996">
        <v>2017</v>
      </c>
      <c r="G8996" t="s">
        <v>126</v>
      </c>
      <c r="H8996" t="s">
        <v>119</v>
      </c>
      <c r="I8996" t="s">
        <v>15</v>
      </c>
      <c r="J8996" s="10">
        <v>17.84575139</v>
      </c>
    </row>
    <row r="8997" spans="1:10" x14ac:dyDescent="0.35">
      <c r="A8997" t="s">
        <v>22</v>
      </c>
      <c r="B8997" t="s">
        <v>56</v>
      </c>
      <c r="C8997" t="s">
        <v>117</v>
      </c>
      <c r="D8997" t="s">
        <v>118</v>
      </c>
      <c r="E8997">
        <v>2017</v>
      </c>
      <c r="F8997">
        <v>2017</v>
      </c>
      <c r="G8997" t="s">
        <v>126</v>
      </c>
      <c r="H8997" t="s">
        <v>120</v>
      </c>
      <c r="I8997" t="s">
        <v>15</v>
      </c>
      <c r="J8997" s="10">
        <v>7.3751118660000001</v>
      </c>
    </row>
    <row r="8998" spans="1:10" x14ac:dyDescent="0.35">
      <c r="A8998" t="s">
        <v>22</v>
      </c>
      <c r="B8998" t="s">
        <v>56</v>
      </c>
      <c r="C8998" t="s">
        <v>117</v>
      </c>
      <c r="D8998" t="s">
        <v>118</v>
      </c>
      <c r="E8998">
        <v>2017</v>
      </c>
      <c r="F8998">
        <v>2017</v>
      </c>
      <c r="G8998" t="s">
        <v>126</v>
      </c>
      <c r="H8998" t="s">
        <v>121</v>
      </c>
      <c r="I8998" t="s">
        <v>15</v>
      </c>
      <c r="J8998" s="10">
        <v>34.88147961</v>
      </c>
    </row>
    <row r="8999" spans="1:10" x14ac:dyDescent="0.35">
      <c r="A8999" t="s">
        <v>22</v>
      </c>
      <c r="B8999" t="s">
        <v>56</v>
      </c>
      <c r="C8999" t="s">
        <v>117</v>
      </c>
      <c r="D8999" t="s">
        <v>118</v>
      </c>
      <c r="E8999">
        <v>2017</v>
      </c>
      <c r="F8999">
        <v>2017</v>
      </c>
      <c r="G8999" t="s">
        <v>126</v>
      </c>
      <c r="H8999" t="s">
        <v>122</v>
      </c>
      <c r="I8999" t="s">
        <v>15</v>
      </c>
      <c r="J8999" s="10">
        <v>19.979806790000001</v>
      </c>
    </row>
    <row r="9000" spans="1:10" x14ac:dyDescent="0.35">
      <c r="A9000" t="s">
        <v>22</v>
      </c>
      <c r="B9000" t="s">
        <v>56</v>
      </c>
      <c r="C9000" t="s">
        <v>117</v>
      </c>
      <c r="D9000" t="s">
        <v>118</v>
      </c>
      <c r="E9000">
        <v>2017</v>
      </c>
      <c r="F9000">
        <v>2017</v>
      </c>
      <c r="G9000" t="s">
        <v>126</v>
      </c>
      <c r="H9000" t="s">
        <v>123</v>
      </c>
      <c r="I9000" t="s">
        <v>15</v>
      </c>
      <c r="J9000" s="10">
        <v>16.77183965</v>
      </c>
    </row>
    <row r="9001" spans="1:10" x14ac:dyDescent="0.35">
      <c r="A9001" t="s">
        <v>22</v>
      </c>
      <c r="B9001" t="s">
        <v>56</v>
      </c>
      <c r="C9001" t="s">
        <v>117</v>
      </c>
      <c r="D9001" t="s">
        <v>118</v>
      </c>
      <c r="E9001">
        <v>2017</v>
      </c>
      <c r="F9001">
        <v>2017</v>
      </c>
      <c r="G9001" t="s">
        <v>126</v>
      </c>
      <c r="H9001" t="s">
        <v>124</v>
      </c>
      <c r="I9001" t="s">
        <v>15</v>
      </c>
      <c r="J9001" s="10">
        <v>3.146010693</v>
      </c>
    </row>
    <row r="9002" spans="1:10" x14ac:dyDescent="0.35">
      <c r="A9002" t="s">
        <v>22</v>
      </c>
      <c r="B9002" t="s">
        <v>56</v>
      </c>
      <c r="C9002" t="s">
        <v>117</v>
      </c>
      <c r="D9002" t="s">
        <v>118</v>
      </c>
      <c r="E9002">
        <v>2016</v>
      </c>
      <c r="F9002">
        <v>2016</v>
      </c>
      <c r="G9002" t="s">
        <v>14</v>
      </c>
      <c r="H9002" t="s">
        <v>119</v>
      </c>
      <c r="I9002" t="s">
        <v>15</v>
      </c>
      <c r="J9002" s="10">
        <v>19.06132362</v>
      </c>
    </row>
    <row r="9003" spans="1:10" x14ac:dyDescent="0.35">
      <c r="A9003" t="s">
        <v>22</v>
      </c>
      <c r="B9003" t="s">
        <v>56</v>
      </c>
      <c r="C9003" t="s">
        <v>117</v>
      </c>
      <c r="D9003" t="s">
        <v>118</v>
      </c>
      <c r="E9003">
        <v>2016</v>
      </c>
      <c r="F9003">
        <v>2016</v>
      </c>
      <c r="G9003" t="s">
        <v>14</v>
      </c>
      <c r="H9003" t="s">
        <v>120</v>
      </c>
      <c r="I9003" t="s">
        <v>15</v>
      </c>
      <c r="J9003" s="10">
        <v>8.4395871279999994</v>
      </c>
    </row>
    <row r="9004" spans="1:10" x14ac:dyDescent="0.35">
      <c r="A9004" t="s">
        <v>22</v>
      </c>
      <c r="B9004" t="s">
        <v>56</v>
      </c>
      <c r="C9004" t="s">
        <v>117</v>
      </c>
      <c r="D9004" t="s">
        <v>118</v>
      </c>
      <c r="E9004">
        <v>2016</v>
      </c>
      <c r="F9004">
        <v>2016</v>
      </c>
      <c r="G9004" t="s">
        <v>14</v>
      </c>
      <c r="H9004" t="s">
        <v>121</v>
      </c>
      <c r="I9004" t="s">
        <v>15</v>
      </c>
      <c r="J9004" s="10">
        <v>34.024286580000002</v>
      </c>
    </row>
    <row r="9005" spans="1:10" x14ac:dyDescent="0.35">
      <c r="A9005" t="s">
        <v>22</v>
      </c>
      <c r="B9005" t="s">
        <v>56</v>
      </c>
      <c r="C9005" t="s">
        <v>117</v>
      </c>
      <c r="D9005" t="s">
        <v>118</v>
      </c>
      <c r="E9005">
        <v>2016</v>
      </c>
      <c r="F9005">
        <v>2016</v>
      </c>
      <c r="G9005" t="s">
        <v>14</v>
      </c>
      <c r="H9005" t="s">
        <v>122</v>
      </c>
      <c r="I9005" t="s">
        <v>15</v>
      </c>
      <c r="J9005" s="10">
        <v>20.11657559</v>
      </c>
    </row>
    <row r="9006" spans="1:10" x14ac:dyDescent="0.35">
      <c r="A9006" t="s">
        <v>22</v>
      </c>
      <c r="B9006" t="s">
        <v>56</v>
      </c>
      <c r="C9006" t="s">
        <v>117</v>
      </c>
      <c r="D9006" t="s">
        <v>118</v>
      </c>
      <c r="E9006">
        <v>2016</v>
      </c>
      <c r="F9006">
        <v>2016</v>
      </c>
      <c r="G9006" t="s">
        <v>14</v>
      </c>
      <c r="H9006" t="s">
        <v>123</v>
      </c>
      <c r="I9006" t="s">
        <v>15</v>
      </c>
      <c r="J9006" s="10">
        <v>15.82149362</v>
      </c>
    </row>
    <row r="9007" spans="1:10" x14ac:dyDescent="0.35">
      <c r="A9007" t="s">
        <v>22</v>
      </c>
      <c r="B9007" t="s">
        <v>56</v>
      </c>
      <c r="C9007" t="s">
        <v>117</v>
      </c>
      <c r="D9007" t="s">
        <v>118</v>
      </c>
      <c r="E9007">
        <v>2016</v>
      </c>
      <c r="F9007">
        <v>2016</v>
      </c>
      <c r="G9007" t="s">
        <v>14</v>
      </c>
      <c r="H9007" t="s">
        <v>124</v>
      </c>
      <c r="I9007" t="s">
        <v>15</v>
      </c>
      <c r="J9007" s="10">
        <v>2.5367334549999998</v>
      </c>
    </row>
    <row r="9008" spans="1:10" x14ac:dyDescent="0.35">
      <c r="A9008" t="s">
        <v>22</v>
      </c>
      <c r="B9008" t="s">
        <v>56</v>
      </c>
      <c r="C9008" t="s">
        <v>117</v>
      </c>
      <c r="D9008" t="s">
        <v>118</v>
      </c>
      <c r="E9008">
        <v>2016</v>
      </c>
      <c r="F9008">
        <v>2016</v>
      </c>
      <c r="G9008" t="s">
        <v>125</v>
      </c>
      <c r="H9008" t="s">
        <v>119</v>
      </c>
      <c r="I9008" t="s">
        <v>15</v>
      </c>
      <c r="J9008" s="10">
        <v>20.48427006</v>
      </c>
    </row>
    <row r="9009" spans="1:10" x14ac:dyDescent="0.35">
      <c r="A9009" t="s">
        <v>22</v>
      </c>
      <c r="B9009" t="s">
        <v>56</v>
      </c>
      <c r="C9009" t="s">
        <v>117</v>
      </c>
      <c r="D9009" t="s">
        <v>118</v>
      </c>
      <c r="E9009">
        <v>2016</v>
      </c>
      <c r="F9009">
        <v>2016</v>
      </c>
      <c r="G9009" t="s">
        <v>125</v>
      </c>
      <c r="H9009" t="s">
        <v>120</v>
      </c>
      <c r="I9009" t="s">
        <v>15</v>
      </c>
      <c r="J9009" s="10">
        <v>8.9380396910000002</v>
      </c>
    </row>
    <row r="9010" spans="1:10" x14ac:dyDescent="0.35">
      <c r="A9010" t="s">
        <v>22</v>
      </c>
      <c r="B9010" t="s">
        <v>56</v>
      </c>
      <c r="C9010" t="s">
        <v>117</v>
      </c>
      <c r="D9010" t="s">
        <v>118</v>
      </c>
      <c r="E9010">
        <v>2016</v>
      </c>
      <c r="F9010">
        <v>2016</v>
      </c>
      <c r="G9010" t="s">
        <v>125</v>
      </c>
      <c r="H9010" t="s">
        <v>121</v>
      </c>
      <c r="I9010" t="s">
        <v>15</v>
      </c>
      <c r="J9010" s="10">
        <v>33.979700049999998</v>
      </c>
    </row>
    <row r="9011" spans="1:10" x14ac:dyDescent="0.35">
      <c r="A9011" t="s">
        <v>22</v>
      </c>
      <c r="B9011" t="s">
        <v>56</v>
      </c>
      <c r="C9011" t="s">
        <v>117</v>
      </c>
      <c r="D9011" t="s">
        <v>118</v>
      </c>
      <c r="E9011">
        <v>2016</v>
      </c>
      <c r="F9011">
        <v>2016</v>
      </c>
      <c r="G9011" t="s">
        <v>125</v>
      </c>
      <c r="H9011" t="s">
        <v>122</v>
      </c>
      <c r="I9011" t="s">
        <v>15</v>
      </c>
      <c r="J9011" s="10">
        <v>20.17623592</v>
      </c>
    </row>
    <row r="9012" spans="1:10" x14ac:dyDescent="0.35">
      <c r="A9012" t="s">
        <v>22</v>
      </c>
      <c r="B9012" t="s">
        <v>56</v>
      </c>
      <c r="C9012" t="s">
        <v>117</v>
      </c>
      <c r="D9012" t="s">
        <v>118</v>
      </c>
      <c r="E9012">
        <v>2016</v>
      </c>
      <c r="F9012">
        <v>2016</v>
      </c>
      <c r="G9012" t="s">
        <v>125</v>
      </c>
      <c r="H9012" t="s">
        <v>123</v>
      </c>
      <c r="I9012" t="s">
        <v>15</v>
      </c>
      <c r="J9012" s="10">
        <v>14.538201279999999</v>
      </c>
    </row>
    <row r="9013" spans="1:10" x14ac:dyDescent="0.35">
      <c r="A9013" t="s">
        <v>22</v>
      </c>
      <c r="B9013" t="s">
        <v>56</v>
      </c>
      <c r="C9013" t="s">
        <v>117</v>
      </c>
      <c r="D9013" t="s">
        <v>118</v>
      </c>
      <c r="E9013">
        <v>2016</v>
      </c>
      <c r="F9013">
        <v>2016</v>
      </c>
      <c r="G9013" t="s">
        <v>125</v>
      </c>
      <c r="H9013" t="s">
        <v>124</v>
      </c>
      <c r="I9013" t="s">
        <v>15</v>
      </c>
      <c r="J9013" s="10">
        <v>1.883552997</v>
      </c>
    </row>
    <row r="9014" spans="1:10" x14ac:dyDescent="0.35">
      <c r="A9014" t="s">
        <v>22</v>
      </c>
      <c r="B9014" t="s">
        <v>56</v>
      </c>
      <c r="C9014" t="s">
        <v>117</v>
      </c>
      <c r="D9014" t="s">
        <v>118</v>
      </c>
      <c r="E9014">
        <v>2016</v>
      </c>
      <c r="F9014">
        <v>2016</v>
      </c>
      <c r="G9014" t="s">
        <v>126</v>
      </c>
      <c r="H9014" t="s">
        <v>119</v>
      </c>
      <c r="I9014" t="s">
        <v>15</v>
      </c>
      <c r="J9014" s="10">
        <v>17.7428411</v>
      </c>
    </row>
    <row r="9015" spans="1:10" x14ac:dyDescent="0.35">
      <c r="A9015" t="s">
        <v>22</v>
      </c>
      <c r="B9015" t="s">
        <v>56</v>
      </c>
      <c r="C9015" t="s">
        <v>117</v>
      </c>
      <c r="D9015" t="s">
        <v>118</v>
      </c>
      <c r="E9015">
        <v>2016</v>
      </c>
      <c r="F9015">
        <v>2016</v>
      </c>
      <c r="G9015" t="s">
        <v>126</v>
      </c>
      <c r="H9015" t="s">
        <v>120</v>
      </c>
      <c r="I9015" t="s">
        <v>15</v>
      </c>
      <c r="J9015" s="10">
        <v>7.9777278679999997</v>
      </c>
    </row>
    <row r="9016" spans="1:10" x14ac:dyDescent="0.35">
      <c r="A9016" t="s">
        <v>22</v>
      </c>
      <c r="B9016" t="s">
        <v>56</v>
      </c>
      <c r="C9016" t="s">
        <v>117</v>
      </c>
      <c r="D9016" t="s">
        <v>118</v>
      </c>
      <c r="E9016">
        <v>2016</v>
      </c>
      <c r="F9016">
        <v>2016</v>
      </c>
      <c r="G9016" t="s">
        <v>126</v>
      </c>
      <c r="H9016" t="s">
        <v>121</v>
      </c>
      <c r="I9016" t="s">
        <v>15</v>
      </c>
      <c r="J9016" s="10">
        <v>34.065599849999998</v>
      </c>
    </row>
    <row r="9017" spans="1:10" x14ac:dyDescent="0.35">
      <c r="A9017" t="s">
        <v>22</v>
      </c>
      <c r="B9017" t="s">
        <v>56</v>
      </c>
      <c r="C9017" t="s">
        <v>117</v>
      </c>
      <c r="D9017" t="s">
        <v>118</v>
      </c>
      <c r="E9017">
        <v>2016</v>
      </c>
      <c r="F9017">
        <v>2016</v>
      </c>
      <c r="G9017" t="s">
        <v>126</v>
      </c>
      <c r="H9017" t="s">
        <v>122</v>
      </c>
      <c r="I9017" t="s">
        <v>15</v>
      </c>
      <c r="J9017" s="10">
        <v>20.061295149999999</v>
      </c>
    </row>
    <row r="9018" spans="1:10" x14ac:dyDescent="0.35">
      <c r="A9018" t="s">
        <v>22</v>
      </c>
      <c r="B9018" t="s">
        <v>56</v>
      </c>
      <c r="C9018" t="s">
        <v>117</v>
      </c>
      <c r="D9018" t="s">
        <v>118</v>
      </c>
      <c r="E9018">
        <v>2016</v>
      </c>
      <c r="F9018">
        <v>2016</v>
      </c>
      <c r="G9018" t="s">
        <v>126</v>
      </c>
      <c r="H9018" t="s">
        <v>123</v>
      </c>
      <c r="I9018" t="s">
        <v>15</v>
      </c>
      <c r="J9018" s="10">
        <v>17.01057458</v>
      </c>
    </row>
    <row r="9019" spans="1:10" x14ac:dyDescent="0.35">
      <c r="A9019" t="s">
        <v>22</v>
      </c>
      <c r="B9019" t="s">
        <v>56</v>
      </c>
      <c r="C9019" t="s">
        <v>117</v>
      </c>
      <c r="D9019" t="s">
        <v>118</v>
      </c>
      <c r="E9019">
        <v>2016</v>
      </c>
      <c r="F9019">
        <v>2016</v>
      </c>
      <c r="G9019" t="s">
        <v>126</v>
      </c>
      <c r="H9019" t="s">
        <v>124</v>
      </c>
      <c r="I9019" t="s">
        <v>15</v>
      </c>
      <c r="J9019" s="10">
        <v>3.1419614450000002</v>
      </c>
    </row>
    <row r="9020" spans="1:10" x14ac:dyDescent="0.35">
      <c r="A9020" t="s">
        <v>22</v>
      </c>
      <c r="B9020" t="s">
        <v>56</v>
      </c>
      <c r="C9020" t="s">
        <v>117</v>
      </c>
      <c r="D9020" t="s">
        <v>118</v>
      </c>
      <c r="E9020">
        <v>2015</v>
      </c>
      <c r="F9020">
        <v>2015</v>
      </c>
      <c r="G9020" t="s">
        <v>14</v>
      </c>
      <c r="H9020" t="s">
        <v>119</v>
      </c>
      <c r="I9020" t="s">
        <v>15</v>
      </c>
      <c r="J9020" s="10">
        <v>18.97455553</v>
      </c>
    </row>
    <row r="9021" spans="1:10" x14ac:dyDescent="0.35">
      <c r="A9021" t="s">
        <v>22</v>
      </c>
      <c r="B9021" t="s">
        <v>56</v>
      </c>
      <c r="C9021" t="s">
        <v>117</v>
      </c>
      <c r="D9021" t="s">
        <v>118</v>
      </c>
      <c r="E9021">
        <v>2015</v>
      </c>
      <c r="F9021">
        <v>2015</v>
      </c>
      <c r="G9021" t="s">
        <v>14</v>
      </c>
      <c r="H9021" t="s">
        <v>120</v>
      </c>
      <c r="I9021" t="s">
        <v>15</v>
      </c>
      <c r="J9021" s="10">
        <v>8.8462204199999999</v>
      </c>
    </row>
    <row r="9022" spans="1:10" x14ac:dyDescent="0.35">
      <c r="A9022" t="s">
        <v>22</v>
      </c>
      <c r="B9022" t="s">
        <v>56</v>
      </c>
      <c r="C9022" t="s">
        <v>117</v>
      </c>
      <c r="D9022" t="s">
        <v>118</v>
      </c>
      <c r="E9022">
        <v>2015</v>
      </c>
      <c r="F9022">
        <v>2015</v>
      </c>
      <c r="G9022" t="s">
        <v>14</v>
      </c>
      <c r="H9022" t="s">
        <v>121</v>
      </c>
      <c r="I9022" t="s">
        <v>15</v>
      </c>
      <c r="J9022" s="10">
        <v>33.441309560000001</v>
      </c>
    </row>
    <row r="9023" spans="1:10" x14ac:dyDescent="0.35">
      <c r="A9023" t="s">
        <v>22</v>
      </c>
      <c r="B9023" t="s">
        <v>56</v>
      </c>
      <c r="C9023" t="s">
        <v>117</v>
      </c>
      <c r="D9023" t="s">
        <v>118</v>
      </c>
      <c r="E9023">
        <v>2015</v>
      </c>
      <c r="F9023">
        <v>2015</v>
      </c>
      <c r="G9023" t="s">
        <v>14</v>
      </c>
      <c r="H9023" t="s">
        <v>122</v>
      </c>
      <c r="I9023" t="s">
        <v>15</v>
      </c>
      <c r="J9023" s="10">
        <v>20.20721545</v>
      </c>
    </row>
    <row r="9024" spans="1:10" x14ac:dyDescent="0.35">
      <c r="A9024" t="s">
        <v>22</v>
      </c>
      <c r="B9024" t="s">
        <v>56</v>
      </c>
      <c r="C9024" t="s">
        <v>117</v>
      </c>
      <c r="D9024" t="s">
        <v>118</v>
      </c>
      <c r="E9024">
        <v>2015</v>
      </c>
      <c r="F9024">
        <v>2015</v>
      </c>
      <c r="G9024" t="s">
        <v>14</v>
      </c>
      <c r="H9024" t="s">
        <v>123</v>
      </c>
      <c r="I9024" t="s">
        <v>15</v>
      </c>
      <c r="J9024" s="10">
        <v>16.062906460000001</v>
      </c>
    </row>
    <row r="9025" spans="1:10" x14ac:dyDescent="0.35">
      <c r="A9025" t="s">
        <v>22</v>
      </c>
      <c r="B9025" t="s">
        <v>56</v>
      </c>
      <c r="C9025" t="s">
        <v>117</v>
      </c>
      <c r="D9025" t="s">
        <v>118</v>
      </c>
      <c r="E9025">
        <v>2015</v>
      </c>
      <c r="F9025">
        <v>2015</v>
      </c>
      <c r="G9025" t="s">
        <v>14</v>
      </c>
      <c r="H9025" t="s">
        <v>124</v>
      </c>
      <c r="I9025" t="s">
        <v>15</v>
      </c>
      <c r="J9025" s="10">
        <v>2.4677925869999999</v>
      </c>
    </row>
    <row r="9026" spans="1:10" x14ac:dyDescent="0.35">
      <c r="A9026" t="s">
        <v>22</v>
      </c>
      <c r="B9026" t="s">
        <v>56</v>
      </c>
      <c r="C9026" t="s">
        <v>117</v>
      </c>
      <c r="D9026" t="s">
        <v>118</v>
      </c>
      <c r="E9026">
        <v>2015</v>
      </c>
      <c r="F9026">
        <v>2015</v>
      </c>
      <c r="G9026" t="s">
        <v>125</v>
      </c>
      <c r="H9026" t="s">
        <v>119</v>
      </c>
      <c r="I9026" t="s">
        <v>15</v>
      </c>
      <c r="J9026" s="10">
        <v>20.384783330000001</v>
      </c>
    </row>
    <row r="9027" spans="1:10" x14ac:dyDescent="0.35">
      <c r="A9027" t="s">
        <v>22</v>
      </c>
      <c r="B9027" t="s">
        <v>56</v>
      </c>
      <c r="C9027" t="s">
        <v>117</v>
      </c>
      <c r="D9027" t="s">
        <v>118</v>
      </c>
      <c r="E9027">
        <v>2015</v>
      </c>
      <c r="F9027">
        <v>2015</v>
      </c>
      <c r="G9027" t="s">
        <v>125</v>
      </c>
      <c r="H9027" t="s">
        <v>120</v>
      </c>
      <c r="I9027" t="s">
        <v>15</v>
      </c>
      <c r="J9027" s="10">
        <v>9.4346407750000001</v>
      </c>
    </row>
    <row r="9028" spans="1:10" x14ac:dyDescent="0.35">
      <c r="A9028" t="s">
        <v>22</v>
      </c>
      <c r="B9028" t="s">
        <v>56</v>
      </c>
      <c r="C9028" t="s">
        <v>117</v>
      </c>
      <c r="D9028" t="s">
        <v>118</v>
      </c>
      <c r="E9028">
        <v>2015</v>
      </c>
      <c r="F9028">
        <v>2015</v>
      </c>
      <c r="G9028" t="s">
        <v>125</v>
      </c>
      <c r="H9028" t="s">
        <v>121</v>
      </c>
      <c r="I9028" t="s">
        <v>15</v>
      </c>
      <c r="J9028" s="10">
        <v>33.3641571</v>
      </c>
    </row>
    <row r="9029" spans="1:10" x14ac:dyDescent="0.35">
      <c r="A9029" t="s">
        <v>22</v>
      </c>
      <c r="B9029" t="s">
        <v>56</v>
      </c>
      <c r="C9029" t="s">
        <v>117</v>
      </c>
      <c r="D9029" t="s">
        <v>118</v>
      </c>
      <c r="E9029">
        <v>2015</v>
      </c>
      <c r="F9029">
        <v>2015</v>
      </c>
      <c r="G9029" t="s">
        <v>125</v>
      </c>
      <c r="H9029" t="s">
        <v>122</v>
      </c>
      <c r="I9029" t="s">
        <v>15</v>
      </c>
      <c r="J9029" s="10">
        <v>20.287174749999998</v>
      </c>
    </row>
    <row r="9030" spans="1:10" x14ac:dyDescent="0.35">
      <c r="A9030" t="s">
        <v>22</v>
      </c>
      <c r="B9030" t="s">
        <v>56</v>
      </c>
      <c r="C9030" t="s">
        <v>117</v>
      </c>
      <c r="D9030" t="s">
        <v>118</v>
      </c>
      <c r="E9030">
        <v>2015</v>
      </c>
      <c r="F9030">
        <v>2015</v>
      </c>
      <c r="G9030" t="s">
        <v>125</v>
      </c>
      <c r="H9030" t="s">
        <v>123</v>
      </c>
      <c r="I9030" t="s">
        <v>15</v>
      </c>
      <c r="J9030" s="10">
        <v>14.718347850000001</v>
      </c>
    </row>
    <row r="9031" spans="1:10" x14ac:dyDescent="0.35">
      <c r="A9031" t="s">
        <v>22</v>
      </c>
      <c r="B9031" t="s">
        <v>56</v>
      </c>
      <c r="C9031" t="s">
        <v>117</v>
      </c>
      <c r="D9031" t="s">
        <v>118</v>
      </c>
      <c r="E9031">
        <v>2015</v>
      </c>
      <c r="F9031">
        <v>2015</v>
      </c>
      <c r="G9031" t="s">
        <v>125</v>
      </c>
      <c r="H9031" t="s">
        <v>124</v>
      </c>
      <c r="I9031" t="s">
        <v>15</v>
      </c>
      <c r="J9031" s="10">
        <v>1.810896201</v>
      </c>
    </row>
    <row r="9032" spans="1:10" x14ac:dyDescent="0.35">
      <c r="A9032" t="s">
        <v>22</v>
      </c>
      <c r="B9032" t="s">
        <v>56</v>
      </c>
      <c r="C9032" t="s">
        <v>117</v>
      </c>
      <c r="D9032" t="s">
        <v>118</v>
      </c>
      <c r="E9032">
        <v>2015</v>
      </c>
      <c r="F9032">
        <v>2015</v>
      </c>
      <c r="G9032" t="s">
        <v>126</v>
      </c>
      <c r="H9032" t="s">
        <v>119</v>
      </c>
      <c r="I9032" t="s">
        <v>15</v>
      </c>
      <c r="J9032" s="10">
        <v>17.66584825</v>
      </c>
    </row>
    <row r="9033" spans="1:10" x14ac:dyDescent="0.35">
      <c r="A9033" t="s">
        <v>22</v>
      </c>
      <c r="B9033" t="s">
        <v>56</v>
      </c>
      <c r="C9033" t="s">
        <v>117</v>
      </c>
      <c r="D9033" t="s">
        <v>118</v>
      </c>
      <c r="E9033">
        <v>2015</v>
      </c>
      <c r="F9033">
        <v>2015</v>
      </c>
      <c r="G9033" t="s">
        <v>126</v>
      </c>
      <c r="H9033" t="s">
        <v>120</v>
      </c>
      <c r="I9033" t="s">
        <v>15</v>
      </c>
      <c r="J9033" s="10">
        <v>8.3001597100000009</v>
      </c>
    </row>
    <row r="9034" spans="1:10" x14ac:dyDescent="0.35">
      <c r="A9034" t="s">
        <v>22</v>
      </c>
      <c r="B9034" t="s">
        <v>56</v>
      </c>
      <c r="C9034" t="s">
        <v>117</v>
      </c>
      <c r="D9034" t="s">
        <v>118</v>
      </c>
      <c r="E9034">
        <v>2015</v>
      </c>
      <c r="F9034">
        <v>2015</v>
      </c>
      <c r="G9034" t="s">
        <v>126</v>
      </c>
      <c r="H9034" t="s">
        <v>121</v>
      </c>
      <c r="I9034" t="s">
        <v>15</v>
      </c>
      <c r="J9034" s="10">
        <v>33.512907920000004</v>
      </c>
    </row>
    <row r="9035" spans="1:10" x14ac:dyDescent="0.35">
      <c r="A9035" t="s">
        <v>22</v>
      </c>
      <c r="B9035" t="s">
        <v>56</v>
      </c>
      <c r="C9035" t="s">
        <v>117</v>
      </c>
      <c r="D9035" t="s">
        <v>118</v>
      </c>
      <c r="E9035">
        <v>2015</v>
      </c>
      <c r="F9035">
        <v>2015</v>
      </c>
      <c r="G9035" t="s">
        <v>126</v>
      </c>
      <c r="H9035" t="s">
        <v>122</v>
      </c>
      <c r="I9035" t="s">
        <v>15</v>
      </c>
      <c r="J9035" s="10">
        <v>20.133012319999999</v>
      </c>
    </row>
    <row r="9036" spans="1:10" x14ac:dyDescent="0.35">
      <c r="A9036" t="s">
        <v>22</v>
      </c>
      <c r="B9036" t="s">
        <v>56</v>
      </c>
      <c r="C9036" t="s">
        <v>117</v>
      </c>
      <c r="D9036" t="s">
        <v>118</v>
      </c>
      <c r="E9036">
        <v>2015</v>
      </c>
      <c r="F9036">
        <v>2015</v>
      </c>
      <c r="G9036" t="s">
        <v>126</v>
      </c>
      <c r="H9036" t="s">
        <v>123</v>
      </c>
      <c r="I9036" t="s">
        <v>15</v>
      </c>
      <c r="J9036" s="10">
        <v>17.310671970000001</v>
      </c>
    </row>
    <row r="9037" spans="1:10" x14ac:dyDescent="0.35">
      <c r="A9037" t="s">
        <v>22</v>
      </c>
      <c r="B9037" t="s">
        <v>56</v>
      </c>
      <c r="C9037" t="s">
        <v>117</v>
      </c>
      <c r="D9037" t="s">
        <v>118</v>
      </c>
      <c r="E9037">
        <v>2015</v>
      </c>
      <c r="F9037">
        <v>2015</v>
      </c>
      <c r="G9037" t="s">
        <v>126</v>
      </c>
      <c r="H9037" t="s">
        <v>124</v>
      </c>
      <c r="I9037" t="s">
        <v>15</v>
      </c>
      <c r="J9037" s="10">
        <v>3.077399824</v>
      </c>
    </row>
    <row r="9038" spans="1:10" x14ac:dyDescent="0.35">
      <c r="A9038" t="s">
        <v>22</v>
      </c>
      <c r="B9038" t="s">
        <v>56</v>
      </c>
      <c r="C9038" t="s">
        <v>117</v>
      </c>
      <c r="D9038" t="s">
        <v>118</v>
      </c>
      <c r="E9038">
        <v>2014</v>
      </c>
      <c r="F9038">
        <v>2014</v>
      </c>
      <c r="G9038" t="s">
        <v>14</v>
      </c>
      <c r="H9038" t="s">
        <v>119</v>
      </c>
      <c r="I9038" t="s">
        <v>15</v>
      </c>
      <c r="J9038" s="10">
        <v>18.87892321</v>
      </c>
    </row>
    <row r="9039" spans="1:10" x14ac:dyDescent="0.35">
      <c r="A9039" t="s">
        <v>22</v>
      </c>
      <c r="B9039" t="s">
        <v>56</v>
      </c>
      <c r="C9039" t="s">
        <v>117</v>
      </c>
      <c r="D9039" t="s">
        <v>118</v>
      </c>
      <c r="E9039">
        <v>2014</v>
      </c>
      <c r="F9039">
        <v>2014</v>
      </c>
      <c r="G9039" t="s">
        <v>14</v>
      </c>
      <c r="H9039" t="s">
        <v>120</v>
      </c>
      <c r="I9039" t="s">
        <v>15</v>
      </c>
      <c r="J9039" s="10">
        <v>9.1867752469999999</v>
      </c>
    </row>
    <row r="9040" spans="1:10" x14ac:dyDescent="0.35">
      <c r="A9040" t="s">
        <v>22</v>
      </c>
      <c r="B9040" t="s">
        <v>56</v>
      </c>
      <c r="C9040" t="s">
        <v>117</v>
      </c>
      <c r="D9040" t="s">
        <v>118</v>
      </c>
      <c r="E9040">
        <v>2014</v>
      </c>
      <c r="F9040">
        <v>2014</v>
      </c>
      <c r="G9040" t="s">
        <v>14</v>
      </c>
      <c r="H9040" t="s">
        <v>121</v>
      </c>
      <c r="I9040" t="s">
        <v>15</v>
      </c>
      <c r="J9040" s="10">
        <v>33.22325215</v>
      </c>
    </row>
    <row r="9041" spans="1:10" x14ac:dyDescent="0.35">
      <c r="A9041" t="s">
        <v>22</v>
      </c>
      <c r="B9041" t="s">
        <v>56</v>
      </c>
      <c r="C9041" t="s">
        <v>117</v>
      </c>
      <c r="D9041" t="s">
        <v>118</v>
      </c>
      <c r="E9041">
        <v>2014</v>
      </c>
      <c r="F9041">
        <v>2014</v>
      </c>
      <c r="G9041" t="s">
        <v>14</v>
      </c>
      <c r="H9041" t="s">
        <v>122</v>
      </c>
      <c r="I9041" t="s">
        <v>15</v>
      </c>
      <c r="J9041" s="10">
        <v>20.157366060000001</v>
      </c>
    </row>
    <row r="9042" spans="1:10" x14ac:dyDescent="0.35">
      <c r="A9042" t="s">
        <v>22</v>
      </c>
      <c r="B9042" t="s">
        <v>56</v>
      </c>
      <c r="C9042" t="s">
        <v>117</v>
      </c>
      <c r="D9042" t="s">
        <v>118</v>
      </c>
      <c r="E9042">
        <v>2014</v>
      </c>
      <c r="F9042">
        <v>2014</v>
      </c>
      <c r="G9042" t="s">
        <v>14</v>
      </c>
      <c r="H9042" t="s">
        <v>123</v>
      </c>
      <c r="I9042" t="s">
        <v>15</v>
      </c>
      <c r="J9042" s="10">
        <v>16.12314082</v>
      </c>
    </row>
    <row r="9043" spans="1:10" x14ac:dyDescent="0.35">
      <c r="A9043" t="s">
        <v>22</v>
      </c>
      <c r="B9043" t="s">
        <v>56</v>
      </c>
      <c r="C9043" t="s">
        <v>117</v>
      </c>
      <c r="D9043" t="s">
        <v>118</v>
      </c>
      <c r="E9043">
        <v>2014</v>
      </c>
      <c r="F9043">
        <v>2014</v>
      </c>
      <c r="G9043" t="s">
        <v>14</v>
      </c>
      <c r="H9043" t="s">
        <v>124</v>
      </c>
      <c r="I9043" t="s">
        <v>15</v>
      </c>
      <c r="J9043" s="10">
        <v>2.4305425249999999</v>
      </c>
    </row>
    <row r="9044" spans="1:10" x14ac:dyDescent="0.35">
      <c r="A9044" t="s">
        <v>22</v>
      </c>
      <c r="B9044" t="s">
        <v>56</v>
      </c>
      <c r="C9044" t="s">
        <v>117</v>
      </c>
      <c r="D9044" t="s">
        <v>118</v>
      </c>
      <c r="E9044">
        <v>2014</v>
      </c>
      <c r="F9044">
        <v>2014</v>
      </c>
      <c r="G9044" t="s">
        <v>125</v>
      </c>
      <c r="H9044" t="s">
        <v>119</v>
      </c>
      <c r="I9044" t="s">
        <v>15</v>
      </c>
      <c r="J9044" s="10">
        <v>20.359499190000001</v>
      </c>
    </row>
    <row r="9045" spans="1:10" x14ac:dyDescent="0.35">
      <c r="A9045" t="s">
        <v>22</v>
      </c>
      <c r="B9045" t="s">
        <v>56</v>
      </c>
      <c r="C9045" t="s">
        <v>117</v>
      </c>
      <c r="D9045" t="s">
        <v>118</v>
      </c>
      <c r="E9045">
        <v>2014</v>
      </c>
      <c r="F9045">
        <v>2014</v>
      </c>
      <c r="G9045" t="s">
        <v>125</v>
      </c>
      <c r="H9045" t="s">
        <v>120</v>
      </c>
      <c r="I9045" t="s">
        <v>15</v>
      </c>
      <c r="J9045" s="10">
        <v>9.8108992669999999</v>
      </c>
    </row>
    <row r="9046" spans="1:10" x14ac:dyDescent="0.35">
      <c r="A9046" t="s">
        <v>22</v>
      </c>
      <c r="B9046" t="s">
        <v>56</v>
      </c>
      <c r="C9046" t="s">
        <v>117</v>
      </c>
      <c r="D9046" t="s">
        <v>118</v>
      </c>
      <c r="E9046">
        <v>2014</v>
      </c>
      <c r="F9046">
        <v>2014</v>
      </c>
      <c r="G9046" t="s">
        <v>125</v>
      </c>
      <c r="H9046" t="s">
        <v>121</v>
      </c>
      <c r="I9046" t="s">
        <v>15</v>
      </c>
      <c r="J9046" s="10">
        <v>33.048470049999999</v>
      </c>
    </row>
    <row r="9047" spans="1:10" x14ac:dyDescent="0.35">
      <c r="A9047" t="s">
        <v>22</v>
      </c>
      <c r="B9047" t="s">
        <v>56</v>
      </c>
      <c r="C9047" t="s">
        <v>117</v>
      </c>
      <c r="D9047" t="s">
        <v>118</v>
      </c>
      <c r="E9047">
        <v>2014</v>
      </c>
      <c r="F9047">
        <v>2014</v>
      </c>
      <c r="G9047" t="s">
        <v>125</v>
      </c>
      <c r="H9047" t="s">
        <v>122</v>
      </c>
      <c r="I9047" t="s">
        <v>15</v>
      </c>
      <c r="J9047" s="10">
        <v>20.229622320000001</v>
      </c>
    </row>
    <row r="9048" spans="1:10" x14ac:dyDescent="0.35">
      <c r="A9048" t="s">
        <v>22</v>
      </c>
      <c r="B9048" t="s">
        <v>56</v>
      </c>
      <c r="C9048" t="s">
        <v>117</v>
      </c>
      <c r="D9048" t="s">
        <v>118</v>
      </c>
      <c r="E9048">
        <v>2014</v>
      </c>
      <c r="F9048">
        <v>2014</v>
      </c>
      <c r="G9048" t="s">
        <v>125</v>
      </c>
      <c r="H9048" t="s">
        <v>123</v>
      </c>
      <c r="I9048" t="s">
        <v>15</v>
      </c>
      <c r="J9048" s="10">
        <v>14.748818119999999</v>
      </c>
    </row>
    <row r="9049" spans="1:10" x14ac:dyDescent="0.35">
      <c r="A9049" t="s">
        <v>22</v>
      </c>
      <c r="B9049" t="s">
        <v>56</v>
      </c>
      <c r="C9049" t="s">
        <v>117</v>
      </c>
      <c r="D9049" t="s">
        <v>118</v>
      </c>
      <c r="E9049">
        <v>2014</v>
      </c>
      <c r="F9049">
        <v>2014</v>
      </c>
      <c r="G9049" t="s">
        <v>125</v>
      </c>
      <c r="H9049" t="s">
        <v>124</v>
      </c>
      <c r="I9049" t="s">
        <v>15</v>
      </c>
      <c r="J9049" s="10">
        <v>1.8026910490000001</v>
      </c>
    </row>
    <row r="9050" spans="1:10" x14ac:dyDescent="0.35">
      <c r="A9050" t="s">
        <v>22</v>
      </c>
      <c r="B9050" t="s">
        <v>56</v>
      </c>
      <c r="C9050" t="s">
        <v>117</v>
      </c>
      <c r="D9050" t="s">
        <v>118</v>
      </c>
      <c r="E9050">
        <v>2014</v>
      </c>
      <c r="F9050">
        <v>2014</v>
      </c>
      <c r="G9050" t="s">
        <v>126</v>
      </c>
      <c r="H9050" t="s">
        <v>119</v>
      </c>
      <c r="I9050" t="s">
        <v>15</v>
      </c>
      <c r="J9050" s="10">
        <v>17.503559110000001</v>
      </c>
    </row>
    <row r="9051" spans="1:10" x14ac:dyDescent="0.35">
      <c r="A9051" t="s">
        <v>22</v>
      </c>
      <c r="B9051" t="s">
        <v>56</v>
      </c>
      <c r="C9051" t="s">
        <v>117</v>
      </c>
      <c r="D9051" t="s">
        <v>118</v>
      </c>
      <c r="E9051">
        <v>2014</v>
      </c>
      <c r="F9051">
        <v>2014</v>
      </c>
      <c r="G9051" t="s">
        <v>126</v>
      </c>
      <c r="H9051" t="s">
        <v>120</v>
      </c>
      <c r="I9051" t="s">
        <v>15</v>
      </c>
      <c r="J9051" s="10">
        <v>8.6070023889999998</v>
      </c>
    </row>
    <row r="9052" spans="1:10" x14ac:dyDescent="0.35">
      <c r="A9052" t="s">
        <v>22</v>
      </c>
      <c r="B9052" t="s">
        <v>56</v>
      </c>
      <c r="C9052" t="s">
        <v>117</v>
      </c>
      <c r="D9052" t="s">
        <v>118</v>
      </c>
      <c r="E9052">
        <v>2014</v>
      </c>
      <c r="F9052">
        <v>2014</v>
      </c>
      <c r="G9052" t="s">
        <v>126</v>
      </c>
      <c r="H9052" t="s">
        <v>121</v>
      </c>
      <c r="I9052" t="s">
        <v>15</v>
      </c>
      <c r="J9052" s="10">
        <v>33.385613980000002</v>
      </c>
    </row>
    <row r="9053" spans="1:10" x14ac:dyDescent="0.35">
      <c r="A9053" t="s">
        <v>22</v>
      </c>
      <c r="B9053" t="s">
        <v>56</v>
      </c>
      <c r="C9053" t="s">
        <v>117</v>
      </c>
      <c r="D9053" t="s">
        <v>118</v>
      </c>
      <c r="E9053">
        <v>2014</v>
      </c>
      <c r="F9053">
        <v>2014</v>
      </c>
      <c r="G9053" t="s">
        <v>126</v>
      </c>
      <c r="H9053" t="s">
        <v>122</v>
      </c>
      <c r="I9053" t="s">
        <v>15</v>
      </c>
      <c r="J9053" s="10">
        <v>20.090244429999998</v>
      </c>
    </row>
    <row r="9054" spans="1:10" x14ac:dyDescent="0.35">
      <c r="A9054" t="s">
        <v>22</v>
      </c>
      <c r="B9054" t="s">
        <v>56</v>
      </c>
      <c r="C9054" t="s">
        <v>117</v>
      </c>
      <c r="D9054" t="s">
        <v>118</v>
      </c>
      <c r="E9054">
        <v>2014</v>
      </c>
      <c r="F9054">
        <v>2014</v>
      </c>
      <c r="G9054" t="s">
        <v>126</v>
      </c>
      <c r="H9054" t="s">
        <v>123</v>
      </c>
      <c r="I9054" t="s">
        <v>15</v>
      </c>
      <c r="J9054" s="10">
        <v>17.399802139999998</v>
      </c>
    </row>
    <row r="9055" spans="1:10" x14ac:dyDescent="0.35">
      <c r="A9055" t="s">
        <v>22</v>
      </c>
      <c r="B9055" t="s">
        <v>56</v>
      </c>
      <c r="C9055" t="s">
        <v>117</v>
      </c>
      <c r="D9055" t="s">
        <v>118</v>
      </c>
      <c r="E9055">
        <v>2014</v>
      </c>
      <c r="F9055">
        <v>2014</v>
      </c>
      <c r="G9055" t="s">
        <v>126</v>
      </c>
      <c r="H9055" t="s">
        <v>124</v>
      </c>
      <c r="I9055" t="s">
        <v>15</v>
      </c>
      <c r="J9055" s="10">
        <v>3.0137779600000001</v>
      </c>
    </row>
    <row r="9056" spans="1:10" x14ac:dyDescent="0.35">
      <c r="A9056" t="s">
        <v>22</v>
      </c>
      <c r="B9056" t="s">
        <v>56</v>
      </c>
      <c r="C9056" t="s">
        <v>117</v>
      </c>
      <c r="D9056" t="s">
        <v>118</v>
      </c>
      <c r="E9056">
        <v>2013</v>
      </c>
      <c r="F9056">
        <v>2013</v>
      </c>
      <c r="G9056" t="s">
        <v>14</v>
      </c>
      <c r="H9056" t="s">
        <v>119</v>
      </c>
      <c r="I9056" t="s">
        <v>15</v>
      </c>
      <c r="J9056" s="10">
        <v>18.756018449999999</v>
      </c>
    </row>
    <row r="9057" spans="1:10" x14ac:dyDescent="0.35">
      <c r="A9057" t="s">
        <v>22</v>
      </c>
      <c r="B9057" t="s">
        <v>56</v>
      </c>
      <c r="C9057" t="s">
        <v>117</v>
      </c>
      <c r="D9057" t="s">
        <v>118</v>
      </c>
      <c r="E9057">
        <v>2013</v>
      </c>
      <c r="F9057">
        <v>2013</v>
      </c>
      <c r="G9057" t="s">
        <v>14</v>
      </c>
      <c r="H9057" t="s">
        <v>120</v>
      </c>
      <c r="I9057" t="s">
        <v>15</v>
      </c>
      <c r="J9057" s="10">
        <v>9.4533982059999992</v>
      </c>
    </row>
    <row r="9058" spans="1:10" x14ac:dyDescent="0.35">
      <c r="A9058" t="s">
        <v>22</v>
      </c>
      <c r="B9058" t="s">
        <v>56</v>
      </c>
      <c r="C9058" t="s">
        <v>117</v>
      </c>
      <c r="D9058" t="s">
        <v>118</v>
      </c>
      <c r="E9058">
        <v>2013</v>
      </c>
      <c r="F9058">
        <v>2013</v>
      </c>
      <c r="G9058" t="s">
        <v>14</v>
      </c>
      <c r="H9058" t="s">
        <v>121</v>
      </c>
      <c r="I9058" t="s">
        <v>15</v>
      </c>
      <c r="J9058" s="10">
        <v>33.173686080000003</v>
      </c>
    </row>
    <row r="9059" spans="1:10" x14ac:dyDescent="0.35">
      <c r="A9059" t="s">
        <v>22</v>
      </c>
      <c r="B9059" t="s">
        <v>56</v>
      </c>
      <c r="C9059" t="s">
        <v>117</v>
      </c>
      <c r="D9059" t="s">
        <v>118</v>
      </c>
      <c r="E9059">
        <v>2013</v>
      </c>
      <c r="F9059">
        <v>2013</v>
      </c>
      <c r="G9059" t="s">
        <v>14</v>
      </c>
      <c r="H9059" t="s">
        <v>122</v>
      </c>
      <c r="I9059" t="s">
        <v>15</v>
      </c>
      <c r="J9059" s="10">
        <v>20.024327199999998</v>
      </c>
    </row>
    <row r="9060" spans="1:10" x14ac:dyDescent="0.35">
      <c r="A9060" t="s">
        <v>22</v>
      </c>
      <c r="B9060" t="s">
        <v>56</v>
      </c>
      <c r="C9060" t="s">
        <v>117</v>
      </c>
      <c r="D9060" t="s">
        <v>118</v>
      </c>
      <c r="E9060">
        <v>2013</v>
      </c>
      <c r="F9060">
        <v>2013</v>
      </c>
      <c r="G9060" t="s">
        <v>14</v>
      </c>
      <c r="H9060" t="s">
        <v>123</v>
      </c>
      <c r="I9060" t="s">
        <v>15</v>
      </c>
      <c r="J9060" s="10">
        <v>16.123105769999999</v>
      </c>
    </row>
    <row r="9061" spans="1:10" x14ac:dyDescent="0.35">
      <c r="A9061" t="s">
        <v>22</v>
      </c>
      <c r="B9061" t="s">
        <v>56</v>
      </c>
      <c r="C9061" t="s">
        <v>117</v>
      </c>
      <c r="D9061" t="s">
        <v>118</v>
      </c>
      <c r="E9061">
        <v>2013</v>
      </c>
      <c r="F9061">
        <v>2013</v>
      </c>
      <c r="G9061" t="s">
        <v>14</v>
      </c>
      <c r="H9061" t="s">
        <v>124</v>
      </c>
      <c r="I9061" t="s">
        <v>15</v>
      </c>
      <c r="J9061" s="10">
        <v>2.4694642949999999</v>
      </c>
    </row>
    <row r="9062" spans="1:10" x14ac:dyDescent="0.35">
      <c r="A9062" t="s">
        <v>22</v>
      </c>
      <c r="B9062" t="s">
        <v>56</v>
      </c>
      <c r="C9062" t="s">
        <v>117</v>
      </c>
      <c r="D9062" t="s">
        <v>118</v>
      </c>
      <c r="E9062">
        <v>2013</v>
      </c>
      <c r="F9062">
        <v>2013</v>
      </c>
      <c r="G9062" t="s">
        <v>125</v>
      </c>
      <c r="H9062" t="s">
        <v>119</v>
      </c>
      <c r="I9062" t="s">
        <v>15</v>
      </c>
      <c r="J9062" s="10">
        <v>20.110628210000002</v>
      </c>
    </row>
    <row r="9063" spans="1:10" x14ac:dyDescent="0.35">
      <c r="A9063" t="s">
        <v>22</v>
      </c>
      <c r="B9063" t="s">
        <v>56</v>
      </c>
      <c r="C9063" t="s">
        <v>117</v>
      </c>
      <c r="D9063" t="s">
        <v>118</v>
      </c>
      <c r="E9063">
        <v>2013</v>
      </c>
      <c r="F9063">
        <v>2013</v>
      </c>
      <c r="G9063" t="s">
        <v>125</v>
      </c>
      <c r="H9063" t="s">
        <v>120</v>
      </c>
      <c r="I9063" t="s">
        <v>15</v>
      </c>
      <c r="J9063" s="10">
        <v>10.230475439999999</v>
      </c>
    </row>
    <row r="9064" spans="1:10" x14ac:dyDescent="0.35">
      <c r="A9064" t="s">
        <v>22</v>
      </c>
      <c r="B9064" t="s">
        <v>56</v>
      </c>
      <c r="C9064" t="s">
        <v>117</v>
      </c>
      <c r="D9064" t="s">
        <v>118</v>
      </c>
      <c r="E9064">
        <v>2013</v>
      </c>
      <c r="F9064">
        <v>2013</v>
      </c>
      <c r="G9064" t="s">
        <v>125</v>
      </c>
      <c r="H9064" t="s">
        <v>121</v>
      </c>
      <c r="I9064" t="s">
        <v>15</v>
      </c>
      <c r="J9064" s="10">
        <v>32.988278680000001</v>
      </c>
    </row>
    <row r="9065" spans="1:10" x14ac:dyDescent="0.35">
      <c r="A9065" t="s">
        <v>22</v>
      </c>
      <c r="B9065" t="s">
        <v>56</v>
      </c>
      <c r="C9065" t="s">
        <v>117</v>
      </c>
      <c r="D9065" t="s">
        <v>118</v>
      </c>
      <c r="E9065">
        <v>2013</v>
      </c>
      <c r="F9065">
        <v>2013</v>
      </c>
      <c r="G9065" t="s">
        <v>125</v>
      </c>
      <c r="H9065" t="s">
        <v>122</v>
      </c>
      <c r="I9065" t="s">
        <v>15</v>
      </c>
      <c r="J9065" s="10">
        <v>20.2107204</v>
      </c>
    </row>
    <row r="9066" spans="1:10" x14ac:dyDescent="0.35">
      <c r="A9066" t="s">
        <v>22</v>
      </c>
      <c r="B9066" t="s">
        <v>56</v>
      </c>
      <c r="C9066" t="s">
        <v>117</v>
      </c>
      <c r="D9066" t="s">
        <v>118</v>
      </c>
      <c r="E9066">
        <v>2013</v>
      </c>
      <c r="F9066">
        <v>2013</v>
      </c>
      <c r="G9066" t="s">
        <v>125</v>
      </c>
      <c r="H9066" t="s">
        <v>123</v>
      </c>
      <c r="I9066" t="s">
        <v>15</v>
      </c>
      <c r="J9066" s="10">
        <v>14.663505860000001</v>
      </c>
    </row>
    <row r="9067" spans="1:10" x14ac:dyDescent="0.35">
      <c r="A9067" t="s">
        <v>22</v>
      </c>
      <c r="B9067" t="s">
        <v>56</v>
      </c>
      <c r="C9067" t="s">
        <v>117</v>
      </c>
      <c r="D9067" t="s">
        <v>118</v>
      </c>
      <c r="E9067">
        <v>2013</v>
      </c>
      <c r="F9067">
        <v>2013</v>
      </c>
      <c r="G9067" t="s">
        <v>125</v>
      </c>
      <c r="H9067" t="s">
        <v>124</v>
      </c>
      <c r="I9067" t="s">
        <v>15</v>
      </c>
      <c r="J9067" s="10">
        <v>1.796391413</v>
      </c>
    </row>
    <row r="9068" spans="1:10" x14ac:dyDescent="0.35">
      <c r="A9068" t="s">
        <v>22</v>
      </c>
      <c r="B9068" t="s">
        <v>56</v>
      </c>
      <c r="C9068" t="s">
        <v>117</v>
      </c>
      <c r="D9068" t="s">
        <v>118</v>
      </c>
      <c r="E9068">
        <v>2013</v>
      </c>
      <c r="F9068">
        <v>2013</v>
      </c>
      <c r="G9068" t="s">
        <v>126</v>
      </c>
      <c r="H9068" t="s">
        <v>119</v>
      </c>
      <c r="I9068" t="s">
        <v>15</v>
      </c>
      <c r="J9068" s="10">
        <v>17.500427259999999</v>
      </c>
    </row>
    <row r="9069" spans="1:10" x14ac:dyDescent="0.35">
      <c r="A9069" t="s">
        <v>22</v>
      </c>
      <c r="B9069" t="s">
        <v>56</v>
      </c>
      <c r="C9069" t="s">
        <v>117</v>
      </c>
      <c r="D9069" t="s">
        <v>118</v>
      </c>
      <c r="E9069">
        <v>2013</v>
      </c>
      <c r="F9069">
        <v>2013</v>
      </c>
      <c r="G9069" t="s">
        <v>126</v>
      </c>
      <c r="H9069" t="s">
        <v>120</v>
      </c>
      <c r="I9069" t="s">
        <v>15</v>
      </c>
      <c r="J9069" s="10">
        <v>8.7331233669999992</v>
      </c>
    </row>
    <row r="9070" spans="1:10" x14ac:dyDescent="0.35">
      <c r="A9070" t="s">
        <v>22</v>
      </c>
      <c r="B9070" t="s">
        <v>56</v>
      </c>
      <c r="C9070" t="s">
        <v>117</v>
      </c>
      <c r="D9070" t="s">
        <v>118</v>
      </c>
      <c r="E9070">
        <v>2013</v>
      </c>
      <c r="F9070">
        <v>2013</v>
      </c>
      <c r="G9070" t="s">
        <v>126</v>
      </c>
      <c r="H9070" t="s">
        <v>121</v>
      </c>
      <c r="I9070" t="s">
        <v>15</v>
      </c>
      <c r="J9070" s="10">
        <v>33.345540659999998</v>
      </c>
    </row>
    <row r="9071" spans="1:10" x14ac:dyDescent="0.35">
      <c r="A9071" t="s">
        <v>22</v>
      </c>
      <c r="B9071" t="s">
        <v>56</v>
      </c>
      <c r="C9071" t="s">
        <v>117</v>
      </c>
      <c r="D9071" t="s">
        <v>118</v>
      </c>
      <c r="E9071">
        <v>2013</v>
      </c>
      <c r="F9071">
        <v>2013</v>
      </c>
      <c r="G9071" t="s">
        <v>126</v>
      </c>
      <c r="H9071" t="s">
        <v>122</v>
      </c>
      <c r="I9071" t="s">
        <v>15</v>
      </c>
      <c r="J9071" s="10">
        <v>19.851558879999999</v>
      </c>
    </row>
    <row r="9072" spans="1:10" x14ac:dyDescent="0.35">
      <c r="A9072" t="s">
        <v>22</v>
      </c>
      <c r="B9072" t="s">
        <v>56</v>
      </c>
      <c r="C9072" t="s">
        <v>117</v>
      </c>
      <c r="D9072" t="s">
        <v>118</v>
      </c>
      <c r="E9072">
        <v>2013</v>
      </c>
      <c r="F9072">
        <v>2013</v>
      </c>
      <c r="G9072" t="s">
        <v>126</v>
      </c>
      <c r="H9072" t="s">
        <v>123</v>
      </c>
      <c r="I9072" t="s">
        <v>15</v>
      </c>
      <c r="J9072" s="10">
        <v>17.476012600000001</v>
      </c>
    </row>
    <row r="9073" spans="1:10" x14ac:dyDescent="0.35">
      <c r="A9073" t="s">
        <v>22</v>
      </c>
      <c r="B9073" t="s">
        <v>56</v>
      </c>
      <c r="C9073" t="s">
        <v>117</v>
      </c>
      <c r="D9073" t="s">
        <v>118</v>
      </c>
      <c r="E9073">
        <v>2013</v>
      </c>
      <c r="F9073">
        <v>2013</v>
      </c>
      <c r="G9073" t="s">
        <v>126</v>
      </c>
      <c r="H9073" t="s">
        <v>124</v>
      </c>
      <c r="I9073" t="s">
        <v>15</v>
      </c>
      <c r="J9073" s="10">
        <v>3.0933372399999999</v>
      </c>
    </row>
    <row r="9074" spans="1:10" x14ac:dyDescent="0.35">
      <c r="A9074" t="s">
        <v>22</v>
      </c>
      <c r="B9074" t="s">
        <v>56</v>
      </c>
      <c r="C9074" t="s">
        <v>117</v>
      </c>
      <c r="D9074" t="s">
        <v>118</v>
      </c>
      <c r="E9074">
        <v>2012</v>
      </c>
      <c r="F9074">
        <v>2012</v>
      </c>
      <c r="G9074" t="s">
        <v>14</v>
      </c>
      <c r="H9074" t="s">
        <v>119</v>
      </c>
      <c r="I9074" t="s">
        <v>15</v>
      </c>
      <c r="J9074" s="10">
        <v>18.64818648</v>
      </c>
    </row>
    <row r="9075" spans="1:10" x14ac:dyDescent="0.35">
      <c r="A9075" t="s">
        <v>22</v>
      </c>
      <c r="B9075" t="s">
        <v>56</v>
      </c>
      <c r="C9075" t="s">
        <v>117</v>
      </c>
      <c r="D9075" t="s">
        <v>118</v>
      </c>
      <c r="E9075">
        <v>2012</v>
      </c>
      <c r="F9075">
        <v>2012</v>
      </c>
      <c r="G9075" t="s">
        <v>14</v>
      </c>
      <c r="H9075" t="s">
        <v>120</v>
      </c>
      <c r="I9075" t="s">
        <v>15</v>
      </c>
      <c r="J9075" s="10">
        <v>9.6815253870000006</v>
      </c>
    </row>
    <row r="9076" spans="1:10" x14ac:dyDescent="0.35">
      <c r="A9076" t="s">
        <v>22</v>
      </c>
      <c r="B9076" t="s">
        <v>56</v>
      </c>
      <c r="C9076" t="s">
        <v>117</v>
      </c>
      <c r="D9076" t="s">
        <v>118</v>
      </c>
      <c r="E9076">
        <v>2012</v>
      </c>
      <c r="F9076">
        <v>2012</v>
      </c>
      <c r="G9076" t="s">
        <v>14</v>
      </c>
      <c r="H9076" t="s">
        <v>121</v>
      </c>
      <c r="I9076" t="s">
        <v>15</v>
      </c>
      <c r="J9076" s="10">
        <v>33.126759839999998</v>
      </c>
    </row>
    <row r="9077" spans="1:10" x14ac:dyDescent="0.35">
      <c r="A9077" t="s">
        <v>22</v>
      </c>
      <c r="B9077" t="s">
        <v>56</v>
      </c>
      <c r="C9077" t="s">
        <v>117</v>
      </c>
      <c r="D9077" t="s">
        <v>118</v>
      </c>
      <c r="E9077">
        <v>2012</v>
      </c>
      <c r="F9077">
        <v>2012</v>
      </c>
      <c r="G9077" t="s">
        <v>14</v>
      </c>
      <c r="H9077" t="s">
        <v>122</v>
      </c>
      <c r="I9077" t="s">
        <v>15</v>
      </c>
      <c r="J9077" s="10">
        <v>19.91205626</v>
      </c>
    </row>
    <row r="9078" spans="1:10" x14ac:dyDescent="0.35">
      <c r="A9078" t="s">
        <v>22</v>
      </c>
      <c r="B9078" t="s">
        <v>56</v>
      </c>
      <c r="C9078" t="s">
        <v>117</v>
      </c>
      <c r="D9078" t="s">
        <v>118</v>
      </c>
      <c r="E9078">
        <v>2012</v>
      </c>
      <c r="F9078">
        <v>2012</v>
      </c>
      <c r="G9078" t="s">
        <v>14</v>
      </c>
      <c r="H9078" t="s">
        <v>123</v>
      </c>
      <c r="I9078" t="s">
        <v>15</v>
      </c>
      <c r="J9078" s="10">
        <v>16.12944701</v>
      </c>
    </row>
    <row r="9079" spans="1:10" x14ac:dyDescent="0.35">
      <c r="A9079" t="s">
        <v>22</v>
      </c>
      <c r="B9079" t="s">
        <v>56</v>
      </c>
      <c r="C9079" t="s">
        <v>117</v>
      </c>
      <c r="D9079" t="s">
        <v>118</v>
      </c>
      <c r="E9079">
        <v>2012</v>
      </c>
      <c r="F9079">
        <v>2012</v>
      </c>
      <c r="G9079" t="s">
        <v>14</v>
      </c>
      <c r="H9079" t="s">
        <v>124</v>
      </c>
      <c r="I9079" t="s">
        <v>15</v>
      </c>
      <c r="J9079" s="10">
        <v>2.50202502</v>
      </c>
    </row>
    <row r="9080" spans="1:10" x14ac:dyDescent="0.35">
      <c r="A9080" t="s">
        <v>22</v>
      </c>
      <c r="B9080" t="s">
        <v>56</v>
      </c>
      <c r="C9080" t="s">
        <v>117</v>
      </c>
      <c r="D9080" t="s">
        <v>118</v>
      </c>
      <c r="E9080">
        <v>2012</v>
      </c>
      <c r="F9080">
        <v>2012</v>
      </c>
      <c r="G9080" t="s">
        <v>125</v>
      </c>
      <c r="H9080" t="s">
        <v>119</v>
      </c>
      <c r="I9080" t="s">
        <v>15</v>
      </c>
      <c r="J9080" s="10">
        <v>20.037963850000001</v>
      </c>
    </row>
    <row r="9081" spans="1:10" x14ac:dyDescent="0.35">
      <c r="A9081" t="s">
        <v>22</v>
      </c>
      <c r="B9081" t="s">
        <v>56</v>
      </c>
      <c r="C9081" t="s">
        <v>117</v>
      </c>
      <c r="D9081" t="s">
        <v>118</v>
      </c>
      <c r="E9081">
        <v>2012</v>
      </c>
      <c r="F9081">
        <v>2012</v>
      </c>
      <c r="G9081" t="s">
        <v>125</v>
      </c>
      <c r="H9081" t="s">
        <v>120</v>
      </c>
      <c r="I9081" t="s">
        <v>15</v>
      </c>
      <c r="J9081" s="10">
        <v>10.458774460000001</v>
      </c>
    </row>
    <row r="9082" spans="1:10" x14ac:dyDescent="0.35">
      <c r="A9082" t="s">
        <v>22</v>
      </c>
      <c r="B9082" t="s">
        <v>56</v>
      </c>
      <c r="C9082" t="s">
        <v>117</v>
      </c>
      <c r="D9082" t="s">
        <v>118</v>
      </c>
      <c r="E9082">
        <v>2012</v>
      </c>
      <c r="F9082">
        <v>2012</v>
      </c>
      <c r="G9082" t="s">
        <v>125</v>
      </c>
      <c r="H9082" t="s">
        <v>121</v>
      </c>
      <c r="I9082" t="s">
        <v>15</v>
      </c>
      <c r="J9082" s="10">
        <v>32.913592129999998</v>
      </c>
    </row>
    <row r="9083" spans="1:10" x14ac:dyDescent="0.35">
      <c r="A9083" t="s">
        <v>22</v>
      </c>
      <c r="B9083" t="s">
        <v>56</v>
      </c>
      <c r="C9083" t="s">
        <v>117</v>
      </c>
      <c r="D9083" t="s">
        <v>118</v>
      </c>
      <c r="E9083">
        <v>2012</v>
      </c>
      <c r="F9083">
        <v>2012</v>
      </c>
      <c r="G9083" t="s">
        <v>125</v>
      </c>
      <c r="H9083" t="s">
        <v>122</v>
      </c>
      <c r="I9083" t="s">
        <v>15</v>
      </c>
      <c r="J9083" s="10">
        <v>20.037963850000001</v>
      </c>
    </row>
    <row r="9084" spans="1:10" x14ac:dyDescent="0.35">
      <c r="A9084" t="s">
        <v>22</v>
      </c>
      <c r="B9084" t="s">
        <v>56</v>
      </c>
      <c r="C9084" t="s">
        <v>117</v>
      </c>
      <c r="D9084" t="s">
        <v>118</v>
      </c>
      <c r="E9084">
        <v>2012</v>
      </c>
      <c r="F9084">
        <v>2012</v>
      </c>
      <c r="G9084" t="s">
        <v>125</v>
      </c>
      <c r="H9084" t="s">
        <v>123</v>
      </c>
      <c r="I9084" t="s">
        <v>15</v>
      </c>
      <c r="J9084" s="10">
        <v>14.74441236</v>
      </c>
    </row>
    <row r="9085" spans="1:10" x14ac:dyDescent="0.35">
      <c r="A9085" t="s">
        <v>22</v>
      </c>
      <c r="B9085" t="s">
        <v>56</v>
      </c>
      <c r="C9085" t="s">
        <v>117</v>
      </c>
      <c r="D9085" t="s">
        <v>118</v>
      </c>
      <c r="E9085">
        <v>2012</v>
      </c>
      <c r="F9085">
        <v>2012</v>
      </c>
      <c r="G9085" t="s">
        <v>125</v>
      </c>
      <c r="H9085" t="s">
        <v>124</v>
      </c>
      <c r="I9085" t="s">
        <v>15</v>
      </c>
      <c r="J9085" s="10">
        <v>1.807293338</v>
      </c>
    </row>
    <row r="9086" spans="1:10" x14ac:dyDescent="0.35">
      <c r="A9086" t="s">
        <v>22</v>
      </c>
      <c r="B9086" t="s">
        <v>56</v>
      </c>
      <c r="C9086" t="s">
        <v>117</v>
      </c>
      <c r="D9086" t="s">
        <v>118</v>
      </c>
      <c r="E9086">
        <v>2012</v>
      </c>
      <c r="F9086">
        <v>2012</v>
      </c>
      <c r="G9086" t="s">
        <v>126</v>
      </c>
      <c r="H9086" t="s">
        <v>119</v>
      </c>
      <c r="I9086" t="s">
        <v>15</v>
      </c>
      <c r="J9086" s="10">
        <v>17.360612289999999</v>
      </c>
    </row>
    <row r="9087" spans="1:10" x14ac:dyDescent="0.35">
      <c r="A9087" t="s">
        <v>22</v>
      </c>
      <c r="B9087" t="s">
        <v>56</v>
      </c>
      <c r="C9087" t="s">
        <v>117</v>
      </c>
      <c r="D9087" t="s">
        <v>118</v>
      </c>
      <c r="E9087">
        <v>2012</v>
      </c>
      <c r="F9087">
        <v>2012</v>
      </c>
      <c r="G9087" t="s">
        <v>126</v>
      </c>
      <c r="H9087" t="s">
        <v>120</v>
      </c>
      <c r="I9087" t="s">
        <v>15</v>
      </c>
      <c r="J9087" s="10">
        <v>8.9614346220000005</v>
      </c>
    </row>
    <row r="9088" spans="1:10" x14ac:dyDescent="0.35">
      <c r="A9088" t="s">
        <v>22</v>
      </c>
      <c r="B9088" t="s">
        <v>56</v>
      </c>
      <c r="C9088" t="s">
        <v>117</v>
      </c>
      <c r="D9088" t="s">
        <v>118</v>
      </c>
      <c r="E9088">
        <v>2012</v>
      </c>
      <c r="F9088">
        <v>2012</v>
      </c>
      <c r="G9088" t="s">
        <v>126</v>
      </c>
      <c r="H9088" t="s">
        <v>121</v>
      </c>
      <c r="I9088" t="s">
        <v>15</v>
      </c>
      <c r="J9088" s="10">
        <v>33.324251359999998</v>
      </c>
    </row>
    <row r="9089" spans="1:10" x14ac:dyDescent="0.35">
      <c r="A9089" t="s">
        <v>22</v>
      </c>
      <c r="B9089" t="s">
        <v>56</v>
      </c>
      <c r="C9089" t="s">
        <v>117</v>
      </c>
      <c r="D9089" t="s">
        <v>118</v>
      </c>
      <c r="E9089">
        <v>2012</v>
      </c>
      <c r="F9089">
        <v>2012</v>
      </c>
      <c r="G9089" t="s">
        <v>126</v>
      </c>
      <c r="H9089" t="s">
        <v>122</v>
      </c>
      <c r="I9089" t="s">
        <v>15</v>
      </c>
      <c r="J9089" s="10">
        <v>19.795407820000001</v>
      </c>
    </row>
    <row r="9090" spans="1:10" x14ac:dyDescent="0.35">
      <c r="A9090" t="s">
        <v>22</v>
      </c>
      <c r="B9090" t="s">
        <v>56</v>
      </c>
      <c r="C9090" t="s">
        <v>117</v>
      </c>
      <c r="D9090" t="s">
        <v>118</v>
      </c>
      <c r="E9090">
        <v>2012</v>
      </c>
      <c r="F9090">
        <v>2012</v>
      </c>
      <c r="G9090" t="s">
        <v>126</v>
      </c>
      <c r="H9090" t="s">
        <v>123</v>
      </c>
      <c r="I9090" t="s">
        <v>15</v>
      </c>
      <c r="J9090" s="10">
        <v>17.41262725</v>
      </c>
    </row>
    <row r="9091" spans="1:10" x14ac:dyDescent="0.35">
      <c r="A9091" t="s">
        <v>22</v>
      </c>
      <c r="B9091" t="s">
        <v>56</v>
      </c>
      <c r="C9091" t="s">
        <v>117</v>
      </c>
      <c r="D9091" t="s">
        <v>118</v>
      </c>
      <c r="E9091">
        <v>2012</v>
      </c>
      <c r="F9091">
        <v>2012</v>
      </c>
      <c r="G9091" t="s">
        <v>126</v>
      </c>
      <c r="H9091" t="s">
        <v>124</v>
      </c>
      <c r="I9091" t="s">
        <v>15</v>
      </c>
      <c r="J9091" s="10">
        <v>3.1456666580000001</v>
      </c>
    </row>
    <row r="9092" spans="1:10" x14ac:dyDescent="0.35">
      <c r="A9092" t="s">
        <v>22</v>
      </c>
      <c r="B9092" t="s">
        <v>56</v>
      </c>
      <c r="C9092" t="s">
        <v>117</v>
      </c>
      <c r="D9092" t="s">
        <v>118</v>
      </c>
      <c r="E9092">
        <v>2011</v>
      </c>
      <c r="F9092">
        <v>2011</v>
      </c>
      <c r="G9092" t="s">
        <v>14</v>
      </c>
      <c r="H9092" t="s">
        <v>119</v>
      </c>
      <c r="I9092" t="s">
        <v>15</v>
      </c>
      <c r="J9092" s="10">
        <v>18.595825430000001</v>
      </c>
    </row>
    <row r="9093" spans="1:10" x14ac:dyDescent="0.35">
      <c r="A9093" t="s">
        <v>22</v>
      </c>
      <c r="B9093" t="s">
        <v>56</v>
      </c>
      <c r="C9093" t="s">
        <v>117</v>
      </c>
      <c r="D9093" t="s">
        <v>118</v>
      </c>
      <c r="E9093">
        <v>2011</v>
      </c>
      <c r="F9093">
        <v>2011</v>
      </c>
      <c r="G9093" t="s">
        <v>14</v>
      </c>
      <c r="H9093" t="s">
        <v>120</v>
      </c>
      <c r="I9093" t="s">
        <v>15</v>
      </c>
      <c r="J9093" s="10">
        <v>9.7242078450000005</v>
      </c>
    </row>
    <row r="9094" spans="1:10" x14ac:dyDescent="0.35">
      <c r="A9094" t="s">
        <v>22</v>
      </c>
      <c r="B9094" t="s">
        <v>56</v>
      </c>
      <c r="C9094" t="s">
        <v>117</v>
      </c>
      <c r="D9094" t="s">
        <v>118</v>
      </c>
      <c r="E9094">
        <v>2011</v>
      </c>
      <c r="F9094">
        <v>2011</v>
      </c>
      <c r="G9094" t="s">
        <v>14</v>
      </c>
      <c r="H9094" t="s">
        <v>121</v>
      </c>
      <c r="I9094" t="s">
        <v>15</v>
      </c>
      <c r="J9094" s="10">
        <v>33.208130799999999</v>
      </c>
    </row>
    <row r="9095" spans="1:10" x14ac:dyDescent="0.35">
      <c r="A9095" t="s">
        <v>22</v>
      </c>
      <c r="B9095" t="s">
        <v>56</v>
      </c>
      <c r="C9095" t="s">
        <v>117</v>
      </c>
      <c r="D9095" t="s">
        <v>118</v>
      </c>
      <c r="E9095">
        <v>2011</v>
      </c>
      <c r="F9095">
        <v>2011</v>
      </c>
      <c r="G9095" t="s">
        <v>14</v>
      </c>
      <c r="H9095" t="s">
        <v>122</v>
      </c>
      <c r="I9095" t="s">
        <v>15</v>
      </c>
      <c r="J9095" s="10">
        <v>20.073561900000001</v>
      </c>
    </row>
    <row r="9096" spans="1:10" x14ac:dyDescent="0.35">
      <c r="A9096" t="s">
        <v>22</v>
      </c>
      <c r="B9096" t="s">
        <v>56</v>
      </c>
      <c r="C9096" t="s">
        <v>117</v>
      </c>
      <c r="D9096" t="s">
        <v>118</v>
      </c>
      <c r="E9096">
        <v>2011</v>
      </c>
      <c r="F9096">
        <v>2011</v>
      </c>
      <c r="G9096" t="s">
        <v>14</v>
      </c>
      <c r="H9096" t="s">
        <v>123</v>
      </c>
      <c r="I9096" t="s">
        <v>15</v>
      </c>
      <c r="J9096" s="10">
        <v>15.887291729999999</v>
      </c>
    </row>
    <row r="9097" spans="1:10" x14ac:dyDescent="0.35">
      <c r="A9097" t="s">
        <v>22</v>
      </c>
      <c r="B9097" t="s">
        <v>56</v>
      </c>
      <c r="C9097" t="s">
        <v>117</v>
      </c>
      <c r="D9097" t="s">
        <v>118</v>
      </c>
      <c r="E9097">
        <v>2011</v>
      </c>
      <c r="F9097">
        <v>2011</v>
      </c>
      <c r="G9097" t="s">
        <v>14</v>
      </c>
      <c r="H9097" t="s">
        <v>124</v>
      </c>
      <c r="I9097" t="s">
        <v>15</v>
      </c>
      <c r="J9097" s="10">
        <v>2.5109822980000001</v>
      </c>
    </row>
    <row r="9098" spans="1:10" x14ac:dyDescent="0.35">
      <c r="A9098" t="s">
        <v>22</v>
      </c>
      <c r="B9098" t="s">
        <v>56</v>
      </c>
      <c r="C9098" t="s">
        <v>117</v>
      </c>
      <c r="D9098" t="s">
        <v>118</v>
      </c>
      <c r="E9098">
        <v>2011</v>
      </c>
      <c r="F9098">
        <v>2011</v>
      </c>
      <c r="G9098" t="s">
        <v>125</v>
      </c>
      <c r="H9098" t="s">
        <v>119</v>
      </c>
      <c r="I9098" t="s">
        <v>15</v>
      </c>
      <c r="J9098" s="10">
        <v>20.155688300000001</v>
      </c>
    </row>
    <row r="9099" spans="1:10" x14ac:dyDescent="0.35">
      <c r="A9099" t="s">
        <v>22</v>
      </c>
      <c r="B9099" t="s">
        <v>56</v>
      </c>
      <c r="C9099" t="s">
        <v>117</v>
      </c>
      <c r="D9099" t="s">
        <v>118</v>
      </c>
      <c r="E9099">
        <v>2011</v>
      </c>
      <c r="F9099">
        <v>2011</v>
      </c>
      <c r="G9099" t="s">
        <v>125</v>
      </c>
      <c r="H9099" t="s">
        <v>120</v>
      </c>
      <c r="I9099" t="s">
        <v>15</v>
      </c>
      <c r="J9099" s="10">
        <v>10.303538120000001</v>
      </c>
    </row>
    <row r="9100" spans="1:10" x14ac:dyDescent="0.35">
      <c r="A9100" t="s">
        <v>22</v>
      </c>
      <c r="B9100" t="s">
        <v>56</v>
      </c>
      <c r="C9100" t="s">
        <v>117</v>
      </c>
      <c r="D9100" t="s">
        <v>118</v>
      </c>
      <c r="E9100">
        <v>2011</v>
      </c>
      <c r="F9100">
        <v>2011</v>
      </c>
      <c r="G9100" t="s">
        <v>125</v>
      </c>
      <c r="H9100" t="s">
        <v>121</v>
      </c>
      <c r="I9100" t="s">
        <v>15</v>
      </c>
      <c r="J9100" s="10">
        <v>33.08376355</v>
      </c>
    </row>
    <row r="9101" spans="1:10" x14ac:dyDescent="0.35">
      <c r="A9101" t="s">
        <v>22</v>
      </c>
      <c r="B9101" t="s">
        <v>56</v>
      </c>
      <c r="C9101" t="s">
        <v>117</v>
      </c>
      <c r="D9101" t="s">
        <v>118</v>
      </c>
      <c r="E9101">
        <v>2011</v>
      </c>
      <c r="F9101">
        <v>2011</v>
      </c>
      <c r="G9101" t="s">
        <v>125</v>
      </c>
      <c r="H9101" t="s">
        <v>122</v>
      </c>
      <c r="I9101" t="s">
        <v>15</v>
      </c>
      <c r="J9101" s="10">
        <v>20.225964269999999</v>
      </c>
    </row>
    <row r="9102" spans="1:10" x14ac:dyDescent="0.35">
      <c r="A9102" t="s">
        <v>22</v>
      </c>
      <c r="B9102" t="s">
        <v>56</v>
      </c>
      <c r="C9102" t="s">
        <v>117</v>
      </c>
      <c r="D9102" t="s">
        <v>118</v>
      </c>
      <c r="E9102">
        <v>2011</v>
      </c>
      <c r="F9102">
        <v>2011</v>
      </c>
      <c r="G9102" t="s">
        <v>125</v>
      </c>
      <c r="H9102" t="s">
        <v>123</v>
      </c>
      <c r="I9102" t="s">
        <v>15</v>
      </c>
      <c r="J9102" s="10">
        <v>14.455226100000001</v>
      </c>
    </row>
    <row r="9103" spans="1:10" x14ac:dyDescent="0.35">
      <c r="A9103" t="s">
        <v>22</v>
      </c>
      <c r="B9103" t="s">
        <v>56</v>
      </c>
      <c r="C9103" t="s">
        <v>117</v>
      </c>
      <c r="D9103" t="s">
        <v>118</v>
      </c>
      <c r="E9103">
        <v>2011</v>
      </c>
      <c r="F9103">
        <v>2011</v>
      </c>
      <c r="G9103" t="s">
        <v>125</v>
      </c>
      <c r="H9103" t="s">
        <v>124</v>
      </c>
      <c r="I9103" t="s">
        <v>15</v>
      </c>
      <c r="J9103" s="10">
        <v>1.7758196610000001</v>
      </c>
    </row>
    <row r="9104" spans="1:10" x14ac:dyDescent="0.35">
      <c r="A9104" t="s">
        <v>22</v>
      </c>
      <c r="B9104" t="s">
        <v>56</v>
      </c>
      <c r="C9104" t="s">
        <v>117</v>
      </c>
      <c r="D9104" t="s">
        <v>118</v>
      </c>
      <c r="E9104">
        <v>2011</v>
      </c>
      <c r="F9104">
        <v>2011</v>
      </c>
      <c r="G9104" t="s">
        <v>126</v>
      </c>
      <c r="H9104" t="s">
        <v>119</v>
      </c>
      <c r="I9104" t="s">
        <v>15</v>
      </c>
      <c r="J9104" s="10">
        <v>17.15108274</v>
      </c>
    </row>
    <row r="9105" spans="1:10" x14ac:dyDescent="0.35">
      <c r="A9105" t="s">
        <v>22</v>
      </c>
      <c r="B9105" t="s">
        <v>56</v>
      </c>
      <c r="C9105" t="s">
        <v>117</v>
      </c>
      <c r="D9105" t="s">
        <v>118</v>
      </c>
      <c r="E9105">
        <v>2011</v>
      </c>
      <c r="F9105">
        <v>2011</v>
      </c>
      <c r="G9105" t="s">
        <v>126</v>
      </c>
      <c r="H9105" t="s">
        <v>120</v>
      </c>
      <c r="I9105" t="s">
        <v>15</v>
      </c>
      <c r="J9105" s="10">
        <v>9.1876329949999995</v>
      </c>
    </row>
    <row r="9106" spans="1:10" x14ac:dyDescent="0.35">
      <c r="A9106" t="s">
        <v>22</v>
      </c>
      <c r="B9106" t="s">
        <v>56</v>
      </c>
      <c r="C9106" t="s">
        <v>117</v>
      </c>
      <c r="D9106" t="s">
        <v>118</v>
      </c>
      <c r="E9106">
        <v>2011</v>
      </c>
      <c r="F9106">
        <v>2011</v>
      </c>
      <c r="G9106" t="s">
        <v>126</v>
      </c>
      <c r="H9106" t="s">
        <v>121</v>
      </c>
      <c r="I9106" t="s">
        <v>15</v>
      </c>
      <c r="J9106" s="10">
        <v>33.323319560000002</v>
      </c>
    </row>
    <row r="9107" spans="1:10" x14ac:dyDescent="0.35">
      <c r="A9107" t="s">
        <v>22</v>
      </c>
      <c r="B9107" t="s">
        <v>56</v>
      </c>
      <c r="C9107" t="s">
        <v>117</v>
      </c>
      <c r="D9107" t="s">
        <v>118</v>
      </c>
      <c r="E9107">
        <v>2011</v>
      </c>
      <c r="F9107">
        <v>2011</v>
      </c>
      <c r="G9107" t="s">
        <v>126</v>
      </c>
      <c r="H9107" t="s">
        <v>122</v>
      </c>
      <c r="I9107" t="s">
        <v>15</v>
      </c>
      <c r="J9107" s="10">
        <v>19.932407059999999</v>
      </c>
    </row>
    <row r="9108" spans="1:10" x14ac:dyDescent="0.35">
      <c r="A9108" t="s">
        <v>22</v>
      </c>
      <c r="B9108" t="s">
        <v>56</v>
      </c>
      <c r="C9108" t="s">
        <v>117</v>
      </c>
      <c r="D9108" t="s">
        <v>118</v>
      </c>
      <c r="E9108">
        <v>2011</v>
      </c>
      <c r="F9108">
        <v>2011</v>
      </c>
      <c r="G9108" t="s">
        <v>126</v>
      </c>
      <c r="H9108" t="s">
        <v>123</v>
      </c>
      <c r="I9108" t="s">
        <v>15</v>
      </c>
      <c r="J9108" s="10">
        <v>17.21366879</v>
      </c>
    </row>
    <row r="9109" spans="1:10" x14ac:dyDescent="0.35">
      <c r="A9109" t="s">
        <v>22</v>
      </c>
      <c r="B9109" t="s">
        <v>56</v>
      </c>
      <c r="C9109" t="s">
        <v>117</v>
      </c>
      <c r="D9109" t="s">
        <v>118</v>
      </c>
      <c r="E9109">
        <v>2011</v>
      </c>
      <c r="F9109">
        <v>2011</v>
      </c>
      <c r="G9109" t="s">
        <v>126</v>
      </c>
      <c r="H9109" t="s">
        <v>124</v>
      </c>
      <c r="I9109" t="s">
        <v>15</v>
      </c>
      <c r="J9109" s="10">
        <v>3.191888847</v>
      </c>
    </row>
    <row r="9110" spans="1:10" x14ac:dyDescent="0.35">
      <c r="A9110" t="s">
        <v>28</v>
      </c>
      <c r="B9110" t="s">
        <v>58</v>
      </c>
      <c r="C9110" t="s">
        <v>117</v>
      </c>
      <c r="D9110" t="s">
        <v>118</v>
      </c>
      <c r="E9110">
        <v>2020</v>
      </c>
      <c r="F9110">
        <v>2020</v>
      </c>
      <c r="G9110" t="s">
        <v>14</v>
      </c>
      <c r="H9110" t="s">
        <v>119</v>
      </c>
      <c r="I9110" t="s">
        <v>15</v>
      </c>
      <c r="J9110" s="10">
        <v>15.640426850000001</v>
      </c>
    </row>
    <row r="9111" spans="1:10" x14ac:dyDescent="0.35">
      <c r="A9111" t="s">
        <v>28</v>
      </c>
      <c r="B9111" t="s">
        <v>58</v>
      </c>
      <c r="C9111" t="s">
        <v>117</v>
      </c>
      <c r="D9111" t="s">
        <v>118</v>
      </c>
      <c r="E9111">
        <v>2020</v>
      </c>
      <c r="F9111">
        <v>2020</v>
      </c>
      <c r="G9111" t="s">
        <v>14</v>
      </c>
      <c r="H9111" t="s">
        <v>120</v>
      </c>
      <c r="I9111" t="s">
        <v>15</v>
      </c>
      <c r="J9111" s="10">
        <v>8.2532738180000003</v>
      </c>
    </row>
    <row r="9112" spans="1:10" x14ac:dyDescent="0.35">
      <c r="A9112" t="s">
        <v>28</v>
      </c>
      <c r="B9112" t="s">
        <v>58</v>
      </c>
      <c r="C9112" t="s">
        <v>117</v>
      </c>
      <c r="D9112" t="s">
        <v>118</v>
      </c>
      <c r="E9112">
        <v>2020</v>
      </c>
      <c r="F9112">
        <v>2020</v>
      </c>
      <c r="G9112" t="s">
        <v>14</v>
      </c>
      <c r="H9112" t="s">
        <v>121</v>
      </c>
      <c r="I9112" t="s">
        <v>15</v>
      </c>
      <c r="J9112" s="10">
        <v>24.46717314</v>
      </c>
    </row>
    <row r="9113" spans="1:10" x14ac:dyDescent="0.35">
      <c r="A9113" t="s">
        <v>28</v>
      </c>
      <c r="B9113" t="s">
        <v>58</v>
      </c>
      <c r="C9113" t="s">
        <v>117</v>
      </c>
      <c r="D9113" t="s">
        <v>118</v>
      </c>
      <c r="E9113">
        <v>2020</v>
      </c>
      <c r="F9113">
        <v>2020</v>
      </c>
      <c r="G9113" t="s">
        <v>14</v>
      </c>
      <c r="H9113" t="s">
        <v>122</v>
      </c>
      <c r="I9113" t="s">
        <v>15</v>
      </c>
      <c r="J9113" s="10">
        <v>24.393272039999999</v>
      </c>
    </row>
    <row r="9114" spans="1:10" x14ac:dyDescent="0.35">
      <c r="A9114" t="s">
        <v>28</v>
      </c>
      <c r="B9114" t="s">
        <v>58</v>
      </c>
      <c r="C9114" t="s">
        <v>117</v>
      </c>
      <c r="D9114" t="s">
        <v>118</v>
      </c>
      <c r="E9114">
        <v>2020</v>
      </c>
      <c r="F9114">
        <v>2020</v>
      </c>
      <c r="G9114" t="s">
        <v>14</v>
      </c>
      <c r="H9114" t="s">
        <v>123</v>
      </c>
      <c r="I9114" t="s">
        <v>15</v>
      </c>
      <c r="J9114" s="10">
        <v>24.164178660000001</v>
      </c>
    </row>
    <row r="9115" spans="1:10" x14ac:dyDescent="0.35">
      <c r="A9115" t="s">
        <v>28</v>
      </c>
      <c r="B9115" t="s">
        <v>58</v>
      </c>
      <c r="C9115" t="s">
        <v>117</v>
      </c>
      <c r="D9115" t="s">
        <v>118</v>
      </c>
      <c r="E9115">
        <v>2020</v>
      </c>
      <c r="F9115">
        <v>2020</v>
      </c>
      <c r="G9115" t="s">
        <v>14</v>
      </c>
      <c r="H9115" t="s">
        <v>124</v>
      </c>
      <c r="I9115" t="s">
        <v>15</v>
      </c>
      <c r="J9115" s="10">
        <v>3.081675486</v>
      </c>
    </row>
    <row r="9116" spans="1:10" x14ac:dyDescent="0.35">
      <c r="A9116" t="s">
        <v>28</v>
      </c>
      <c r="B9116" t="s">
        <v>58</v>
      </c>
      <c r="C9116" t="s">
        <v>117</v>
      </c>
      <c r="D9116" t="s">
        <v>118</v>
      </c>
      <c r="E9116">
        <v>2020</v>
      </c>
      <c r="F9116">
        <v>2020</v>
      </c>
      <c r="G9116" t="s">
        <v>125</v>
      </c>
      <c r="H9116" t="s">
        <v>119</v>
      </c>
      <c r="I9116" t="s">
        <v>15</v>
      </c>
      <c r="J9116" s="10">
        <v>16.282385779999998</v>
      </c>
    </row>
    <row r="9117" spans="1:10" x14ac:dyDescent="0.35">
      <c r="A9117" t="s">
        <v>28</v>
      </c>
      <c r="B9117" t="s">
        <v>58</v>
      </c>
      <c r="C9117" t="s">
        <v>117</v>
      </c>
      <c r="D9117" t="s">
        <v>118</v>
      </c>
      <c r="E9117">
        <v>2020</v>
      </c>
      <c r="F9117">
        <v>2020</v>
      </c>
      <c r="G9117" t="s">
        <v>125</v>
      </c>
      <c r="H9117" t="s">
        <v>120</v>
      </c>
      <c r="I9117" t="s">
        <v>15</v>
      </c>
      <c r="J9117" s="10">
        <v>8.8010436260000002</v>
      </c>
    </row>
    <row r="9118" spans="1:10" x14ac:dyDescent="0.35">
      <c r="A9118" t="s">
        <v>28</v>
      </c>
      <c r="B9118" t="s">
        <v>58</v>
      </c>
      <c r="C9118" t="s">
        <v>117</v>
      </c>
      <c r="D9118" t="s">
        <v>118</v>
      </c>
      <c r="E9118">
        <v>2020</v>
      </c>
      <c r="F9118">
        <v>2020</v>
      </c>
      <c r="G9118" t="s">
        <v>125</v>
      </c>
      <c r="H9118" t="s">
        <v>121</v>
      </c>
      <c r="I9118" t="s">
        <v>15</v>
      </c>
      <c r="J9118" s="10">
        <v>24.08227656</v>
      </c>
    </row>
    <row r="9119" spans="1:10" x14ac:dyDescent="0.35">
      <c r="A9119" t="s">
        <v>28</v>
      </c>
      <c r="B9119" t="s">
        <v>58</v>
      </c>
      <c r="C9119" t="s">
        <v>117</v>
      </c>
      <c r="D9119" t="s">
        <v>118</v>
      </c>
      <c r="E9119">
        <v>2020</v>
      </c>
      <c r="F9119">
        <v>2020</v>
      </c>
      <c r="G9119" t="s">
        <v>125</v>
      </c>
      <c r="H9119" t="s">
        <v>122</v>
      </c>
      <c r="I9119" t="s">
        <v>15</v>
      </c>
      <c r="J9119" s="10">
        <v>24.464534919999998</v>
      </c>
    </row>
    <row r="9120" spans="1:10" x14ac:dyDescent="0.35">
      <c r="A9120" t="s">
        <v>28</v>
      </c>
      <c r="B9120" t="s">
        <v>58</v>
      </c>
      <c r="C9120" t="s">
        <v>117</v>
      </c>
      <c r="D9120" t="s">
        <v>118</v>
      </c>
      <c r="E9120">
        <v>2020</v>
      </c>
      <c r="F9120">
        <v>2020</v>
      </c>
      <c r="G9120" t="s">
        <v>125</v>
      </c>
      <c r="H9120" t="s">
        <v>123</v>
      </c>
      <c r="I9120" t="s">
        <v>15</v>
      </c>
      <c r="J9120" s="10">
        <v>23.976093680000002</v>
      </c>
    </row>
    <row r="9121" spans="1:10" x14ac:dyDescent="0.35">
      <c r="A9121" t="s">
        <v>28</v>
      </c>
      <c r="B9121" t="s">
        <v>58</v>
      </c>
      <c r="C9121" t="s">
        <v>117</v>
      </c>
      <c r="D9121" t="s">
        <v>118</v>
      </c>
      <c r="E9121">
        <v>2020</v>
      </c>
      <c r="F9121">
        <v>2020</v>
      </c>
      <c r="G9121" t="s">
        <v>125</v>
      </c>
      <c r="H9121" t="s">
        <v>124</v>
      </c>
      <c r="I9121" t="s">
        <v>15</v>
      </c>
      <c r="J9121" s="10">
        <v>2.3936654329999998</v>
      </c>
    </row>
    <row r="9122" spans="1:10" x14ac:dyDescent="0.35">
      <c r="A9122" t="s">
        <v>28</v>
      </c>
      <c r="B9122" t="s">
        <v>58</v>
      </c>
      <c r="C9122" t="s">
        <v>117</v>
      </c>
      <c r="D9122" t="s">
        <v>118</v>
      </c>
      <c r="E9122">
        <v>2020</v>
      </c>
      <c r="F9122">
        <v>2020</v>
      </c>
      <c r="G9122" t="s">
        <v>126</v>
      </c>
      <c r="H9122" t="s">
        <v>119</v>
      </c>
      <c r="I9122" t="s">
        <v>15</v>
      </c>
      <c r="J9122" s="10">
        <v>15.03055107</v>
      </c>
    </row>
    <row r="9123" spans="1:10" x14ac:dyDescent="0.35">
      <c r="A9123" t="s">
        <v>28</v>
      </c>
      <c r="B9123" t="s">
        <v>58</v>
      </c>
      <c r="C9123" t="s">
        <v>117</v>
      </c>
      <c r="D9123" t="s">
        <v>118</v>
      </c>
      <c r="E9123">
        <v>2020</v>
      </c>
      <c r="F9123">
        <v>2020</v>
      </c>
      <c r="G9123" t="s">
        <v>126</v>
      </c>
      <c r="H9123" t="s">
        <v>120</v>
      </c>
      <c r="I9123" t="s">
        <v>15</v>
      </c>
      <c r="J9123" s="10">
        <v>7.7328798709999997</v>
      </c>
    </row>
    <row r="9124" spans="1:10" x14ac:dyDescent="0.35">
      <c r="A9124" t="s">
        <v>28</v>
      </c>
      <c r="B9124" t="s">
        <v>58</v>
      </c>
      <c r="C9124" t="s">
        <v>117</v>
      </c>
      <c r="D9124" t="s">
        <v>118</v>
      </c>
      <c r="E9124">
        <v>2020</v>
      </c>
      <c r="F9124">
        <v>2020</v>
      </c>
      <c r="G9124" t="s">
        <v>126</v>
      </c>
      <c r="H9124" t="s">
        <v>121</v>
      </c>
      <c r="I9124" t="s">
        <v>15</v>
      </c>
      <c r="J9124" s="10">
        <v>24.83283376</v>
      </c>
    </row>
    <row r="9125" spans="1:10" x14ac:dyDescent="0.35">
      <c r="A9125" t="s">
        <v>28</v>
      </c>
      <c r="B9125" t="s">
        <v>58</v>
      </c>
      <c r="C9125" t="s">
        <v>117</v>
      </c>
      <c r="D9125" t="s">
        <v>118</v>
      </c>
      <c r="E9125">
        <v>2020</v>
      </c>
      <c r="F9125">
        <v>2020</v>
      </c>
      <c r="G9125" t="s">
        <v>126</v>
      </c>
      <c r="H9125" t="s">
        <v>122</v>
      </c>
      <c r="I9125" t="s">
        <v>15</v>
      </c>
      <c r="J9125" s="10">
        <v>24.325570670000001</v>
      </c>
    </row>
    <row r="9126" spans="1:10" x14ac:dyDescent="0.35">
      <c r="A9126" t="s">
        <v>28</v>
      </c>
      <c r="B9126" t="s">
        <v>58</v>
      </c>
      <c r="C9126" t="s">
        <v>117</v>
      </c>
      <c r="D9126" t="s">
        <v>118</v>
      </c>
      <c r="E9126">
        <v>2020</v>
      </c>
      <c r="F9126">
        <v>2020</v>
      </c>
      <c r="G9126" t="s">
        <v>126</v>
      </c>
      <c r="H9126" t="s">
        <v>123</v>
      </c>
      <c r="I9126" t="s">
        <v>15</v>
      </c>
      <c r="J9126" s="10">
        <v>24.342863730000001</v>
      </c>
    </row>
    <row r="9127" spans="1:10" x14ac:dyDescent="0.35">
      <c r="A9127" t="s">
        <v>28</v>
      </c>
      <c r="B9127" t="s">
        <v>58</v>
      </c>
      <c r="C9127" t="s">
        <v>117</v>
      </c>
      <c r="D9127" t="s">
        <v>118</v>
      </c>
      <c r="E9127">
        <v>2020</v>
      </c>
      <c r="F9127">
        <v>2020</v>
      </c>
      <c r="G9127" t="s">
        <v>126</v>
      </c>
      <c r="H9127" t="s">
        <v>124</v>
      </c>
      <c r="I9127" t="s">
        <v>15</v>
      </c>
      <c r="J9127" s="10">
        <v>3.7353008989999998</v>
      </c>
    </row>
    <row r="9128" spans="1:10" x14ac:dyDescent="0.35">
      <c r="A9128" t="s">
        <v>28</v>
      </c>
      <c r="B9128" t="s">
        <v>58</v>
      </c>
      <c r="C9128" t="s">
        <v>117</v>
      </c>
      <c r="D9128" t="s">
        <v>118</v>
      </c>
      <c r="E9128">
        <v>2019</v>
      </c>
      <c r="F9128">
        <v>2019</v>
      </c>
      <c r="G9128" t="s">
        <v>14</v>
      </c>
      <c r="H9128" t="s">
        <v>119</v>
      </c>
      <c r="I9128" t="s">
        <v>15</v>
      </c>
      <c r="J9128" s="10">
        <v>15.80737295</v>
      </c>
    </row>
    <row r="9129" spans="1:10" x14ac:dyDescent="0.35">
      <c r="A9129" t="s">
        <v>28</v>
      </c>
      <c r="B9129" t="s">
        <v>58</v>
      </c>
      <c r="C9129" t="s">
        <v>117</v>
      </c>
      <c r="D9129" t="s">
        <v>118</v>
      </c>
      <c r="E9129">
        <v>2019</v>
      </c>
      <c r="F9129">
        <v>2019</v>
      </c>
      <c r="G9129" t="s">
        <v>14</v>
      </c>
      <c r="H9129" t="s">
        <v>120</v>
      </c>
      <c r="I9129" t="s">
        <v>15</v>
      </c>
      <c r="J9129" s="10">
        <v>8.2503975030000003</v>
      </c>
    </row>
    <row r="9130" spans="1:10" x14ac:dyDescent="0.35">
      <c r="A9130" t="s">
        <v>28</v>
      </c>
      <c r="B9130" t="s">
        <v>58</v>
      </c>
      <c r="C9130" t="s">
        <v>117</v>
      </c>
      <c r="D9130" t="s">
        <v>118</v>
      </c>
      <c r="E9130">
        <v>2019</v>
      </c>
      <c r="F9130">
        <v>2019</v>
      </c>
      <c r="G9130" t="s">
        <v>14</v>
      </c>
      <c r="H9130" t="s">
        <v>121</v>
      </c>
      <c r="I9130" t="s">
        <v>15</v>
      </c>
      <c r="J9130" s="10">
        <v>24.751192509999999</v>
      </c>
    </row>
    <row r="9131" spans="1:10" x14ac:dyDescent="0.35">
      <c r="A9131" t="s">
        <v>28</v>
      </c>
      <c r="B9131" t="s">
        <v>58</v>
      </c>
      <c r="C9131" t="s">
        <v>117</v>
      </c>
      <c r="D9131" t="s">
        <v>118</v>
      </c>
      <c r="E9131">
        <v>2019</v>
      </c>
      <c r="F9131">
        <v>2019</v>
      </c>
      <c r="G9131" t="s">
        <v>14</v>
      </c>
      <c r="H9131" t="s">
        <v>122</v>
      </c>
      <c r="I9131" t="s">
        <v>15</v>
      </c>
      <c r="J9131" s="10">
        <v>24.38460632</v>
      </c>
    </row>
    <row r="9132" spans="1:10" x14ac:dyDescent="0.35">
      <c r="A9132" t="s">
        <v>28</v>
      </c>
      <c r="B9132" t="s">
        <v>58</v>
      </c>
      <c r="C9132" t="s">
        <v>117</v>
      </c>
      <c r="D9132" t="s">
        <v>118</v>
      </c>
      <c r="E9132">
        <v>2019</v>
      </c>
      <c r="F9132">
        <v>2019</v>
      </c>
      <c r="G9132" t="s">
        <v>14</v>
      </c>
      <c r="H9132" t="s">
        <v>123</v>
      </c>
      <c r="I9132" t="s">
        <v>15</v>
      </c>
      <c r="J9132" s="10">
        <v>23.772157119999999</v>
      </c>
    </row>
    <row r="9133" spans="1:10" x14ac:dyDescent="0.35">
      <c r="A9133" t="s">
        <v>28</v>
      </c>
      <c r="B9133" t="s">
        <v>58</v>
      </c>
      <c r="C9133" t="s">
        <v>117</v>
      </c>
      <c r="D9133" t="s">
        <v>118</v>
      </c>
      <c r="E9133">
        <v>2019</v>
      </c>
      <c r="F9133">
        <v>2019</v>
      </c>
      <c r="G9133" t="s">
        <v>14</v>
      </c>
      <c r="H9133" t="s">
        <v>124</v>
      </c>
      <c r="I9133" t="s">
        <v>15</v>
      </c>
      <c r="J9133" s="10">
        <v>3.0342736000000001</v>
      </c>
    </row>
    <row r="9134" spans="1:10" x14ac:dyDescent="0.35">
      <c r="A9134" t="s">
        <v>28</v>
      </c>
      <c r="B9134" t="s">
        <v>58</v>
      </c>
      <c r="C9134" t="s">
        <v>117</v>
      </c>
      <c r="D9134" t="s">
        <v>118</v>
      </c>
      <c r="E9134">
        <v>2019</v>
      </c>
      <c r="F9134">
        <v>2019</v>
      </c>
      <c r="G9134" t="s">
        <v>125</v>
      </c>
      <c r="H9134" t="s">
        <v>119</v>
      </c>
      <c r="I9134" t="s">
        <v>15</v>
      </c>
      <c r="J9134" s="10">
        <v>16.468097969999999</v>
      </c>
    </row>
    <row r="9135" spans="1:10" x14ac:dyDescent="0.35">
      <c r="A9135" t="s">
        <v>28</v>
      </c>
      <c r="B9135" t="s">
        <v>58</v>
      </c>
      <c r="C9135" t="s">
        <v>117</v>
      </c>
      <c r="D9135" t="s">
        <v>118</v>
      </c>
      <c r="E9135">
        <v>2019</v>
      </c>
      <c r="F9135">
        <v>2019</v>
      </c>
      <c r="G9135" t="s">
        <v>125</v>
      </c>
      <c r="H9135" t="s">
        <v>120</v>
      </c>
      <c r="I9135" t="s">
        <v>15</v>
      </c>
      <c r="J9135" s="10">
        <v>8.7087995159999991</v>
      </c>
    </row>
    <row r="9136" spans="1:10" x14ac:dyDescent="0.35">
      <c r="A9136" t="s">
        <v>28</v>
      </c>
      <c r="B9136" t="s">
        <v>58</v>
      </c>
      <c r="C9136" t="s">
        <v>117</v>
      </c>
      <c r="D9136" t="s">
        <v>118</v>
      </c>
      <c r="E9136">
        <v>2019</v>
      </c>
      <c r="F9136">
        <v>2019</v>
      </c>
      <c r="G9136" t="s">
        <v>125</v>
      </c>
      <c r="H9136" t="s">
        <v>121</v>
      </c>
      <c r="I9136" t="s">
        <v>15</v>
      </c>
      <c r="J9136" s="10">
        <v>24.517689749999999</v>
      </c>
    </row>
    <row r="9137" spans="1:10" x14ac:dyDescent="0.35">
      <c r="A9137" t="s">
        <v>28</v>
      </c>
      <c r="B9137" t="s">
        <v>58</v>
      </c>
      <c r="C9137" t="s">
        <v>117</v>
      </c>
      <c r="D9137" t="s">
        <v>118</v>
      </c>
      <c r="E9137">
        <v>2019</v>
      </c>
      <c r="F9137">
        <v>2019</v>
      </c>
      <c r="G9137" t="s">
        <v>125</v>
      </c>
      <c r="H9137" t="s">
        <v>122</v>
      </c>
      <c r="I9137" t="s">
        <v>15</v>
      </c>
      <c r="J9137" s="10">
        <v>24.493498639999999</v>
      </c>
    </row>
    <row r="9138" spans="1:10" x14ac:dyDescent="0.35">
      <c r="A9138" t="s">
        <v>28</v>
      </c>
      <c r="B9138" t="s">
        <v>58</v>
      </c>
      <c r="C9138" t="s">
        <v>117</v>
      </c>
      <c r="D9138" t="s">
        <v>118</v>
      </c>
      <c r="E9138">
        <v>2019</v>
      </c>
      <c r="F9138">
        <v>2019</v>
      </c>
      <c r="G9138" t="s">
        <v>125</v>
      </c>
      <c r="H9138" t="s">
        <v>123</v>
      </c>
      <c r="I9138" t="s">
        <v>15</v>
      </c>
      <c r="J9138" s="10">
        <v>23.47444814</v>
      </c>
    </row>
    <row r="9139" spans="1:10" x14ac:dyDescent="0.35">
      <c r="A9139" t="s">
        <v>28</v>
      </c>
      <c r="B9139" t="s">
        <v>58</v>
      </c>
      <c r="C9139" t="s">
        <v>117</v>
      </c>
      <c r="D9139" t="s">
        <v>118</v>
      </c>
      <c r="E9139">
        <v>2019</v>
      </c>
      <c r="F9139">
        <v>2019</v>
      </c>
      <c r="G9139" t="s">
        <v>125</v>
      </c>
      <c r="H9139" t="s">
        <v>124</v>
      </c>
      <c r="I9139" t="s">
        <v>15</v>
      </c>
      <c r="J9139" s="10">
        <v>2.3374659809999998</v>
      </c>
    </row>
    <row r="9140" spans="1:10" x14ac:dyDescent="0.35">
      <c r="A9140" t="s">
        <v>28</v>
      </c>
      <c r="B9140" t="s">
        <v>58</v>
      </c>
      <c r="C9140" t="s">
        <v>117</v>
      </c>
      <c r="D9140" t="s">
        <v>118</v>
      </c>
      <c r="E9140">
        <v>2019</v>
      </c>
      <c r="F9140">
        <v>2019</v>
      </c>
      <c r="G9140" t="s">
        <v>126</v>
      </c>
      <c r="H9140" t="s">
        <v>119</v>
      </c>
      <c r="I9140" t="s">
        <v>15</v>
      </c>
      <c r="J9140" s="10">
        <v>15.18046709</v>
      </c>
    </row>
    <row r="9141" spans="1:10" x14ac:dyDescent="0.35">
      <c r="A9141" t="s">
        <v>28</v>
      </c>
      <c r="B9141" t="s">
        <v>58</v>
      </c>
      <c r="C9141" t="s">
        <v>117</v>
      </c>
      <c r="D9141" t="s">
        <v>118</v>
      </c>
      <c r="E9141">
        <v>2019</v>
      </c>
      <c r="F9141">
        <v>2019</v>
      </c>
      <c r="G9141" t="s">
        <v>126</v>
      </c>
      <c r="H9141" t="s">
        <v>120</v>
      </c>
      <c r="I9141" t="s">
        <v>15</v>
      </c>
      <c r="J9141" s="10">
        <v>7.8154587710000003</v>
      </c>
    </row>
    <row r="9142" spans="1:10" x14ac:dyDescent="0.35">
      <c r="A9142" t="s">
        <v>28</v>
      </c>
      <c r="B9142" t="s">
        <v>58</v>
      </c>
      <c r="C9142" t="s">
        <v>117</v>
      </c>
      <c r="D9142" t="s">
        <v>118</v>
      </c>
      <c r="E9142">
        <v>2019</v>
      </c>
      <c r="F9142">
        <v>2019</v>
      </c>
      <c r="G9142" t="s">
        <v>126</v>
      </c>
      <c r="H9142" t="s">
        <v>121</v>
      </c>
      <c r="I9142" t="s">
        <v>15</v>
      </c>
      <c r="J9142" s="10">
        <v>24.972743439999999</v>
      </c>
    </row>
    <row r="9143" spans="1:10" x14ac:dyDescent="0.35">
      <c r="A9143" t="s">
        <v>28</v>
      </c>
      <c r="B9143" t="s">
        <v>58</v>
      </c>
      <c r="C9143" t="s">
        <v>117</v>
      </c>
      <c r="D9143" t="s">
        <v>118</v>
      </c>
      <c r="E9143">
        <v>2019</v>
      </c>
      <c r="F9143">
        <v>2019</v>
      </c>
      <c r="G9143" t="s">
        <v>126</v>
      </c>
      <c r="H9143" t="s">
        <v>122</v>
      </c>
      <c r="I9143" t="s">
        <v>15</v>
      </c>
      <c r="J9143" s="10">
        <v>24.28128766</v>
      </c>
    </row>
    <row r="9144" spans="1:10" x14ac:dyDescent="0.35">
      <c r="A9144" t="s">
        <v>28</v>
      </c>
      <c r="B9144" t="s">
        <v>58</v>
      </c>
      <c r="C9144" t="s">
        <v>117</v>
      </c>
      <c r="D9144" t="s">
        <v>118</v>
      </c>
      <c r="E9144">
        <v>2019</v>
      </c>
      <c r="F9144">
        <v>2019</v>
      </c>
      <c r="G9144" t="s">
        <v>126</v>
      </c>
      <c r="H9144" t="s">
        <v>123</v>
      </c>
      <c r="I9144" t="s">
        <v>15</v>
      </c>
      <c r="J9144" s="10">
        <v>24.054627880000002</v>
      </c>
    </row>
    <row r="9145" spans="1:10" x14ac:dyDescent="0.35">
      <c r="A9145" t="s">
        <v>28</v>
      </c>
      <c r="B9145" t="s">
        <v>58</v>
      </c>
      <c r="C9145" t="s">
        <v>117</v>
      </c>
      <c r="D9145" t="s">
        <v>118</v>
      </c>
      <c r="E9145">
        <v>2019</v>
      </c>
      <c r="F9145">
        <v>2019</v>
      </c>
      <c r="G9145" t="s">
        <v>126</v>
      </c>
      <c r="H9145" t="s">
        <v>124</v>
      </c>
      <c r="I9145" t="s">
        <v>15</v>
      </c>
      <c r="J9145" s="10">
        <v>3.69541516</v>
      </c>
    </row>
    <row r="9146" spans="1:10" x14ac:dyDescent="0.35">
      <c r="A9146" t="s">
        <v>28</v>
      </c>
      <c r="B9146" t="s">
        <v>58</v>
      </c>
      <c r="C9146" t="s">
        <v>117</v>
      </c>
      <c r="D9146" t="s">
        <v>118</v>
      </c>
      <c r="E9146">
        <v>2018</v>
      </c>
      <c r="F9146">
        <v>2018</v>
      </c>
      <c r="G9146" t="s">
        <v>14</v>
      </c>
      <c r="H9146" t="s">
        <v>119</v>
      </c>
      <c r="I9146" t="s">
        <v>15</v>
      </c>
      <c r="J9146" s="10">
        <v>15.79558653</v>
      </c>
    </row>
    <row r="9147" spans="1:10" x14ac:dyDescent="0.35">
      <c r="A9147" t="s">
        <v>28</v>
      </c>
      <c r="B9147" t="s">
        <v>58</v>
      </c>
      <c r="C9147" t="s">
        <v>117</v>
      </c>
      <c r="D9147" t="s">
        <v>118</v>
      </c>
      <c r="E9147">
        <v>2018</v>
      </c>
      <c r="F9147">
        <v>2018</v>
      </c>
      <c r="G9147" t="s">
        <v>14</v>
      </c>
      <c r="H9147" t="s">
        <v>120</v>
      </c>
      <c r="I9147" t="s">
        <v>15</v>
      </c>
      <c r="J9147" s="10">
        <v>8.3785412899999994</v>
      </c>
    </row>
    <row r="9148" spans="1:10" x14ac:dyDescent="0.35">
      <c r="A9148" t="s">
        <v>28</v>
      </c>
      <c r="B9148" t="s">
        <v>58</v>
      </c>
      <c r="C9148" t="s">
        <v>117</v>
      </c>
      <c r="D9148" t="s">
        <v>118</v>
      </c>
      <c r="E9148">
        <v>2018</v>
      </c>
      <c r="F9148">
        <v>2018</v>
      </c>
      <c r="G9148" t="s">
        <v>14</v>
      </c>
      <c r="H9148" t="s">
        <v>121</v>
      </c>
      <c r="I9148" t="s">
        <v>15</v>
      </c>
      <c r="J9148" s="10">
        <v>25.24588718</v>
      </c>
    </row>
    <row r="9149" spans="1:10" x14ac:dyDescent="0.35">
      <c r="A9149" t="s">
        <v>28</v>
      </c>
      <c r="B9149" t="s">
        <v>58</v>
      </c>
      <c r="C9149" t="s">
        <v>117</v>
      </c>
      <c r="D9149" t="s">
        <v>118</v>
      </c>
      <c r="E9149">
        <v>2018</v>
      </c>
      <c r="F9149">
        <v>2018</v>
      </c>
      <c r="G9149" t="s">
        <v>14</v>
      </c>
      <c r="H9149" t="s">
        <v>122</v>
      </c>
      <c r="I9149" t="s">
        <v>15</v>
      </c>
      <c r="J9149" s="10">
        <v>24.187359409999999</v>
      </c>
    </row>
    <row r="9150" spans="1:10" x14ac:dyDescent="0.35">
      <c r="A9150" t="s">
        <v>28</v>
      </c>
      <c r="B9150" t="s">
        <v>58</v>
      </c>
      <c r="C9150" t="s">
        <v>117</v>
      </c>
      <c r="D9150" t="s">
        <v>118</v>
      </c>
      <c r="E9150">
        <v>2018</v>
      </c>
      <c r="F9150">
        <v>2018</v>
      </c>
      <c r="G9150" t="s">
        <v>14</v>
      </c>
      <c r="H9150" t="s">
        <v>123</v>
      </c>
      <c r="I9150" t="s">
        <v>15</v>
      </c>
      <c r="J9150" s="10">
        <v>23.39640395</v>
      </c>
    </row>
    <row r="9151" spans="1:10" x14ac:dyDescent="0.35">
      <c r="A9151" t="s">
        <v>28</v>
      </c>
      <c r="B9151" t="s">
        <v>58</v>
      </c>
      <c r="C9151" t="s">
        <v>117</v>
      </c>
      <c r="D9151" t="s">
        <v>118</v>
      </c>
      <c r="E9151">
        <v>2018</v>
      </c>
      <c r="F9151">
        <v>2018</v>
      </c>
      <c r="G9151" t="s">
        <v>14</v>
      </c>
      <c r="H9151" t="s">
        <v>124</v>
      </c>
      <c r="I9151" t="s">
        <v>15</v>
      </c>
      <c r="J9151" s="10">
        <v>2.9962216439999998</v>
      </c>
    </row>
    <row r="9152" spans="1:10" x14ac:dyDescent="0.35">
      <c r="A9152" t="s">
        <v>28</v>
      </c>
      <c r="B9152" t="s">
        <v>58</v>
      </c>
      <c r="C9152" t="s">
        <v>117</v>
      </c>
      <c r="D9152" t="s">
        <v>118</v>
      </c>
      <c r="E9152">
        <v>2018</v>
      </c>
      <c r="F9152">
        <v>2018</v>
      </c>
      <c r="G9152" t="s">
        <v>125</v>
      </c>
      <c r="H9152" t="s">
        <v>119</v>
      </c>
      <c r="I9152" t="s">
        <v>15</v>
      </c>
      <c r="J9152" s="10">
        <v>16.498458939999999</v>
      </c>
    </row>
    <row r="9153" spans="1:10" x14ac:dyDescent="0.35">
      <c r="A9153" t="s">
        <v>28</v>
      </c>
      <c r="B9153" t="s">
        <v>58</v>
      </c>
      <c r="C9153" t="s">
        <v>117</v>
      </c>
      <c r="D9153" t="s">
        <v>118</v>
      </c>
      <c r="E9153">
        <v>2018</v>
      </c>
      <c r="F9153">
        <v>2018</v>
      </c>
      <c r="G9153" t="s">
        <v>125</v>
      </c>
      <c r="H9153" t="s">
        <v>120</v>
      </c>
      <c r="I9153" t="s">
        <v>15</v>
      </c>
      <c r="J9153" s="10">
        <v>8.8565903180000003</v>
      </c>
    </row>
    <row r="9154" spans="1:10" x14ac:dyDescent="0.35">
      <c r="A9154" t="s">
        <v>28</v>
      </c>
      <c r="B9154" t="s">
        <v>58</v>
      </c>
      <c r="C9154" t="s">
        <v>117</v>
      </c>
      <c r="D9154" t="s">
        <v>118</v>
      </c>
      <c r="E9154">
        <v>2018</v>
      </c>
      <c r="F9154">
        <v>2018</v>
      </c>
      <c r="G9154" t="s">
        <v>125</v>
      </c>
      <c r="H9154" t="s">
        <v>121</v>
      </c>
      <c r="I9154" t="s">
        <v>15</v>
      </c>
      <c r="J9154" s="10">
        <v>24.97431559</v>
      </c>
    </row>
    <row r="9155" spans="1:10" x14ac:dyDescent="0.35">
      <c r="A9155" t="s">
        <v>28</v>
      </c>
      <c r="B9155" t="s">
        <v>58</v>
      </c>
      <c r="C9155" t="s">
        <v>117</v>
      </c>
      <c r="D9155" t="s">
        <v>118</v>
      </c>
      <c r="E9155">
        <v>2018</v>
      </c>
      <c r="F9155">
        <v>2018</v>
      </c>
      <c r="G9155" t="s">
        <v>125</v>
      </c>
      <c r="H9155" t="s">
        <v>122</v>
      </c>
      <c r="I9155" t="s">
        <v>15</v>
      </c>
      <c r="J9155" s="10">
        <v>24.38508491</v>
      </c>
    </row>
    <row r="9156" spans="1:10" x14ac:dyDescent="0.35">
      <c r="A9156" t="s">
        <v>28</v>
      </c>
      <c r="B9156" t="s">
        <v>58</v>
      </c>
      <c r="C9156" t="s">
        <v>117</v>
      </c>
      <c r="D9156" t="s">
        <v>118</v>
      </c>
      <c r="E9156">
        <v>2018</v>
      </c>
      <c r="F9156">
        <v>2018</v>
      </c>
      <c r="G9156" t="s">
        <v>125</v>
      </c>
      <c r="H9156" t="s">
        <v>123</v>
      </c>
      <c r="I9156" t="s">
        <v>15</v>
      </c>
      <c r="J9156" s="10">
        <v>22.986039770000001</v>
      </c>
    </row>
    <row r="9157" spans="1:10" x14ac:dyDescent="0.35">
      <c r="A9157" t="s">
        <v>28</v>
      </c>
      <c r="B9157" t="s">
        <v>58</v>
      </c>
      <c r="C9157" t="s">
        <v>117</v>
      </c>
      <c r="D9157" t="s">
        <v>118</v>
      </c>
      <c r="E9157">
        <v>2018</v>
      </c>
      <c r="F9157">
        <v>2018</v>
      </c>
      <c r="G9157" t="s">
        <v>125</v>
      </c>
      <c r="H9157" t="s">
        <v>124</v>
      </c>
      <c r="I9157" t="s">
        <v>15</v>
      </c>
      <c r="J9157" s="10">
        <v>2.2995104849999999</v>
      </c>
    </row>
    <row r="9158" spans="1:10" x14ac:dyDescent="0.35">
      <c r="A9158" t="s">
        <v>28</v>
      </c>
      <c r="B9158" t="s">
        <v>58</v>
      </c>
      <c r="C9158" t="s">
        <v>117</v>
      </c>
      <c r="D9158" t="s">
        <v>118</v>
      </c>
      <c r="E9158">
        <v>2018</v>
      </c>
      <c r="F9158">
        <v>2018</v>
      </c>
      <c r="G9158" t="s">
        <v>126</v>
      </c>
      <c r="H9158" t="s">
        <v>119</v>
      </c>
      <c r="I9158" t="s">
        <v>15</v>
      </c>
      <c r="J9158" s="10">
        <v>15.12956335</v>
      </c>
    </row>
    <row r="9159" spans="1:10" x14ac:dyDescent="0.35">
      <c r="A9159" t="s">
        <v>28</v>
      </c>
      <c r="B9159" t="s">
        <v>58</v>
      </c>
      <c r="C9159" t="s">
        <v>117</v>
      </c>
      <c r="D9159" t="s">
        <v>118</v>
      </c>
      <c r="E9159">
        <v>2018</v>
      </c>
      <c r="F9159">
        <v>2018</v>
      </c>
      <c r="G9159" t="s">
        <v>126</v>
      </c>
      <c r="H9159" t="s">
        <v>120</v>
      </c>
      <c r="I9159" t="s">
        <v>15</v>
      </c>
      <c r="J9159" s="10">
        <v>7.9255547599999998</v>
      </c>
    </row>
    <row r="9160" spans="1:10" x14ac:dyDescent="0.35">
      <c r="A9160" t="s">
        <v>28</v>
      </c>
      <c r="B9160" t="s">
        <v>58</v>
      </c>
      <c r="C9160" t="s">
        <v>117</v>
      </c>
      <c r="D9160" t="s">
        <v>118</v>
      </c>
      <c r="E9160">
        <v>2018</v>
      </c>
      <c r="F9160">
        <v>2018</v>
      </c>
      <c r="G9160" t="s">
        <v>126</v>
      </c>
      <c r="H9160" t="s">
        <v>121</v>
      </c>
      <c r="I9160" t="s">
        <v>15</v>
      </c>
      <c r="J9160" s="10">
        <v>25.503221190000001</v>
      </c>
    </row>
    <row r="9161" spans="1:10" x14ac:dyDescent="0.35">
      <c r="A9161" t="s">
        <v>28</v>
      </c>
      <c r="B9161" t="s">
        <v>58</v>
      </c>
      <c r="C9161" t="s">
        <v>117</v>
      </c>
      <c r="D9161" t="s">
        <v>118</v>
      </c>
      <c r="E9161">
        <v>2018</v>
      </c>
      <c r="F9161">
        <v>2018</v>
      </c>
      <c r="G9161" t="s">
        <v>126</v>
      </c>
      <c r="H9161" t="s">
        <v>122</v>
      </c>
      <c r="I9161" t="s">
        <v>15</v>
      </c>
      <c r="J9161" s="10">
        <v>24</v>
      </c>
    </row>
    <row r="9162" spans="1:10" x14ac:dyDescent="0.35">
      <c r="A9162" t="s">
        <v>28</v>
      </c>
      <c r="B9162" t="s">
        <v>58</v>
      </c>
      <c r="C9162" t="s">
        <v>117</v>
      </c>
      <c r="D9162" t="s">
        <v>118</v>
      </c>
      <c r="E9162">
        <v>2018</v>
      </c>
      <c r="F9162">
        <v>2018</v>
      </c>
      <c r="G9162" t="s">
        <v>126</v>
      </c>
      <c r="H9162" t="s">
        <v>123</v>
      </c>
      <c r="I9162" t="s">
        <v>15</v>
      </c>
      <c r="J9162" s="10">
        <v>23.785254120000001</v>
      </c>
    </row>
    <row r="9163" spans="1:10" x14ac:dyDescent="0.35">
      <c r="A9163" t="s">
        <v>28</v>
      </c>
      <c r="B9163" t="s">
        <v>58</v>
      </c>
      <c r="C9163" t="s">
        <v>117</v>
      </c>
      <c r="D9163" t="s">
        <v>118</v>
      </c>
      <c r="E9163">
        <v>2018</v>
      </c>
      <c r="F9163">
        <v>2018</v>
      </c>
      <c r="G9163" t="s">
        <v>126</v>
      </c>
      <c r="H9163" t="s">
        <v>124</v>
      </c>
      <c r="I9163" t="s">
        <v>15</v>
      </c>
      <c r="J9163" s="10">
        <v>3.6564065860000001</v>
      </c>
    </row>
    <row r="9164" spans="1:10" x14ac:dyDescent="0.35">
      <c r="A9164" t="s">
        <v>28</v>
      </c>
      <c r="B9164" t="s">
        <v>58</v>
      </c>
      <c r="C9164" t="s">
        <v>117</v>
      </c>
      <c r="D9164" t="s">
        <v>118</v>
      </c>
      <c r="E9164">
        <v>2017</v>
      </c>
      <c r="F9164">
        <v>2017</v>
      </c>
      <c r="G9164" t="s">
        <v>14</v>
      </c>
      <c r="H9164" t="s">
        <v>119</v>
      </c>
      <c r="I9164" t="s">
        <v>15</v>
      </c>
      <c r="J9164" s="10">
        <v>15.67707491</v>
      </c>
    </row>
    <row r="9165" spans="1:10" x14ac:dyDescent="0.35">
      <c r="A9165" t="s">
        <v>28</v>
      </c>
      <c r="B9165" t="s">
        <v>58</v>
      </c>
      <c r="C9165" t="s">
        <v>117</v>
      </c>
      <c r="D9165" t="s">
        <v>118</v>
      </c>
      <c r="E9165">
        <v>2017</v>
      </c>
      <c r="F9165">
        <v>2017</v>
      </c>
      <c r="G9165" t="s">
        <v>14</v>
      </c>
      <c r="H9165" t="s">
        <v>120</v>
      </c>
      <c r="I9165" t="s">
        <v>15</v>
      </c>
      <c r="J9165" s="10">
        <v>8.6026091690000008</v>
      </c>
    </row>
    <row r="9166" spans="1:10" x14ac:dyDescent="0.35">
      <c r="A9166" t="s">
        <v>28</v>
      </c>
      <c r="B9166" t="s">
        <v>58</v>
      </c>
      <c r="C9166" t="s">
        <v>117</v>
      </c>
      <c r="D9166" t="s">
        <v>118</v>
      </c>
      <c r="E9166">
        <v>2017</v>
      </c>
      <c r="F9166">
        <v>2017</v>
      </c>
      <c r="G9166" t="s">
        <v>14</v>
      </c>
      <c r="H9166" t="s">
        <v>121</v>
      </c>
      <c r="I9166" t="s">
        <v>15</v>
      </c>
      <c r="J9166" s="10">
        <v>25.64015826</v>
      </c>
    </row>
    <row r="9167" spans="1:10" x14ac:dyDescent="0.35">
      <c r="A9167" t="s">
        <v>28</v>
      </c>
      <c r="B9167" t="s">
        <v>58</v>
      </c>
      <c r="C9167" t="s">
        <v>117</v>
      </c>
      <c r="D9167" t="s">
        <v>118</v>
      </c>
      <c r="E9167">
        <v>2017</v>
      </c>
      <c r="F9167">
        <v>2017</v>
      </c>
      <c r="G9167" t="s">
        <v>14</v>
      </c>
      <c r="H9167" t="s">
        <v>122</v>
      </c>
      <c r="I9167" t="s">
        <v>15</v>
      </c>
      <c r="J9167" s="10">
        <v>23.909046790000001</v>
      </c>
    </row>
    <row r="9168" spans="1:10" x14ac:dyDescent="0.35">
      <c r="A9168" t="s">
        <v>28</v>
      </c>
      <c r="B9168" t="s">
        <v>58</v>
      </c>
      <c r="C9168" t="s">
        <v>117</v>
      </c>
      <c r="D9168" t="s">
        <v>118</v>
      </c>
      <c r="E9168">
        <v>2017</v>
      </c>
      <c r="F9168">
        <v>2017</v>
      </c>
      <c r="G9168" t="s">
        <v>14</v>
      </c>
      <c r="H9168" t="s">
        <v>123</v>
      </c>
      <c r="I9168" t="s">
        <v>15</v>
      </c>
      <c r="J9168" s="10">
        <v>23.1942463</v>
      </c>
    </row>
    <row r="9169" spans="1:10" x14ac:dyDescent="0.35">
      <c r="A9169" t="s">
        <v>28</v>
      </c>
      <c r="B9169" t="s">
        <v>58</v>
      </c>
      <c r="C9169" t="s">
        <v>117</v>
      </c>
      <c r="D9169" t="s">
        <v>118</v>
      </c>
      <c r="E9169">
        <v>2017</v>
      </c>
      <c r="F9169">
        <v>2017</v>
      </c>
      <c r="G9169" t="s">
        <v>14</v>
      </c>
      <c r="H9169" t="s">
        <v>124</v>
      </c>
      <c r="I9169" t="s">
        <v>15</v>
      </c>
      <c r="J9169" s="10">
        <v>2.976864585</v>
      </c>
    </row>
    <row r="9170" spans="1:10" x14ac:dyDescent="0.35">
      <c r="A9170" t="s">
        <v>28</v>
      </c>
      <c r="B9170" t="s">
        <v>58</v>
      </c>
      <c r="C9170" t="s">
        <v>117</v>
      </c>
      <c r="D9170" t="s">
        <v>118</v>
      </c>
      <c r="E9170">
        <v>2017</v>
      </c>
      <c r="F9170">
        <v>2017</v>
      </c>
      <c r="G9170" t="s">
        <v>125</v>
      </c>
      <c r="H9170" t="s">
        <v>119</v>
      </c>
      <c r="I9170" t="s">
        <v>15</v>
      </c>
      <c r="J9170" s="10">
        <v>16.252650710000001</v>
      </c>
    </row>
    <row r="9171" spans="1:10" x14ac:dyDescent="0.35">
      <c r="A9171" t="s">
        <v>28</v>
      </c>
      <c r="B9171" t="s">
        <v>58</v>
      </c>
      <c r="C9171" t="s">
        <v>117</v>
      </c>
      <c r="D9171" t="s">
        <v>118</v>
      </c>
      <c r="E9171">
        <v>2017</v>
      </c>
      <c r="F9171">
        <v>2017</v>
      </c>
      <c r="G9171" t="s">
        <v>125</v>
      </c>
      <c r="H9171" t="s">
        <v>120</v>
      </c>
      <c r="I9171" t="s">
        <v>15</v>
      </c>
      <c r="J9171" s="10">
        <v>9.0760375639999999</v>
      </c>
    </row>
    <row r="9172" spans="1:10" x14ac:dyDescent="0.35">
      <c r="A9172" t="s">
        <v>28</v>
      </c>
      <c r="B9172" t="s">
        <v>58</v>
      </c>
      <c r="C9172" t="s">
        <v>117</v>
      </c>
      <c r="D9172" t="s">
        <v>118</v>
      </c>
      <c r="E9172">
        <v>2017</v>
      </c>
      <c r="F9172">
        <v>2017</v>
      </c>
      <c r="G9172" t="s">
        <v>125</v>
      </c>
      <c r="H9172" t="s">
        <v>121</v>
      </c>
      <c r="I9172" t="s">
        <v>15</v>
      </c>
      <c r="J9172" s="10">
        <v>25.398364130000001</v>
      </c>
    </row>
    <row r="9173" spans="1:10" x14ac:dyDescent="0.35">
      <c r="A9173" t="s">
        <v>28</v>
      </c>
      <c r="B9173" t="s">
        <v>58</v>
      </c>
      <c r="C9173" t="s">
        <v>117</v>
      </c>
      <c r="D9173" t="s">
        <v>118</v>
      </c>
      <c r="E9173">
        <v>2017</v>
      </c>
      <c r="F9173">
        <v>2017</v>
      </c>
      <c r="G9173" t="s">
        <v>125</v>
      </c>
      <c r="H9173" t="s">
        <v>122</v>
      </c>
      <c r="I9173" t="s">
        <v>15</v>
      </c>
      <c r="J9173" s="10">
        <v>24.150257499999999</v>
      </c>
    </row>
    <row r="9174" spans="1:10" x14ac:dyDescent="0.35">
      <c r="A9174" t="s">
        <v>28</v>
      </c>
      <c r="B9174" t="s">
        <v>58</v>
      </c>
      <c r="C9174" t="s">
        <v>117</v>
      </c>
      <c r="D9174" t="s">
        <v>118</v>
      </c>
      <c r="E9174">
        <v>2017</v>
      </c>
      <c r="F9174">
        <v>2017</v>
      </c>
      <c r="G9174" t="s">
        <v>125</v>
      </c>
      <c r="H9174" t="s">
        <v>123</v>
      </c>
      <c r="I9174" t="s">
        <v>15</v>
      </c>
      <c r="J9174" s="10">
        <v>22.835504390000001</v>
      </c>
    </row>
    <row r="9175" spans="1:10" x14ac:dyDescent="0.35">
      <c r="A9175" t="s">
        <v>28</v>
      </c>
      <c r="B9175" t="s">
        <v>58</v>
      </c>
      <c r="C9175" t="s">
        <v>117</v>
      </c>
      <c r="D9175" t="s">
        <v>118</v>
      </c>
      <c r="E9175">
        <v>2017</v>
      </c>
      <c r="F9175">
        <v>2017</v>
      </c>
      <c r="G9175" t="s">
        <v>125</v>
      </c>
      <c r="H9175" t="s">
        <v>124</v>
      </c>
      <c r="I9175" t="s">
        <v>15</v>
      </c>
      <c r="J9175" s="10">
        <v>2.2871857009999998</v>
      </c>
    </row>
    <row r="9176" spans="1:10" x14ac:dyDescent="0.35">
      <c r="A9176" t="s">
        <v>28</v>
      </c>
      <c r="B9176" t="s">
        <v>58</v>
      </c>
      <c r="C9176" t="s">
        <v>117</v>
      </c>
      <c r="D9176" t="s">
        <v>118</v>
      </c>
      <c r="E9176">
        <v>2017</v>
      </c>
      <c r="F9176">
        <v>2017</v>
      </c>
      <c r="G9176" t="s">
        <v>126</v>
      </c>
      <c r="H9176" t="s">
        <v>119</v>
      </c>
      <c r="I9176" t="s">
        <v>15</v>
      </c>
      <c r="J9176" s="10">
        <v>15.133929849999999</v>
      </c>
    </row>
    <row r="9177" spans="1:10" x14ac:dyDescent="0.35">
      <c r="A9177" t="s">
        <v>28</v>
      </c>
      <c r="B9177" t="s">
        <v>58</v>
      </c>
      <c r="C9177" t="s">
        <v>117</v>
      </c>
      <c r="D9177" t="s">
        <v>118</v>
      </c>
      <c r="E9177">
        <v>2017</v>
      </c>
      <c r="F9177">
        <v>2017</v>
      </c>
      <c r="G9177" t="s">
        <v>126</v>
      </c>
      <c r="H9177" t="s">
        <v>120</v>
      </c>
      <c r="I9177" t="s">
        <v>15</v>
      </c>
      <c r="J9177" s="10">
        <v>8.1558560359999994</v>
      </c>
    </row>
    <row r="9178" spans="1:10" x14ac:dyDescent="0.35">
      <c r="A9178" t="s">
        <v>28</v>
      </c>
      <c r="B9178" t="s">
        <v>58</v>
      </c>
      <c r="C9178" t="s">
        <v>117</v>
      </c>
      <c r="D9178" t="s">
        <v>118</v>
      </c>
      <c r="E9178">
        <v>2017</v>
      </c>
      <c r="F9178">
        <v>2017</v>
      </c>
      <c r="G9178" t="s">
        <v>126</v>
      </c>
      <c r="H9178" t="s">
        <v>121</v>
      </c>
      <c r="I9178" t="s">
        <v>15</v>
      </c>
      <c r="J9178" s="10">
        <v>25.868328519999999</v>
      </c>
    </row>
    <row r="9179" spans="1:10" x14ac:dyDescent="0.35">
      <c r="A9179" t="s">
        <v>28</v>
      </c>
      <c r="B9179" t="s">
        <v>58</v>
      </c>
      <c r="C9179" t="s">
        <v>117</v>
      </c>
      <c r="D9179" t="s">
        <v>118</v>
      </c>
      <c r="E9179">
        <v>2017</v>
      </c>
      <c r="F9179">
        <v>2017</v>
      </c>
      <c r="G9179" t="s">
        <v>126</v>
      </c>
      <c r="H9179" t="s">
        <v>122</v>
      </c>
      <c r="I9179" t="s">
        <v>15</v>
      </c>
      <c r="J9179" s="10">
        <v>23.681427060000001</v>
      </c>
    </row>
    <row r="9180" spans="1:10" x14ac:dyDescent="0.35">
      <c r="A9180" t="s">
        <v>28</v>
      </c>
      <c r="B9180" t="s">
        <v>58</v>
      </c>
      <c r="C9180" t="s">
        <v>117</v>
      </c>
      <c r="D9180" t="s">
        <v>118</v>
      </c>
      <c r="E9180">
        <v>2017</v>
      </c>
      <c r="F9180">
        <v>2017</v>
      </c>
      <c r="G9180" t="s">
        <v>126</v>
      </c>
      <c r="H9180" t="s">
        <v>123</v>
      </c>
      <c r="I9180" t="s">
        <v>15</v>
      </c>
      <c r="J9180" s="10">
        <v>23.532774929999999</v>
      </c>
    </row>
    <row r="9181" spans="1:10" x14ac:dyDescent="0.35">
      <c r="A9181" t="s">
        <v>28</v>
      </c>
      <c r="B9181" t="s">
        <v>58</v>
      </c>
      <c r="C9181" t="s">
        <v>117</v>
      </c>
      <c r="D9181" t="s">
        <v>118</v>
      </c>
      <c r="E9181">
        <v>2017</v>
      </c>
      <c r="F9181">
        <v>2017</v>
      </c>
      <c r="G9181" t="s">
        <v>126</v>
      </c>
      <c r="H9181" t="s">
        <v>124</v>
      </c>
      <c r="I9181" t="s">
        <v>15</v>
      </c>
      <c r="J9181" s="10">
        <v>3.6276836000000001</v>
      </c>
    </row>
    <row r="9182" spans="1:10" x14ac:dyDescent="0.35">
      <c r="A9182" t="s">
        <v>28</v>
      </c>
      <c r="B9182" t="s">
        <v>58</v>
      </c>
      <c r="C9182" t="s">
        <v>117</v>
      </c>
      <c r="D9182" t="s">
        <v>118</v>
      </c>
      <c r="E9182">
        <v>2016</v>
      </c>
      <c r="F9182">
        <v>2016</v>
      </c>
      <c r="G9182" t="s">
        <v>14</v>
      </c>
      <c r="H9182" t="s">
        <v>119</v>
      </c>
      <c r="I9182" t="s">
        <v>15</v>
      </c>
      <c r="J9182" s="10">
        <v>15.686043079999999</v>
      </c>
    </row>
    <row r="9183" spans="1:10" x14ac:dyDescent="0.35">
      <c r="A9183" t="s">
        <v>28</v>
      </c>
      <c r="B9183" t="s">
        <v>58</v>
      </c>
      <c r="C9183" t="s">
        <v>117</v>
      </c>
      <c r="D9183" t="s">
        <v>118</v>
      </c>
      <c r="E9183">
        <v>2016</v>
      </c>
      <c r="F9183">
        <v>2016</v>
      </c>
      <c r="G9183" t="s">
        <v>14</v>
      </c>
      <c r="H9183" t="s">
        <v>120</v>
      </c>
      <c r="I9183" t="s">
        <v>15</v>
      </c>
      <c r="J9183" s="10">
        <v>8.7267630569999994</v>
      </c>
    </row>
    <row r="9184" spans="1:10" x14ac:dyDescent="0.35">
      <c r="A9184" t="s">
        <v>28</v>
      </c>
      <c r="B9184" t="s">
        <v>58</v>
      </c>
      <c r="C9184" t="s">
        <v>117</v>
      </c>
      <c r="D9184" t="s">
        <v>118</v>
      </c>
      <c r="E9184">
        <v>2016</v>
      </c>
      <c r="F9184">
        <v>2016</v>
      </c>
      <c r="G9184" t="s">
        <v>14</v>
      </c>
      <c r="H9184" t="s">
        <v>121</v>
      </c>
      <c r="I9184" t="s">
        <v>15</v>
      </c>
      <c r="J9184" s="10">
        <v>26.05783417</v>
      </c>
    </row>
    <row r="9185" spans="1:10" x14ac:dyDescent="0.35">
      <c r="A9185" t="s">
        <v>28</v>
      </c>
      <c r="B9185" t="s">
        <v>58</v>
      </c>
      <c r="C9185" t="s">
        <v>117</v>
      </c>
      <c r="D9185" t="s">
        <v>118</v>
      </c>
      <c r="E9185">
        <v>2016</v>
      </c>
      <c r="F9185">
        <v>2016</v>
      </c>
      <c r="G9185" t="s">
        <v>14</v>
      </c>
      <c r="H9185" t="s">
        <v>122</v>
      </c>
      <c r="I9185" t="s">
        <v>15</v>
      </c>
      <c r="J9185" s="10">
        <v>23.626438480000001</v>
      </c>
    </row>
    <row r="9186" spans="1:10" x14ac:dyDescent="0.35">
      <c r="A9186" t="s">
        <v>28</v>
      </c>
      <c r="B9186" t="s">
        <v>58</v>
      </c>
      <c r="C9186" t="s">
        <v>117</v>
      </c>
      <c r="D9186" t="s">
        <v>118</v>
      </c>
      <c r="E9186">
        <v>2016</v>
      </c>
      <c r="F9186">
        <v>2016</v>
      </c>
      <c r="G9186" t="s">
        <v>14</v>
      </c>
      <c r="H9186" t="s">
        <v>123</v>
      </c>
      <c r="I9186" t="s">
        <v>15</v>
      </c>
      <c r="J9186" s="10">
        <v>22.974328710000002</v>
      </c>
    </row>
    <row r="9187" spans="1:10" x14ac:dyDescent="0.35">
      <c r="A9187" t="s">
        <v>28</v>
      </c>
      <c r="B9187" t="s">
        <v>58</v>
      </c>
      <c r="C9187" t="s">
        <v>117</v>
      </c>
      <c r="D9187" t="s">
        <v>118</v>
      </c>
      <c r="E9187">
        <v>2016</v>
      </c>
      <c r="F9187">
        <v>2016</v>
      </c>
      <c r="G9187" t="s">
        <v>14</v>
      </c>
      <c r="H9187" t="s">
        <v>124</v>
      </c>
      <c r="I9187" t="s">
        <v>15</v>
      </c>
      <c r="J9187" s="10">
        <v>2.9285925050000001</v>
      </c>
    </row>
    <row r="9188" spans="1:10" x14ac:dyDescent="0.35">
      <c r="A9188" t="s">
        <v>28</v>
      </c>
      <c r="B9188" t="s">
        <v>58</v>
      </c>
      <c r="C9188" t="s">
        <v>117</v>
      </c>
      <c r="D9188" t="s">
        <v>118</v>
      </c>
      <c r="E9188">
        <v>2016</v>
      </c>
      <c r="F9188">
        <v>2016</v>
      </c>
      <c r="G9188" t="s">
        <v>125</v>
      </c>
      <c r="H9188" t="s">
        <v>119</v>
      </c>
      <c r="I9188" t="s">
        <v>15</v>
      </c>
      <c r="J9188" s="10">
        <v>16.25406276</v>
      </c>
    </row>
    <row r="9189" spans="1:10" x14ac:dyDescent="0.35">
      <c r="A9189" t="s">
        <v>28</v>
      </c>
      <c r="B9189" t="s">
        <v>58</v>
      </c>
      <c r="C9189" t="s">
        <v>117</v>
      </c>
      <c r="D9189" t="s">
        <v>118</v>
      </c>
      <c r="E9189">
        <v>2016</v>
      </c>
      <c r="F9189">
        <v>2016</v>
      </c>
      <c r="G9189" t="s">
        <v>125</v>
      </c>
      <c r="H9189" t="s">
        <v>120</v>
      </c>
      <c r="I9189" t="s">
        <v>15</v>
      </c>
      <c r="J9189" s="10">
        <v>9.2281522430000003</v>
      </c>
    </row>
    <row r="9190" spans="1:10" x14ac:dyDescent="0.35">
      <c r="A9190" t="s">
        <v>28</v>
      </c>
      <c r="B9190" t="s">
        <v>58</v>
      </c>
      <c r="C9190" t="s">
        <v>117</v>
      </c>
      <c r="D9190" t="s">
        <v>118</v>
      </c>
      <c r="E9190">
        <v>2016</v>
      </c>
      <c r="F9190">
        <v>2016</v>
      </c>
      <c r="G9190" t="s">
        <v>125</v>
      </c>
      <c r="H9190" t="s">
        <v>121</v>
      </c>
      <c r="I9190" t="s">
        <v>15</v>
      </c>
      <c r="J9190" s="10">
        <v>25.792047629999999</v>
      </c>
    </row>
    <row r="9191" spans="1:10" x14ac:dyDescent="0.35">
      <c r="A9191" t="s">
        <v>28</v>
      </c>
      <c r="B9191" t="s">
        <v>58</v>
      </c>
      <c r="C9191" t="s">
        <v>117</v>
      </c>
      <c r="D9191" t="s">
        <v>118</v>
      </c>
      <c r="E9191">
        <v>2016</v>
      </c>
      <c r="F9191">
        <v>2016</v>
      </c>
      <c r="G9191" t="s">
        <v>125</v>
      </c>
      <c r="H9191" t="s">
        <v>122</v>
      </c>
      <c r="I9191" t="s">
        <v>15</v>
      </c>
      <c r="J9191" s="10">
        <v>23.89356338</v>
      </c>
    </row>
    <row r="9192" spans="1:10" x14ac:dyDescent="0.35">
      <c r="A9192" t="s">
        <v>28</v>
      </c>
      <c r="B9192" t="s">
        <v>58</v>
      </c>
      <c r="C9192" t="s">
        <v>117</v>
      </c>
      <c r="D9192" t="s">
        <v>118</v>
      </c>
      <c r="E9192">
        <v>2016</v>
      </c>
      <c r="F9192">
        <v>2016</v>
      </c>
      <c r="G9192" t="s">
        <v>125</v>
      </c>
      <c r="H9192" t="s">
        <v>123</v>
      </c>
      <c r="I9192" t="s">
        <v>15</v>
      </c>
      <c r="J9192" s="10">
        <v>22.514504420000002</v>
      </c>
    </row>
    <row r="9193" spans="1:10" x14ac:dyDescent="0.35">
      <c r="A9193" t="s">
        <v>28</v>
      </c>
      <c r="B9193" t="s">
        <v>58</v>
      </c>
      <c r="C9193" t="s">
        <v>117</v>
      </c>
      <c r="D9193" t="s">
        <v>118</v>
      </c>
      <c r="E9193">
        <v>2016</v>
      </c>
      <c r="F9193">
        <v>2016</v>
      </c>
      <c r="G9193" t="s">
        <v>125</v>
      </c>
      <c r="H9193" t="s">
        <v>124</v>
      </c>
      <c r="I9193" t="s">
        <v>15</v>
      </c>
      <c r="J9193" s="10">
        <v>2.3176695729999999</v>
      </c>
    </row>
    <row r="9194" spans="1:10" x14ac:dyDescent="0.35">
      <c r="A9194" t="s">
        <v>28</v>
      </c>
      <c r="B9194" t="s">
        <v>58</v>
      </c>
      <c r="C9194" t="s">
        <v>117</v>
      </c>
      <c r="D9194" t="s">
        <v>118</v>
      </c>
      <c r="E9194">
        <v>2016</v>
      </c>
      <c r="F9194">
        <v>2016</v>
      </c>
      <c r="G9194" t="s">
        <v>126</v>
      </c>
      <c r="H9194" t="s">
        <v>119</v>
      </c>
      <c r="I9194" t="s">
        <v>15</v>
      </c>
      <c r="J9194" s="10">
        <v>15.14960269</v>
      </c>
    </row>
    <row r="9195" spans="1:10" x14ac:dyDescent="0.35">
      <c r="A9195" t="s">
        <v>28</v>
      </c>
      <c r="B9195" t="s">
        <v>58</v>
      </c>
      <c r="C9195" t="s">
        <v>117</v>
      </c>
      <c r="D9195" t="s">
        <v>118</v>
      </c>
      <c r="E9195">
        <v>2016</v>
      </c>
      <c r="F9195">
        <v>2016</v>
      </c>
      <c r="G9195" t="s">
        <v>126</v>
      </c>
      <c r="H9195" t="s">
        <v>120</v>
      </c>
      <c r="I9195" t="s">
        <v>15</v>
      </c>
      <c r="J9195" s="10">
        <v>8.2532488019999999</v>
      </c>
    </row>
    <row r="9196" spans="1:10" x14ac:dyDescent="0.35">
      <c r="A9196" t="s">
        <v>28</v>
      </c>
      <c r="B9196" t="s">
        <v>58</v>
      </c>
      <c r="C9196" t="s">
        <v>117</v>
      </c>
      <c r="D9196" t="s">
        <v>118</v>
      </c>
      <c r="E9196">
        <v>2016</v>
      </c>
      <c r="F9196">
        <v>2016</v>
      </c>
      <c r="G9196" t="s">
        <v>126</v>
      </c>
      <c r="H9196" t="s">
        <v>121</v>
      </c>
      <c r="I9196" t="s">
        <v>15</v>
      </c>
      <c r="J9196" s="10">
        <v>26.308844199999999</v>
      </c>
    </row>
    <row r="9197" spans="1:10" x14ac:dyDescent="0.35">
      <c r="A9197" t="s">
        <v>28</v>
      </c>
      <c r="B9197" t="s">
        <v>58</v>
      </c>
      <c r="C9197" t="s">
        <v>117</v>
      </c>
      <c r="D9197" t="s">
        <v>118</v>
      </c>
      <c r="E9197">
        <v>2016</v>
      </c>
      <c r="F9197">
        <v>2016</v>
      </c>
      <c r="G9197" t="s">
        <v>126</v>
      </c>
      <c r="H9197" t="s">
        <v>122</v>
      </c>
      <c r="I9197" t="s">
        <v>15</v>
      </c>
      <c r="J9197" s="10">
        <v>23.374164489999998</v>
      </c>
    </row>
    <row r="9198" spans="1:10" x14ac:dyDescent="0.35">
      <c r="A9198" t="s">
        <v>28</v>
      </c>
      <c r="B9198" t="s">
        <v>58</v>
      </c>
      <c r="C9198" t="s">
        <v>117</v>
      </c>
      <c r="D9198" t="s">
        <v>118</v>
      </c>
      <c r="E9198">
        <v>2016</v>
      </c>
      <c r="F9198">
        <v>2016</v>
      </c>
      <c r="G9198" t="s">
        <v>126</v>
      </c>
      <c r="H9198" t="s">
        <v>123</v>
      </c>
      <c r="I9198" t="s">
        <v>15</v>
      </c>
      <c r="J9198" s="10">
        <v>23.408588890000001</v>
      </c>
    </row>
    <row r="9199" spans="1:10" x14ac:dyDescent="0.35">
      <c r="A9199" t="s">
        <v>28</v>
      </c>
      <c r="B9199" t="s">
        <v>58</v>
      </c>
      <c r="C9199" t="s">
        <v>117</v>
      </c>
      <c r="D9199" t="s">
        <v>118</v>
      </c>
      <c r="E9199">
        <v>2016</v>
      </c>
      <c r="F9199">
        <v>2016</v>
      </c>
      <c r="G9199" t="s">
        <v>126</v>
      </c>
      <c r="H9199" t="s">
        <v>124</v>
      </c>
      <c r="I9199" t="s">
        <v>15</v>
      </c>
      <c r="J9199" s="10">
        <v>3.505550934</v>
      </c>
    </row>
    <row r="9200" spans="1:10" x14ac:dyDescent="0.35">
      <c r="A9200" t="s">
        <v>28</v>
      </c>
      <c r="B9200" t="s">
        <v>58</v>
      </c>
      <c r="C9200" t="s">
        <v>117</v>
      </c>
      <c r="D9200" t="s">
        <v>118</v>
      </c>
      <c r="E9200">
        <v>2015</v>
      </c>
      <c r="F9200">
        <v>2015</v>
      </c>
      <c r="G9200" t="s">
        <v>14</v>
      </c>
      <c r="H9200" t="s">
        <v>119</v>
      </c>
      <c r="I9200" t="s">
        <v>15</v>
      </c>
      <c r="J9200" s="10">
        <v>15.708783990000001</v>
      </c>
    </row>
    <row r="9201" spans="1:10" x14ac:dyDescent="0.35">
      <c r="A9201" t="s">
        <v>28</v>
      </c>
      <c r="B9201" t="s">
        <v>58</v>
      </c>
      <c r="C9201" t="s">
        <v>117</v>
      </c>
      <c r="D9201" t="s">
        <v>118</v>
      </c>
      <c r="E9201">
        <v>2015</v>
      </c>
      <c r="F9201">
        <v>2015</v>
      </c>
      <c r="G9201" t="s">
        <v>14</v>
      </c>
      <c r="H9201" t="s">
        <v>120</v>
      </c>
      <c r="I9201" t="s">
        <v>15</v>
      </c>
      <c r="J9201" s="10">
        <v>8.7146419559999995</v>
      </c>
    </row>
    <row r="9202" spans="1:10" x14ac:dyDescent="0.35">
      <c r="A9202" t="s">
        <v>28</v>
      </c>
      <c r="B9202" t="s">
        <v>58</v>
      </c>
      <c r="C9202" t="s">
        <v>117</v>
      </c>
      <c r="D9202" t="s">
        <v>118</v>
      </c>
      <c r="E9202">
        <v>2015</v>
      </c>
      <c r="F9202">
        <v>2015</v>
      </c>
      <c r="G9202" t="s">
        <v>14</v>
      </c>
      <c r="H9202" t="s">
        <v>121</v>
      </c>
      <c r="I9202" t="s">
        <v>15</v>
      </c>
      <c r="J9202" s="10">
        <v>26.732673269999999</v>
      </c>
    </row>
    <row r="9203" spans="1:10" x14ac:dyDescent="0.35">
      <c r="A9203" t="s">
        <v>28</v>
      </c>
      <c r="B9203" t="s">
        <v>58</v>
      </c>
      <c r="C9203" t="s">
        <v>117</v>
      </c>
      <c r="D9203" t="s">
        <v>118</v>
      </c>
      <c r="E9203">
        <v>2015</v>
      </c>
      <c r="F9203">
        <v>2015</v>
      </c>
      <c r="G9203" t="s">
        <v>14</v>
      </c>
      <c r="H9203" t="s">
        <v>122</v>
      </c>
      <c r="I9203" t="s">
        <v>15</v>
      </c>
      <c r="J9203" s="10">
        <v>23.325611250000001</v>
      </c>
    </row>
    <row r="9204" spans="1:10" x14ac:dyDescent="0.35">
      <c r="A9204" t="s">
        <v>28</v>
      </c>
      <c r="B9204" t="s">
        <v>58</v>
      </c>
      <c r="C9204" t="s">
        <v>117</v>
      </c>
      <c r="D9204" t="s">
        <v>118</v>
      </c>
      <c r="E9204">
        <v>2015</v>
      </c>
      <c r="F9204">
        <v>2015</v>
      </c>
      <c r="G9204" t="s">
        <v>14</v>
      </c>
      <c r="H9204" t="s">
        <v>123</v>
      </c>
      <c r="I9204" t="s">
        <v>15</v>
      </c>
      <c r="J9204" s="10">
        <v>22.674890439999999</v>
      </c>
    </row>
    <row r="9205" spans="1:10" x14ac:dyDescent="0.35">
      <c r="A9205" t="s">
        <v>28</v>
      </c>
      <c r="B9205" t="s">
        <v>58</v>
      </c>
      <c r="C9205" t="s">
        <v>117</v>
      </c>
      <c r="D9205" t="s">
        <v>118</v>
      </c>
      <c r="E9205">
        <v>2015</v>
      </c>
      <c r="F9205">
        <v>2015</v>
      </c>
      <c r="G9205" t="s">
        <v>14</v>
      </c>
      <c r="H9205" t="s">
        <v>124</v>
      </c>
      <c r="I9205" t="s">
        <v>15</v>
      </c>
      <c r="J9205" s="10">
        <v>2.843399094</v>
      </c>
    </row>
    <row r="9206" spans="1:10" x14ac:dyDescent="0.35">
      <c r="A9206" t="s">
        <v>28</v>
      </c>
      <c r="B9206" t="s">
        <v>58</v>
      </c>
      <c r="C9206" t="s">
        <v>117</v>
      </c>
      <c r="D9206" t="s">
        <v>118</v>
      </c>
      <c r="E9206">
        <v>2015</v>
      </c>
      <c r="F9206">
        <v>2015</v>
      </c>
      <c r="G9206" t="s">
        <v>125</v>
      </c>
      <c r="H9206" t="s">
        <v>119</v>
      </c>
      <c r="I9206" t="s">
        <v>15</v>
      </c>
      <c r="J9206" s="10">
        <v>16.245596989999999</v>
      </c>
    </row>
    <row r="9207" spans="1:10" x14ac:dyDescent="0.35">
      <c r="A9207" t="s">
        <v>28</v>
      </c>
      <c r="B9207" t="s">
        <v>58</v>
      </c>
      <c r="C9207" t="s">
        <v>117</v>
      </c>
      <c r="D9207" t="s">
        <v>118</v>
      </c>
      <c r="E9207">
        <v>2015</v>
      </c>
      <c r="F9207">
        <v>2015</v>
      </c>
      <c r="G9207" t="s">
        <v>125</v>
      </c>
      <c r="H9207" t="s">
        <v>120</v>
      </c>
      <c r="I9207" t="s">
        <v>15</v>
      </c>
      <c r="J9207" s="10">
        <v>9.1764848780000001</v>
      </c>
    </row>
    <row r="9208" spans="1:10" x14ac:dyDescent="0.35">
      <c r="A9208" t="s">
        <v>28</v>
      </c>
      <c r="B9208" t="s">
        <v>58</v>
      </c>
      <c r="C9208" t="s">
        <v>117</v>
      </c>
      <c r="D9208" t="s">
        <v>118</v>
      </c>
      <c r="E9208">
        <v>2015</v>
      </c>
      <c r="F9208">
        <v>2015</v>
      </c>
      <c r="G9208" t="s">
        <v>125</v>
      </c>
      <c r="H9208" t="s">
        <v>121</v>
      </c>
      <c r="I9208" t="s">
        <v>15</v>
      </c>
      <c r="J9208" s="10">
        <v>26.548645690000001</v>
      </c>
    </row>
    <row r="9209" spans="1:10" x14ac:dyDescent="0.35">
      <c r="A9209" t="s">
        <v>28</v>
      </c>
      <c r="B9209" t="s">
        <v>58</v>
      </c>
      <c r="C9209" t="s">
        <v>117</v>
      </c>
      <c r="D9209" t="s">
        <v>118</v>
      </c>
      <c r="E9209">
        <v>2015</v>
      </c>
      <c r="F9209">
        <v>2015</v>
      </c>
      <c r="G9209" t="s">
        <v>125</v>
      </c>
      <c r="H9209" t="s">
        <v>122</v>
      </c>
      <c r="I9209" t="s">
        <v>15</v>
      </c>
      <c r="J9209" s="10">
        <v>23.663913520000001</v>
      </c>
    </row>
    <row r="9210" spans="1:10" x14ac:dyDescent="0.35">
      <c r="A9210" t="s">
        <v>28</v>
      </c>
      <c r="B9210" t="s">
        <v>58</v>
      </c>
      <c r="C9210" t="s">
        <v>117</v>
      </c>
      <c r="D9210" t="s">
        <v>118</v>
      </c>
      <c r="E9210">
        <v>2015</v>
      </c>
      <c r="F9210">
        <v>2015</v>
      </c>
      <c r="G9210" t="s">
        <v>125</v>
      </c>
      <c r="H9210" t="s">
        <v>123</v>
      </c>
      <c r="I9210" t="s">
        <v>15</v>
      </c>
      <c r="J9210" s="10">
        <v>22.172962470000002</v>
      </c>
    </row>
    <row r="9211" spans="1:10" x14ac:dyDescent="0.35">
      <c r="A9211" t="s">
        <v>28</v>
      </c>
      <c r="B9211" t="s">
        <v>58</v>
      </c>
      <c r="C9211" t="s">
        <v>117</v>
      </c>
      <c r="D9211" t="s">
        <v>118</v>
      </c>
      <c r="E9211">
        <v>2015</v>
      </c>
      <c r="F9211">
        <v>2015</v>
      </c>
      <c r="G9211" t="s">
        <v>125</v>
      </c>
      <c r="H9211" t="s">
        <v>124</v>
      </c>
      <c r="I9211" t="s">
        <v>15</v>
      </c>
      <c r="J9211" s="10">
        <v>2.1923964530000002</v>
      </c>
    </row>
    <row r="9212" spans="1:10" x14ac:dyDescent="0.35">
      <c r="A9212" t="s">
        <v>28</v>
      </c>
      <c r="B9212" t="s">
        <v>58</v>
      </c>
      <c r="C9212" t="s">
        <v>117</v>
      </c>
      <c r="D9212" t="s">
        <v>118</v>
      </c>
      <c r="E9212">
        <v>2015</v>
      </c>
      <c r="F9212">
        <v>2015</v>
      </c>
      <c r="G9212" t="s">
        <v>126</v>
      </c>
      <c r="H9212" t="s">
        <v>119</v>
      </c>
      <c r="I9212" t="s">
        <v>15</v>
      </c>
      <c r="J9212" s="10">
        <v>15.201354800000001</v>
      </c>
    </row>
    <row r="9213" spans="1:10" x14ac:dyDescent="0.35">
      <c r="A9213" t="s">
        <v>28</v>
      </c>
      <c r="B9213" t="s">
        <v>58</v>
      </c>
      <c r="C9213" t="s">
        <v>117</v>
      </c>
      <c r="D9213" t="s">
        <v>118</v>
      </c>
      <c r="E9213">
        <v>2015</v>
      </c>
      <c r="F9213">
        <v>2015</v>
      </c>
      <c r="G9213" t="s">
        <v>126</v>
      </c>
      <c r="H9213" t="s">
        <v>120</v>
      </c>
      <c r="I9213" t="s">
        <v>15</v>
      </c>
      <c r="J9213" s="10">
        <v>8.2780791639999993</v>
      </c>
    </row>
    <row r="9214" spans="1:10" x14ac:dyDescent="0.35">
      <c r="A9214" t="s">
        <v>28</v>
      </c>
      <c r="B9214" t="s">
        <v>58</v>
      </c>
      <c r="C9214" t="s">
        <v>117</v>
      </c>
      <c r="D9214" t="s">
        <v>118</v>
      </c>
      <c r="E9214">
        <v>2015</v>
      </c>
      <c r="F9214">
        <v>2015</v>
      </c>
      <c r="G9214" t="s">
        <v>126</v>
      </c>
      <c r="H9214" t="s">
        <v>121</v>
      </c>
      <c r="I9214" t="s">
        <v>15</v>
      </c>
      <c r="J9214" s="10">
        <v>26.906627629999999</v>
      </c>
    </row>
    <row r="9215" spans="1:10" x14ac:dyDescent="0.35">
      <c r="A9215" t="s">
        <v>28</v>
      </c>
      <c r="B9215" t="s">
        <v>58</v>
      </c>
      <c r="C9215" t="s">
        <v>117</v>
      </c>
      <c r="D9215" t="s">
        <v>118</v>
      </c>
      <c r="E9215">
        <v>2015</v>
      </c>
      <c r="F9215">
        <v>2015</v>
      </c>
      <c r="G9215" t="s">
        <v>126</v>
      </c>
      <c r="H9215" t="s">
        <v>122</v>
      </c>
      <c r="I9215" t="s">
        <v>15</v>
      </c>
      <c r="J9215" s="10">
        <v>23.005826800000001</v>
      </c>
    </row>
    <row r="9216" spans="1:10" x14ac:dyDescent="0.35">
      <c r="A9216" t="s">
        <v>28</v>
      </c>
      <c r="B9216" t="s">
        <v>58</v>
      </c>
      <c r="C9216" t="s">
        <v>117</v>
      </c>
      <c r="D9216" t="s">
        <v>118</v>
      </c>
      <c r="E9216">
        <v>2015</v>
      </c>
      <c r="F9216">
        <v>2015</v>
      </c>
      <c r="G9216" t="s">
        <v>126</v>
      </c>
      <c r="H9216" t="s">
        <v>123</v>
      </c>
      <c r="I9216" t="s">
        <v>15</v>
      </c>
      <c r="J9216" s="10">
        <v>23.149344129999999</v>
      </c>
    </row>
    <row r="9217" spans="1:10" x14ac:dyDescent="0.35">
      <c r="A9217" t="s">
        <v>28</v>
      </c>
      <c r="B9217" t="s">
        <v>58</v>
      </c>
      <c r="C9217" t="s">
        <v>117</v>
      </c>
      <c r="D9217" t="s">
        <v>118</v>
      </c>
      <c r="E9217">
        <v>2015</v>
      </c>
      <c r="F9217">
        <v>2015</v>
      </c>
      <c r="G9217" t="s">
        <v>126</v>
      </c>
      <c r="H9217" t="s">
        <v>124</v>
      </c>
      <c r="I9217" t="s">
        <v>15</v>
      </c>
      <c r="J9217" s="10">
        <v>3.458767473</v>
      </c>
    </row>
    <row r="9218" spans="1:10" x14ac:dyDescent="0.35">
      <c r="A9218" t="s">
        <v>28</v>
      </c>
      <c r="B9218" t="s">
        <v>58</v>
      </c>
      <c r="C9218" t="s">
        <v>117</v>
      </c>
      <c r="D9218" t="s">
        <v>118</v>
      </c>
      <c r="E9218">
        <v>2014</v>
      </c>
      <c r="F9218">
        <v>2014</v>
      </c>
      <c r="G9218" t="s">
        <v>14</v>
      </c>
      <c r="H9218" t="s">
        <v>119</v>
      </c>
      <c r="I9218" t="s">
        <v>15</v>
      </c>
      <c r="J9218" s="10">
        <v>15.735584429999999</v>
      </c>
    </row>
    <row r="9219" spans="1:10" x14ac:dyDescent="0.35">
      <c r="A9219" t="s">
        <v>28</v>
      </c>
      <c r="B9219" t="s">
        <v>58</v>
      </c>
      <c r="C9219" t="s">
        <v>117</v>
      </c>
      <c r="D9219" t="s">
        <v>118</v>
      </c>
      <c r="E9219">
        <v>2014</v>
      </c>
      <c r="F9219">
        <v>2014</v>
      </c>
      <c r="G9219" t="s">
        <v>14</v>
      </c>
      <c r="H9219" t="s">
        <v>120</v>
      </c>
      <c r="I9219" t="s">
        <v>15</v>
      </c>
      <c r="J9219" s="10">
        <v>8.8172898439999994</v>
      </c>
    </row>
    <row r="9220" spans="1:10" x14ac:dyDescent="0.35">
      <c r="A9220" t="s">
        <v>28</v>
      </c>
      <c r="B9220" t="s">
        <v>58</v>
      </c>
      <c r="C9220" t="s">
        <v>117</v>
      </c>
      <c r="D9220" t="s">
        <v>118</v>
      </c>
      <c r="E9220">
        <v>2014</v>
      </c>
      <c r="F9220">
        <v>2014</v>
      </c>
      <c r="G9220" t="s">
        <v>14</v>
      </c>
      <c r="H9220" t="s">
        <v>121</v>
      </c>
      <c r="I9220" t="s">
        <v>15</v>
      </c>
      <c r="J9220" s="10">
        <v>27.321076049999999</v>
      </c>
    </row>
    <row r="9221" spans="1:10" x14ac:dyDescent="0.35">
      <c r="A9221" t="s">
        <v>28</v>
      </c>
      <c r="B9221" t="s">
        <v>58</v>
      </c>
      <c r="C9221" t="s">
        <v>117</v>
      </c>
      <c r="D9221" t="s">
        <v>118</v>
      </c>
      <c r="E9221">
        <v>2014</v>
      </c>
      <c r="F9221">
        <v>2014</v>
      </c>
      <c r="G9221" t="s">
        <v>14</v>
      </c>
      <c r="H9221" t="s">
        <v>122</v>
      </c>
      <c r="I9221" t="s">
        <v>15</v>
      </c>
      <c r="J9221" s="10">
        <v>23.112053979999999</v>
      </c>
    </row>
    <row r="9222" spans="1:10" x14ac:dyDescent="0.35">
      <c r="A9222" t="s">
        <v>28</v>
      </c>
      <c r="B9222" t="s">
        <v>58</v>
      </c>
      <c r="C9222" t="s">
        <v>117</v>
      </c>
      <c r="D9222" t="s">
        <v>118</v>
      </c>
      <c r="E9222">
        <v>2014</v>
      </c>
      <c r="F9222">
        <v>2014</v>
      </c>
      <c r="G9222" t="s">
        <v>14</v>
      </c>
      <c r="H9222" t="s">
        <v>123</v>
      </c>
      <c r="I9222" t="s">
        <v>15</v>
      </c>
      <c r="J9222" s="10">
        <v>22.239901</v>
      </c>
    </row>
    <row r="9223" spans="1:10" x14ac:dyDescent="0.35">
      <c r="A9223" t="s">
        <v>28</v>
      </c>
      <c r="B9223" t="s">
        <v>58</v>
      </c>
      <c r="C9223" t="s">
        <v>117</v>
      </c>
      <c r="D9223" t="s">
        <v>118</v>
      </c>
      <c r="E9223">
        <v>2014</v>
      </c>
      <c r="F9223">
        <v>2014</v>
      </c>
      <c r="G9223" t="s">
        <v>14</v>
      </c>
      <c r="H9223" t="s">
        <v>124</v>
      </c>
      <c r="I9223" t="s">
        <v>15</v>
      </c>
      <c r="J9223" s="10">
        <v>2.7740946989999999</v>
      </c>
    </row>
    <row r="9224" spans="1:10" x14ac:dyDescent="0.35">
      <c r="A9224" t="s">
        <v>28</v>
      </c>
      <c r="B9224" t="s">
        <v>58</v>
      </c>
      <c r="C9224" t="s">
        <v>117</v>
      </c>
      <c r="D9224" t="s">
        <v>118</v>
      </c>
      <c r="E9224">
        <v>2014</v>
      </c>
      <c r="F9224">
        <v>2014</v>
      </c>
      <c r="G9224" t="s">
        <v>125</v>
      </c>
      <c r="H9224" t="s">
        <v>119</v>
      </c>
      <c r="I9224" t="s">
        <v>15</v>
      </c>
      <c r="J9224" s="10">
        <v>16.365674810000002</v>
      </c>
    </row>
    <row r="9225" spans="1:10" x14ac:dyDescent="0.35">
      <c r="A9225" t="s">
        <v>28</v>
      </c>
      <c r="B9225" t="s">
        <v>58</v>
      </c>
      <c r="C9225" t="s">
        <v>117</v>
      </c>
      <c r="D9225" t="s">
        <v>118</v>
      </c>
      <c r="E9225">
        <v>2014</v>
      </c>
      <c r="F9225">
        <v>2014</v>
      </c>
      <c r="G9225" t="s">
        <v>125</v>
      </c>
      <c r="H9225" t="s">
        <v>120</v>
      </c>
      <c r="I9225" t="s">
        <v>15</v>
      </c>
      <c r="J9225" s="10">
        <v>9.3115568750000008</v>
      </c>
    </row>
    <row r="9226" spans="1:10" x14ac:dyDescent="0.35">
      <c r="A9226" t="s">
        <v>28</v>
      </c>
      <c r="B9226" t="s">
        <v>58</v>
      </c>
      <c r="C9226" t="s">
        <v>117</v>
      </c>
      <c r="D9226" t="s">
        <v>118</v>
      </c>
      <c r="E9226">
        <v>2014</v>
      </c>
      <c r="F9226">
        <v>2014</v>
      </c>
      <c r="G9226" t="s">
        <v>125</v>
      </c>
      <c r="H9226" t="s">
        <v>121</v>
      </c>
      <c r="I9226" t="s">
        <v>15</v>
      </c>
      <c r="J9226" s="10">
        <v>27.158960059999998</v>
      </c>
    </row>
    <row r="9227" spans="1:10" x14ac:dyDescent="0.35">
      <c r="A9227" t="s">
        <v>28</v>
      </c>
      <c r="B9227" t="s">
        <v>58</v>
      </c>
      <c r="C9227" t="s">
        <v>117</v>
      </c>
      <c r="D9227" t="s">
        <v>118</v>
      </c>
      <c r="E9227">
        <v>2014</v>
      </c>
      <c r="F9227">
        <v>2014</v>
      </c>
      <c r="G9227" t="s">
        <v>125</v>
      </c>
      <c r="H9227" t="s">
        <v>122</v>
      </c>
      <c r="I9227" t="s">
        <v>15</v>
      </c>
      <c r="J9227" s="10">
        <v>23.374340950000001</v>
      </c>
    </row>
    <row r="9228" spans="1:10" x14ac:dyDescent="0.35">
      <c r="A9228" t="s">
        <v>28</v>
      </c>
      <c r="B9228" t="s">
        <v>58</v>
      </c>
      <c r="C9228" t="s">
        <v>117</v>
      </c>
      <c r="D9228" t="s">
        <v>118</v>
      </c>
      <c r="E9228">
        <v>2014</v>
      </c>
      <c r="F9228">
        <v>2014</v>
      </c>
      <c r="G9228" t="s">
        <v>125</v>
      </c>
      <c r="H9228" t="s">
        <v>123</v>
      </c>
      <c r="I9228" t="s">
        <v>15</v>
      </c>
      <c r="J9228" s="10">
        <v>21.73201624</v>
      </c>
    </row>
    <row r="9229" spans="1:10" x14ac:dyDescent="0.35">
      <c r="A9229" t="s">
        <v>28</v>
      </c>
      <c r="B9229" t="s">
        <v>58</v>
      </c>
      <c r="C9229" t="s">
        <v>117</v>
      </c>
      <c r="D9229" t="s">
        <v>118</v>
      </c>
      <c r="E9229">
        <v>2014</v>
      </c>
      <c r="F9229">
        <v>2014</v>
      </c>
      <c r="G9229" t="s">
        <v>125</v>
      </c>
      <c r="H9229" t="s">
        <v>124</v>
      </c>
      <c r="I9229" t="s">
        <v>15</v>
      </c>
      <c r="J9229" s="10">
        <v>2.0574510639999999</v>
      </c>
    </row>
    <row r="9230" spans="1:10" x14ac:dyDescent="0.35">
      <c r="A9230" t="s">
        <v>28</v>
      </c>
      <c r="B9230" t="s">
        <v>58</v>
      </c>
      <c r="C9230" t="s">
        <v>117</v>
      </c>
      <c r="D9230" t="s">
        <v>118</v>
      </c>
      <c r="E9230">
        <v>2014</v>
      </c>
      <c r="F9230">
        <v>2014</v>
      </c>
      <c r="G9230" t="s">
        <v>126</v>
      </c>
      <c r="H9230" t="s">
        <v>119</v>
      </c>
      <c r="I9230" t="s">
        <v>15</v>
      </c>
      <c r="J9230" s="10">
        <v>15.139350840000001</v>
      </c>
    </row>
    <row r="9231" spans="1:10" x14ac:dyDescent="0.35">
      <c r="A9231" t="s">
        <v>28</v>
      </c>
      <c r="B9231" t="s">
        <v>58</v>
      </c>
      <c r="C9231" t="s">
        <v>117</v>
      </c>
      <c r="D9231" t="s">
        <v>118</v>
      </c>
      <c r="E9231">
        <v>2014</v>
      </c>
      <c r="F9231">
        <v>2014</v>
      </c>
      <c r="G9231" t="s">
        <v>126</v>
      </c>
      <c r="H9231" t="s">
        <v>120</v>
      </c>
      <c r="I9231" t="s">
        <v>15</v>
      </c>
      <c r="J9231" s="10">
        <v>8.3495813739999996</v>
      </c>
    </row>
    <row r="9232" spans="1:10" x14ac:dyDescent="0.35">
      <c r="A9232" t="s">
        <v>28</v>
      </c>
      <c r="B9232" t="s">
        <v>58</v>
      </c>
      <c r="C9232" t="s">
        <v>117</v>
      </c>
      <c r="D9232" t="s">
        <v>118</v>
      </c>
      <c r="E9232">
        <v>2014</v>
      </c>
      <c r="F9232">
        <v>2014</v>
      </c>
      <c r="G9232" t="s">
        <v>126</v>
      </c>
      <c r="H9232" t="s">
        <v>121</v>
      </c>
      <c r="I9232" t="s">
        <v>15</v>
      </c>
      <c r="J9232" s="10">
        <v>27.474481019999999</v>
      </c>
    </row>
    <row r="9233" spans="1:10" x14ac:dyDescent="0.35">
      <c r="A9233" t="s">
        <v>28</v>
      </c>
      <c r="B9233" t="s">
        <v>58</v>
      </c>
      <c r="C9233" t="s">
        <v>117</v>
      </c>
      <c r="D9233" t="s">
        <v>118</v>
      </c>
      <c r="E9233">
        <v>2014</v>
      </c>
      <c r="F9233">
        <v>2014</v>
      </c>
      <c r="G9233" t="s">
        <v>126</v>
      </c>
      <c r="H9233" t="s">
        <v>122</v>
      </c>
      <c r="I9233" t="s">
        <v>15</v>
      </c>
      <c r="J9233" s="10">
        <v>22.86386053</v>
      </c>
    </row>
    <row r="9234" spans="1:10" x14ac:dyDescent="0.35">
      <c r="A9234" t="s">
        <v>28</v>
      </c>
      <c r="B9234" t="s">
        <v>58</v>
      </c>
      <c r="C9234" t="s">
        <v>117</v>
      </c>
      <c r="D9234" t="s">
        <v>118</v>
      </c>
      <c r="E9234">
        <v>2014</v>
      </c>
      <c r="F9234">
        <v>2014</v>
      </c>
      <c r="G9234" t="s">
        <v>126</v>
      </c>
      <c r="H9234" t="s">
        <v>123</v>
      </c>
      <c r="I9234" t="s">
        <v>15</v>
      </c>
      <c r="J9234" s="10">
        <v>22.720495469999999</v>
      </c>
    </row>
    <row r="9235" spans="1:10" x14ac:dyDescent="0.35">
      <c r="A9235" t="s">
        <v>28</v>
      </c>
      <c r="B9235" t="s">
        <v>58</v>
      </c>
      <c r="C9235" t="s">
        <v>117</v>
      </c>
      <c r="D9235" t="s">
        <v>118</v>
      </c>
      <c r="E9235">
        <v>2014</v>
      </c>
      <c r="F9235">
        <v>2014</v>
      </c>
      <c r="G9235" t="s">
        <v>126</v>
      </c>
      <c r="H9235" t="s">
        <v>124</v>
      </c>
      <c r="I9235" t="s">
        <v>15</v>
      </c>
      <c r="J9235" s="10">
        <v>3.45223076</v>
      </c>
    </row>
    <row r="9236" spans="1:10" x14ac:dyDescent="0.35">
      <c r="A9236" t="s">
        <v>28</v>
      </c>
      <c r="B9236" t="s">
        <v>58</v>
      </c>
      <c r="C9236" t="s">
        <v>117</v>
      </c>
      <c r="D9236" t="s">
        <v>118</v>
      </c>
      <c r="E9236">
        <v>2013</v>
      </c>
      <c r="F9236">
        <v>2013</v>
      </c>
      <c r="G9236" t="s">
        <v>14</v>
      </c>
      <c r="H9236" t="s">
        <v>119</v>
      </c>
      <c r="I9236" t="s">
        <v>15</v>
      </c>
      <c r="J9236" s="10">
        <v>15.770015109999999</v>
      </c>
    </row>
    <row r="9237" spans="1:10" x14ac:dyDescent="0.35">
      <c r="A9237" t="s">
        <v>28</v>
      </c>
      <c r="B9237" t="s">
        <v>58</v>
      </c>
      <c r="C9237" t="s">
        <v>117</v>
      </c>
      <c r="D9237" t="s">
        <v>118</v>
      </c>
      <c r="E9237">
        <v>2013</v>
      </c>
      <c r="F9237">
        <v>2013</v>
      </c>
      <c r="G9237" t="s">
        <v>14</v>
      </c>
      <c r="H9237" t="s">
        <v>120</v>
      </c>
      <c r="I9237" t="s">
        <v>15</v>
      </c>
      <c r="J9237" s="10">
        <v>8.821760244</v>
      </c>
    </row>
    <row r="9238" spans="1:10" x14ac:dyDescent="0.35">
      <c r="A9238" t="s">
        <v>28</v>
      </c>
      <c r="B9238" t="s">
        <v>58</v>
      </c>
      <c r="C9238" t="s">
        <v>117</v>
      </c>
      <c r="D9238" t="s">
        <v>118</v>
      </c>
      <c r="E9238">
        <v>2013</v>
      </c>
      <c r="F9238">
        <v>2013</v>
      </c>
      <c r="G9238" t="s">
        <v>14</v>
      </c>
      <c r="H9238" t="s">
        <v>121</v>
      </c>
      <c r="I9238" t="s">
        <v>15</v>
      </c>
      <c r="J9238" s="10">
        <v>28.084975279999998</v>
      </c>
    </row>
    <row r="9239" spans="1:10" x14ac:dyDescent="0.35">
      <c r="A9239" t="s">
        <v>28</v>
      </c>
      <c r="B9239" t="s">
        <v>58</v>
      </c>
      <c r="C9239" t="s">
        <v>117</v>
      </c>
      <c r="D9239" t="s">
        <v>118</v>
      </c>
      <c r="E9239">
        <v>2013</v>
      </c>
      <c r="F9239">
        <v>2013</v>
      </c>
      <c r="G9239" t="s">
        <v>14</v>
      </c>
      <c r="H9239" t="s">
        <v>122</v>
      </c>
      <c r="I9239" t="s">
        <v>15</v>
      </c>
      <c r="J9239" s="10">
        <v>22.953008319999999</v>
      </c>
    </row>
    <row r="9240" spans="1:10" x14ac:dyDescent="0.35">
      <c r="A9240" t="s">
        <v>28</v>
      </c>
      <c r="B9240" t="s">
        <v>58</v>
      </c>
      <c r="C9240" t="s">
        <v>117</v>
      </c>
      <c r="D9240" t="s">
        <v>118</v>
      </c>
      <c r="E9240">
        <v>2013</v>
      </c>
      <c r="F9240">
        <v>2013</v>
      </c>
      <c r="G9240" t="s">
        <v>14</v>
      </c>
      <c r="H9240" t="s">
        <v>123</v>
      </c>
      <c r="I9240" t="s">
        <v>15</v>
      </c>
      <c r="J9240" s="10">
        <v>21.682487049999999</v>
      </c>
    </row>
    <row r="9241" spans="1:10" x14ac:dyDescent="0.35">
      <c r="A9241" t="s">
        <v>28</v>
      </c>
      <c r="B9241" t="s">
        <v>58</v>
      </c>
      <c r="C9241" t="s">
        <v>117</v>
      </c>
      <c r="D9241" t="s">
        <v>118</v>
      </c>
      <c r="E9241">
        <v>2013</v>
      </c>
      <c r="F9241">
        <v>2013</v>
      </c>
      <c r="G9241" t="s">
        <v>14</v>
      </c>
      <c r="H9241" t="s">
        <v>124</v>
      </c>
      <c r="I9241" t="s">
        <v>15</v>
      </c>
      <c r="J9241" s="10">
        <v>2.6877539939999999</v>
      </c>
    </row>
    <row r="9242" spans="1:10" x14ac:dyDescent="0.35">
      <c r="A9242" t="s">
        <v>28</v>
      </c>
      <c r="B9242" t="s">
        <v>58</v>
      </c>
      <c r="C9242" t="s">
        <v>117</v>
      </c>
      <c r="D9242" t="s">
        <v>118</v>
      </c>
      <c r="E9242">
        <v>2013</v>
      </c>
      <c r="F9242">
        <v>2013</v>
      </c>
      <c r="G9242" t="s">
        <v>125</v>
      </c>
      <c r="H9242" t="s">
        <v>119</v>
      </c>
      <c r="I9242" t="s">
        <v>15</v>
      </c>
      <c r="J9242" s="10">
        <v>16.17279113</v>
      </c>
    </row>
    <row r="9243" spans="1:10" x14ac:dyDescent="0.35">
      <c r="A9243" t="s">
        <v>28</v>
      </c>
      <c r="B9243" t="s">
        <v>58</v>
      </c>
      <c r="C9243" t="s">
        <v>117</v>
      </c>
      <c r="D9243" t="s">
        <v>118</v>
      </c>
      <c r="E9243">
        <v>2013</v>
      </c>
      <c r="F9243">
        <v>2013</v>
      </c>
      <c r="G9243" t="s">
        <v>125</v>
      </c>
      <c r="H9243" t="s">
        <v>120</v>
      </c>
      <c r="I9243" t="s">
        <v>15</v>
      </c>
      <c r="J9243" s="10">
        <v>9.52581919</v>
      </c>
    </row>
    <row r="9244" spans="1:10" x14ac:dyDescent="0.35">
      <c r="A9244" t="s">
        <v>28</v>
      </c>
      <c r="B9244" t="s">
        <v>58</v>
      </c>
      <c r="C9244" t="s">
        <v>117</v>
      </c>
      <c r="D9244" t="s">
        <v>118</v>
      </c>
      <c r="E9244">
        <v>2013</v>
      </c>
      <c r="F9244">
        <v>2013</v>
      </c>
      <c r="G9244" t="s">
        <v>125</v>
      </c>
      <c r="H9244" t="s">
        <v>121</v>
      </c>
      <c r="I9244" t="s">
        <v>15</v>
      </c>
      <c r="J9244" s="10">
        <v>27.983601119999999</v>
      </c>
    </row>
    <row r="9245" spans="1:10" x14ac:dyDescent="0.35">
      <c r="A9245" t="s">
        <v>28</v>
      </c>
      <c r="B9245" t="s">
        <v>58</v>
      </c>
      <c r="C9245" t="s">
        <v>117</v>
      </c>
      <c r="D9245" t="s">
        <v>118</v>
      </c>
      <c r="E9245">
        <v>2013</v>
      </c>
      <c r="F9245">
        <v>2013</v>
      </c>
      <c r="G9245" t="s">
        <v>125</v>
      </c>
      <c r="H9245" t="s">
        <v>122</v>
      </c>
      <c r="I9245" t="s">
        <v>15</v>
      </c>
      <c r="J9245" s="10">
        <v>23.22069153</v>
      </c>
    </row>
    <row r="9246" spans="1:10" x14ac:dyDescent="0.35">
      <c r="A9246" t="s">
        <v>28</v>
      </c>
      <c r="B9246" t="s">
        <v>58</v>
      </c>
      <c r="C9246" t="s">
        <v>117</v>
      </c>
      <c r="D9246" t="s">
        <v>118</v>
      </c>
      <c r="E9246">
        <v>2013</v>
      </c>
      <c r="F9246">
        <v>2013</v>
      </c>
      <c r="G9246" t="s">
        <v>125</v>
      </c>
      <c r="H9246" t="s">
        <v>123</v>
      </c>
      <c r="I9246" t="s">
        <v>15</v>
      </c>
      <c r="J9246" s="10">
        <v>21.143701199999999</v>
      </c>
    </row>
    <row r="9247" spans="1:10" x14ac:dyDescent="0.35">
      <c r="A9247" t="s">
        <v>28</v>
      </c>
      <c r="B9247" t="s">
        <v>58</v>
      </c>
      <c r="C9247" t="s">
        <v>117</v>
      </c>
      <c r="D9247" t="s">
        <v>118</v>
      </c>
      <c r="E9247">
        <v>2013</v>
      </c>
      <c r="F9247">
        <v>2013</v>
      </c>
      <c r="G9247" t="s">
        <v>125</v>
      </c>
      <c r="H9247" t="s">
        <v>124</v>
      </c>
      <c r="I9247" t="s">
        <v>15</v>
      </c>
      <c r="J9247" s="10">
        <v>1.9533958339999999</v>
      </c>
    </row>
    <row r="9248" spans="1:10" x14ac:dyDescent="0.35">
      <c r="A9248" t="s">
        <v>28</v>
      </c>
      <c r="B9248" t="s">
        <v>58</v>
      </c>
      <c r="C9248" t="s">
        <v>117</v>
      </c>
      <c r="D9248" t="s">
        <v>118</v>
      </c>
      <c r="E9248">
        <v>2013</v>
      </c>
      <c r="F9248">
        <v>2013</v>
      </c>
      <c r="G9248" t="s">
        <v>126</v>
      </c>
      <c r="H9248" t="s">
        <v>119</v>
      </c>
      <c r="I9248" t="s">
        <v>15</v>
      </c>
      <c r="J9248" s="10">
        <v>15.38813307</v>
      </c>
    </row>
    <row r="9249" spans="1:10" x14ac:dyDescent="0.35">
      <c r="A9249" t="s">
        <v>28</v>
      </c>
      <c r="B9249" t="s">
        <v>58</v>
      </c>
      <c r="C9249" t="s">
        <v>117</v>
      </c>
      <c r="D9249" t="s">
        <v>118</v>
      </c>
      <c r="E9249">
        <v>2013</v>
      </c>
      <c r="F9249">
        <v>2013</v>
      </c>
      <c r="G9249" t="s">
        <v>126</v>
      </c>
      <c r="H9249" t="s">
        <v>120</v>
      </c>
      <c r="I9249" t="s">
        <v>15</v>
      </c>
      <c r="J9249" s="10">
        <v>8.1542243049999996</v>
      </c>
    </row>
    <row r="9250" spans="1:10" x14ac:dyDescent="0.35">
      <c r="A9250" t="s">
        <v>28</v>
      </c>
      <c r="B9250" t="s">
        <v>58</v>
      </c>
      <c r="C9250" t="s">
        <v>117</v>
      </c>
      <c r="D9250" t="s">
        <v>118</v>
      </c>
      <c r="E9250">
        <v>2013</v>
      </c>
      <c r="F9250">
        <v>2013</v>
      </c>
      <c r="G9250" t="s">
        <v>126</v>
      </c>
      <c r="H9250" t="s">
        <v>121</v>
      </c>
      <c r="I9250" t="s">
        <v>15</v>
      </c>
      <c r="J9250" s="10">
        <v>28.181090659999999</v>
      </c>
    </row>
    <row r="9251" spans="1:10" x14ac:dyDescent="0.35">
      <c r="A9251" t="s">
        <v>28</v>
      </c>
      <c r="B9251" t="s">
        <v>58</v>
      </c>
      <c r="C9251" t="s">
        <v>117</v>
      </c>
      <c r="D9251" t="s">
        <v>118</v>
      </c>
      <c r="E9251">
        <v>2013</v>
      </c>
      <c r="F9251">
        <v>2013</v>
      </c>
      <c r="G9251" t="s">
        <v>126</v>
      </c>
      <c r="H9251" t="s">
        <v>122</v>
      </c>
      <c r="I9251" t="s">
        <v>15</v>
      </c>
      <c r="J9251" s="10">
        <v>22.699211160000001</v>
      </c>
    </row>
    <row r="9252" spans="1:10" x14ac:dyDescent="0.35">
      <c r="A9252" t="s">
        <v>28</v>
      </c>
      <c r="B9252" t="s">
        <v>58</v>
      </c>
      <c r="C9252" t="s">
        <v>117</v>
      </c>
      <c r="D9252" t="s">
        <v>118</v>
      </c>
      <c r="E9252">
        <v>2013</v>
      </c>
      <c r="F9252">
        <v>2013</v>
      </c>
      <c r="G9252" t="s">
        <v>126</v>
      </c>
      <c r="H9252" t="s">
        <v>123</v>
      </c>
      <c r="I9252" t="s">
        <v>15</v>
      </c>
      <c r="J9252" s="10">
        <v>22.19332343</v>
      </c>
    </row>
    <row r="9253" spans="1:10" x14ac:dyDescent="0.35">
      <c r="A9253" t="s">
        <v>28</v>
      </c>
      <c r="B9253" t="s">
        <v>58</v>
      </c>
      <c r="C9253" t="s">
        <v>117</v>
      </c>
      <c r="D9253" t="s">
        <v>118</v>
      </c>
      <c r="E9253">
        <v>2013</v>
      </c>
      <c r="F9253">
        <v>2013</v>
      </c>
      <c r="G9253" t="s">
        <v>126</v>
      </c>
      <c r="H9253" t="s">
        <v>124</v>
      </c>
      <c r="I9253" t="s">
        <v>15</v>
      </c>
      <c r="J9253" s="10">
        <v>3.3840173770000002</v>
      </c>
    </row>
    <row r="9254" spans="1:10" x14ac:dyDescent="0.35">
      <c r="A9254" t="s">
        <v>28</v>
      </c>
      <c r="B9254" t="s">
        <v>58</v>
      </c>
      <c r="C9254" t="s">
        <v>117</v>
      </c>
      <c r="D9254" t="s">
        <v>118</v>
      </c>
      <c r="E9254">
        <v>2012</v>
      </c>
      <c r="F9254">
        <v>2012</v>
      </c>
      <c r="G9254" t="s">
        <v>14</v>
      </c>
      <c r="H9254" t="s">
        <v>119</v>
      </c>
      <c r="I9254" t="s">
        <v>15</v>
      </c>
      <c r="J9254" s="10">
        <v>15.934830699999999</v>
      </c>
    </row>
    <row r="9255" spans="1:10" x14ac:dyDescent="0.35">
      <c r="A9255" t="s">
        <v>28</v>
      </c>
      <c r="B9255" t="s">
        <v>58</v>
      </c>
      <c r="C9255" t="s">
        <v>117</v>
      </c>
      <c r="D9255" t="s">
        <v>118</v>
      </c>
      <c r="E9255">
        <v>2012</v>
      </c>
      <c r="F9255">
        <v>2012</v>
      </c>
      <c r="G9255" t="s">
        <v>14</v>
      </c>
      <c r="H9255" t="s">
        <v>120</v>
      </c>
      <c r="I9255" t="s">
        <v>15</v>
      </c>
      <c r="J9255" s="10">
        <v>8.8010783410000002</v>
      </c>
    </row>
    <row r="9256" spans="1:10" x14ac:dyDescent="0.35">
      <c r="A9256" t="s">
        <v>28</v>
      </c>
      <c r="B9256" t="s">
        <v>58</v>
      </c>
      <c r="C9256" t="s">
        <v>117</v>
      </c>
      <c r="D9256" t="s">
        <v>118</v>
      </c>
      <c r="E9256">
        <v>2012</v>
      </c>
      <c r="F9256">
        <v>2012</v>
      </c>
      <c r="G9256" t="s">
        <v>14</v>
      </c>
      <c r="H9256" t="s">
        <v>121</v>
      </c>
      <c r="I9256" t="s">
        <v>15</v>
      </c>
      <c r="J9256" s="10">
        <v>28.738663500000001</v>
      </c>
    </row>
    <row r="9257" spans="1:10" x14ac:dyDescent="0.35">
      <c r="A9257" t="s">
        <v>28</v>
      </c>
      <c r="B9257" t="s">
        <v>58</v>
      </c>
      <c r="C9257" t="s">
        <v>117</v>
      </c>
      <c r="D9257" t="s">
        <v>118</v>
      </c>
      <c r="E9257">
        <v>2012</v>
      </c>
      <c r="F9257">
        <v>2012</v>
      </c>
      <c r="G9257" t="s">
        <v>14</v>
      </c>
      <c r="H9257" t="s">
        <v>122</v>
      </c>
      <c r="I9257" t="s">
        <v>15</v>
      </c>
      <c r="J9257" s="10">
        <v>22.979209709999999</v>
      </c>
    </row>
    <row r="9258" spans="1:10" x14ac:dyDescent="0.35">
      <c r="A9258" t="s">
        <v>28</v>
      </c>
      <c r="B9258" t="s">
        <v>58</v>
      </c>
      <c r="C9258" t="s">
        <v>117</v>
      </c>
      <c r="D9258" t="s">
        <v>118</v>
      </c>
      <c r="E9258">
        <v>2012</v>
      </c>
      <c r="F9258">
        <v>2012</v>
      </c>
      <c r="G9258" t="s">
        <v>14</v>
      </c>
      <c r="H9258" t="s">
        <v>123</v>
      </c>
      <c r="I9258" t="s">
        <v>15</v>
      </c>
      <c r="J9258" s="10">
        <v>20.891389390000001</v>
      </c>
    </row>
    <row r="9259" spans="1:10" x14ac:dyDescent="0.35">
      <c r="A9259" t="s">
        <v>28</v>
      </c>
      <c r="B9259" t="s">
        <v>58</v>
      </c>
      <c r="C9259" t="s">
        <v>117</v>
      </c>
      <c r="D9259" t="s">
        <v>118</v>
      </c>
      <c r="E9259">
        <v>2012</v>
      </c>
      <c r="F9259">
        <v>2012</v>
      </c>
      <c r="G9259" t="s">
        <v>14</v>
      </c>
      <c r="H9259" t="s">
        <v>124</v>
      </c>
      <c r="I9259" t="s">
        <v>15</v>
      </c>
      <c r="J9259" s="10">
        <v>2.6548283590000001</v>
      </c>
    </row>
    <row r="9260" spans="1:10" x14ac:dyDescent="0.35">
      <c r="A9260" t="s">
        <v>28</v>
      </c>
      <c r="B9260" t="s">
        <v>58</v>
      </c>
      <c r="C9260" t="s">
        <v>117</v>
      </c>
      <c r="D9260" t="s">
        <v>118</v>
      </c>
      <c r="E9260">
        <v>2012</v>
      </c>
      <c r="F9260">
        <v>2012</v>
      </c>
      <c r="G9260" t="s">
        <v>125</v>
      </c>
      <c r="H9260" t="s">
        <v>119</v>
      </c>
      <c r="I9260" t="s">
        <v>15</v>
      </c>
      <c r="J9260" s="10">
        <v>16.4040611</v>
      </c>
    </row>
    <row r="9261" spans="1:10" x14ac:dyDescent="0.35">
      <c r="A9261" t="s">
        <v>28</v>
      </c>
      <c r="B9261" t="s">
        <v>58</v>
      </c>
      <c r="C9261" t="s">
        <v>117</v>
      </c>
      <c r="D9261" t="s">
        <v>118</v>
      </c>
      <c r="E9261">
        <v>2012</v>
      </c>
      <c r="F9261">
        <v>2012</v>
      </c>
      <c r="G9261" t="s">
        <v>125</v>
      </c>
      <c r="H9261" t="s">
        <v>120</v>
      </c>
      <c r="I9261" t="s">
        <v>15</v>
      </c>
      <c r="J9261" s="10">
        <v>9.4266863500000007</v>
      </c>
    </row>
    <row r="9262" spans="1:10" x14ac:dyDescent="0.35">
      <c r="A9262" t="s">
        <v>28</v>
      </c>
      <c r="B9262" t="s">
        <v>58</v>
      </c>
      <c r="C9262" t="s">
        <v>117</v>
      </c>
      <c r="D9262" t="s">
        <v>118</v>
      </c>
      <c r="E9262">
        <v>2012</v>
      </c>
      <c r="F9262">
        <v>2012</v>
      </c>
      <c r="G9262" t="s">
        <v>125</v>
      </c>
      <c r="H9262" t="s">
        <v>121</v>
      </c>
      <c r="I9262" t="s">
        <v>15</v>
      </c>
      <c r="J9262" s="10">
        <v>28.719910819999999</v>
      </c>
    </row>
    <row r="9263" spans="1:10" x14ac:dyDescent="0.35">
      <c r="A9263" t="s">
        <v>28</v>
      </c>
      <c r="B9263" t="s">
        <v>58</v>
      </c>
      <c r="C9263" t="s">
        <v>117</v>
      </c>
      <c r="D9263" t="s">
        <v>118</v>
      </c>
      <c r="E9263">
        <v>2012</v>
      </c>
      <c r="F9263">
        <v>2012</v>
      </c>
      <c r="G9263" t="s">
        <v>125</v>
      </c>
      <c r="H9263" t="s">
        <v>122</v>
      </c>
      <c r="I9263" t="s">
        <v>15</v>
      </c>
      <c r="J9263" s="10">
        <v>23.26996656</v>
      </c>
    </row>
    <row r="9264" spans="1:10" x14ac:dyDescent="0.35">
      <c r="A9264" t="s">
        <v>28</v>
      </c>
      <c r="B9264" t="s">
        <v>58</v>
      </c>
      <c r="C9264" t="s">
        <v>117</v>
      </c>
      <c r="D9264" t="s">
        <v>118</v>
      </c>
      <c r="E9264">
        <v>2012</v>
      </c>
      <c r="F9264">
        <v>2012</v>
      </c>
      <c r="G9264" t="s">
        <v>125</v>
      </c>
      <c r="H9264" t="s">
        <v>123</v>
      </c>
      <c r="I9264" t="s">
        <v>15</v>
      </c>
      <c r="J9264" s="10">
        <v>20.248245109999999</v>
      </c>
    </row>
    <row r="9265" spans="1:10" x14ac:dyDescent="0.35">
      <c r="A9265" t="s">
        <v>28</v>
      </c>
      <c r="B9265" t="s">
        <v>58</v>
      </c>
      <c r="C9265" t="s">
        <v>117</v>
      </c>
      <c r="D9265" t="s">
        <v>118</v>
      </c>
      <c r="E9265">
        <v>2012</v>
      </c>
      <c r="F9265">
        <v>2012</v>
      </c>
      <c r="G9265" t="s">
        <v>125</v>
      </c>
      <c r="H9265" t="s">
        <v>124</v>
      </c>
      <c r="I9265" t="s">
        <v>15</v>
      </c>
      <c r="J9265" s="10">
        <v>1.9311300579999999</v>
      </c>
    </row>
    <row r="9266" spans="1:10" x14ac:dyDescent="0.35">
      <c r="A9266" t="s">
        <v>28</v>
      </c>
      <c r="B9266" t="s">
        <v>58</v>
      </c>
      <c r="C9266" t="s">
        <v>117</v>
      </c>
      <c r="D9266" t="s">
        <v>118</v>
      </c>
      <c r="E9266">
        <v>2012</v>
      </c>
      <c r="F9266">
        <v>2012</v>
      </c>
      <c r="G9266" t="s">
        <v>126</v>
      </c>
      <c r="H9266" t="s">
        <v>119</v>
      </c>
      <c r="I9266" t="s">
        <v>15</v>
      </c>
      <c r="J9266" s="10">
        <v>15.49058756</v>
      </c>
    </row>
    <row r="9267" spans="1:10" x14ac:dyDescent="0.35">
      <c r="A9267" t="s">
        <v>28</v>
      </c>
      <c r="B9267" t="s">
        <v>58</v>
      </c>
      <c r="C9267" t="s">
        <v>117</v>
      </c>
      <c r="D9267" t="s">
        <v>118</v>
      </c>
      <c r="E9267">
        <v>2012</v>
      </c>
      <c r="F9267">
        <v>2012</v>
      </c>
      <c r="G9267" t="s">
        <v>126</v>
      </c>
      <c r="H9267" t="s">
        <v>120</v>
      </c>
      <c r="I9267" t="s">
        <v>15</v>
      </c>
      <c r="J9267" s="10">
        <v>8.2087849399999993</v>
      </c>
    </row>
    <row r="9268" spans="1:10" x14ac:dyDescent="0.35">
      <c r="A9268" t="s">
        <v>28</v>
      </c>
      <c r="B9268" t="s">
        <v>58</v>
      </c>
      <c r="C9268" t="s">
        <v>117</v>
      </c>
      <c r="D9268" t="s">
        <v>118</v>
      </c>
      <c r="E9268">
        <v>2012</v>
      </c>
      <c r="F9268">
        <v>2012</v>
      </c>
      <c r="G9268" t="s">
        <v>126</v>
      </c>
      <c r="H9268" t="s">
        <v>121</v>
      </c>
      <c r="I9268" t="s">
        <v>15</v>
      </c>
      <c r="J9268" s="10">
        <v>28.75641757</v>
      </c>
    </row>
    <row r="9269" spans="1:10" x14ac:dyDescent="0.35">
      <c r="A9269" t="s">
        <v>28</v>
      </c>
      <c r="B9269" t="s">
        <v>58</v>
      </c>
      <c r="C9269" t="s">
        <v>117</v>
      </c>
      <c r="D9269" t="s">
        <v>118</v>
      </c>
      <c r="E9269">
        <v>2012</v>
      </c>
      <c r="F9269">
        <v>2012</v>
      </c>
      <c r="G9269" t="s">
        <v>126</v>
      </c>
      <c r="H9269" t="s">
        <v>122</v>
      </c>
      <c r="I9269" t="s">
        <v>15</v>
      </c>
      <c r="J9269" s="10">
        <v>22.703936110000001</v>
      </c>
    </row>
    <row r="9270" spans="1:10" x14ac:dyDescent="0.35">
      <c r="A9270" t="s">
        <v>28</v>
      </c>
      <c r="B9270" t="s">
        <v>58</v>
      </c>
      <c r="C9270" t="s">
        <v>117</v>
      </c>
      <c r="D9270" t="s">
        <v>118</v>
      </c>
      <c r="E9270">
        <v>2012</v>
      </c>
      <c r="F9270">
        <v>2012</v>
      </c>
      <c r="G9270" t="s">
        <v>126</v>
      </c>
      <c r="H9270" t="s">
        <v>123</v>
      </c>
      <c r="I9270" t="s">
        <v>15</v>
      </c>
      <c r="J9270" s="10">
        <v>21.500285229999999</v>
      </c>
    </row>
    <row r="9271" spans="1:10" x14ac:dyDescent="0.35">
      <c r="A9271" t="s">
        <v>28</v>
      </c>
      <c r="B9271" t="s">
        <v>58</v>
      </c>
      <c r="C9271" t="s">
        <v>117</v>
      </c>
      <c r="D9271" t="s">
        <v>118</v>
      </c>
      <c r="E9271">
        <v>2012</v>
      </c>
      <c r="F9271">
        <v>2012</v>
      </c>
      <c r="G9271" t="s">
        <v>126</v>
      </c>
      <c r="H9271" t="s">
        <v>124</v>
      </c>
      <c r="I9271" t="s">
        <v>15</v>
      </c>
      <c r="J9271" s="10">
        <v>3.339988591</v>
      </c>
    </row>
    <row r="9272" spans="1:10" x14ac:dyDescent="0.35">
      <c r="A9272" t="s">
        <v>28</v>
      </c>
      <c r="B9272" t="s">
        <v>58</v>
      </c>
      <c r="C9272" t="s">
        <v>117</v>
      </c>
      <c r="D9272" t="s">
        <v>118</v>
      </c>
      <c r="E9272">
        <v>2011</v>
      </c>
      <c r="F9272">
        <v>2011</v>
      </c>
      <c r="G9272" t="s">
        <v>14</v>
      </c>
      <c r="H9272" t="s">
        <v>119</v>
      </c>
      <c r="I9272" t="s">
        <v>15</v>
      </c>
      <c r="J9272" s="10">
        <v>16.137276379999999</v>
      </c>
    </row>
    <row r="9273" spans="1:10" x14ac:dyDescent="0.35">
      <c r="A9273" t="s">
        <v>28</v>
      </c>
      <c r="B9273" t="s">
        <v>58</v>
      </c>
      <c r="C9273" t="s">
        <v>117</v>
      </c>
      <c r="D9273" t="s">
        <v>118</v>
      </c>
      <c r="E9273">
        <v>2011</v>
      </c>
      <c r="F9273">
        <v>2011</v>
      </c>
      <c r="G9273" t="s">
        <v>14</v>
      </c>
      <c r="H9273" t="s">
        <v>120</v>
      </c>
      <c r="I9273" t="s">
        <v>15</v>
      </c>
      <c r="J9273" s="10">
        <v>8.7886089809999994</v>
      </c>
    </row>
    <row r="9274" spans="1:10" x14ac:dyDescent="0.35">
      <c r="A9274" t="s">
        <v>28</v>
      </c>
      <c r="B9274" t="s">
        <v>58</v>
      </c>
      <c r="C9274" t="s">
        <v>117</v>
      </c>
      <c r="D9274" t="s">
        <v>118</v>
      </c>
      <c r="E9274">
        <v>2011</v>
      </c>
      <c r="F9274">
        <v>2011</v>
      </c>
      <c r="G9274" t="s">
        <v>14</v>
      </c>
      <c r="H9274" t="s">
        <v>121</v>
      </c>
      <c r="I9274" t="s">
        <v>15</v>
      </c>
      <c r="J9274" s="10">
        <v>29.296823660000001</v>
      </c>
    </row>
    <row r="9275" spans="1:10" x14ac:dyDescent="0.35">
      <c r="A9275" t="s">
        <v>28</v>
      </c>
      <c r="B9275" t="s">
        <v>58</v>
      </c>
      <c r="C9275" t="s">
        <v>117</v>
      </c>
      <c r="D9275" t="s">
        <v>118</v>
      </c>
      <c r="E9275">
        <v>2011</v>
      </c>
      <c r="F9275">
        <v>2011</v>
      </c>
      <c r="G9275" t="s">
        <v>14</v>
      </c>
      <c r="H9275" t="s">
        <v>122</v>
      </c>
      <c r="I9275" t="s">
        <v>15</v>
      </c>
      <c r="J9275" s="10">
        <v>23.198247540000001</v>
      </c>
    </row>
    <row r="9276" spans="1:10" x14ac:dyDescent="0.35">
      <c r="A9276" t="s">
        <v>28</v>
      </c>
      <c r="B9276" t="s">
        <v>58</v>
      </c>
      <c r="C9276" t="s">
        <v>117</v>
      </c>
      <c r="D9276" t="s">
        <v>118</v>
      </c>
      <c r="E9276">
        <v>2011</v>
      </c>
      <c r="F9276">
        <v>2011</v>
      </c>
      <c r="G9276" t="s">
        <v>14</v>
      </c>
      <c r="H9276" t="s">
        <v>123</v>
      </c>
      <c r="I9276" t="s">
        <v>15</v>
      </c>
      <c r="J9276" s="10">
        <v>19.925520259999999</v>
      </c>
    </row>
    <row r="9277" spans="1:10" x14ac:dyDescent="0.35">
      <c r="A9277" t="s">
        <v>28</v>
      </c>
      <c r="B9277" t="s">
        <v>58</v>
      </c>
      <c r="C9277" t="s">
        <v>117</v>
      </c>
      <c r="D9277" t="s">
        <v>118</v>
      </c>
      <c r="E9277">
        <v>2011</v>
      </c>
      <c r="F9277">
        <v>2011</v>
      </c>
      <c r="G9277" t="s">
        <v>14</v>
      </c>
      <c r="H9277" t="s">
        <v>124</v>
      </c>
      <c r="I9277" t="s">
        <v>15</v>
      </c>
      <c r="J9277" s="10">
        <v>2.653523184</v>
      </c>
    </row>
    <row r="9278" spans="1:10" x14ac:dyDescent="0.35">
      <c r="A9278" t="s">
        <v>28</v>
      </c>
      <c r="B9278" t="s">
        <v>58</v>
      </c>
      <c r="C9278" t="s">
        <v>117</v>
      </c>
      <c r="D9278" t="s">
        <v>118</v>
      </c>
      <c r="E9278">
        <v>2011</v>
      </c>
      <c r="F9278">
        <v>2011</v>
      </c>
      <c r="G9278" t="s">
        <v>125</v>
      </c>
      <c r="H9278" t="s">
        <v>119</v>
      </c>
      <c r="I9278" t="s">
        <v>15</v>
      </c>
      <c r="J9278" s="10">
        <v>16.691724799999999</v>
      </c>
    </row>
    <row r="9279" spans="1:10" x14ac:dyDescent="0.35">
      <c r="A9279" t="s">
        <v>28</v>
      </c>
      <c r="B9279" t="s">
        <v>58</v>
      </c>
      <c r="C9279" t="s">
        <v>117</v>
      </c>
      <c r="D9279" t="s">
        <v>118</v>
      </c>
      <c r="E9279">
        <v>2011</v>
      </c>
      <c r="F9279">
        <v>2011</v>
      </c>
      <c r="G9279" t="s">
        <v>125</v>
      </c>
      <c r="H9279" t="s">
        <v>120</v>
      </c>
      <c r="I9279" t="s">
        <v>15</v>
      </c>
      <c r="J9279" s="10">
        <v>9.2945633870000002</v>
      </c>
    </row>
    <row r="9280" spans="1:10" x14ac:dyDescent="0.35">
      <c r="A9280" t="s">
        <v>28</v>
      </c>
      <c r="B9280" t="s">
        <v>58</v>
      </c>
      <c r="C9280" t="s">
        <v>117</v>
      </c>
      <c r="D9280" t="s">
        <v>118</v>
      </c>
      <c r="E9280">
        <v>2011</v>
      </c>
      <c r="F9280">
        <v>2011</v>
      </c>
      <c r="G9280" t="s">
        <v>125</v>
      </c>
      <c r="H9280" t="s">
        <v>121</v>
      </c>
      <c r="I9280" t="s">
        <v>15</v>
      </c>
      <c r="J9280" s="10">
        <v>29.510464280000001</v>
      </c>
    </row>
    <row r="9281" spans="1:10" x14ac:dyDescent="0.35">
      <c r="A9281" t="s">
        <v>28</v>
      </c>
      <c r="B9281" t="s">
        <v>58</v>
      </c>
      <c r="C9281" t="s">
        <v>117</v>
      </c>
      <c r="D9281" t="s">
        <v>118</v>
      </c>
      <c r="E9281">
        <v>2011</v>
      </c>
      <c r="F9281">
        <v>2011</v>
      </c>
      <c r="G9281" t="s">
        <v>125</v>
      </c>
      <c r="H9281" t="s">
        <v>122</v>
      </c>
      <c r="I9281" t="s">
        <v>15</v>
      </c>
      <c r="J9281" s="10">
        <v>23.376232859999998</v>
      </c>
    </row>
    <row r="9282" spans="1:10" x14ac:dyDescent="0.35">
      <c r="A9282" t="s">
        <v>28</v>
      </c>
      <c r="B9282" t="s">
        <v>58</v>
      </c>
      <c r="C9282" t="s">
        <v>117</v>
      </c>
      <c r="D9282" t="s">
        <v>118</v>
      </c>
      <c r="E9282">
        <v>2011</v>
      </c>
      <c r="F9282">
        <v>2011</v>
      </c>
      <c r="G9282" t="s">
        <v>125</v>
      </c>
      <c r="H9282" t="s">
        <v>123</v>
      </c>
      <c r="I9282" t="s">
        <v>15</v>
      </c>
      <c r="J9282" s="10">
        <v>19.244647579999999</v>
      </c>
    </row>
    <row r="9283" spans="1:10" x14ac:dyDescent="0.35">
      <c r="A9283" t="s">
        <v>28</v>
      </c>
      <c r="B9283" t="s">
        <v>58</v>
      </c>
      <c r="C9283" t="s">
        <v>117</v>
      </c>
      <c r="D9283" t="s">
        <v>118</v>
      </c>
      <c r="E9283">
        <v>2011</v>
      </c>
      <c r="F9283">
        <v>2011</v>
      </c>
      <c r="G9283" t="s">
        <v>125</v>
      </c>
      <c r="H9283" t="s">
        <v>124</v>
      </c>
      <c r="I9283" t="s">
        <v>15</v>
      </c>
      <c r="J9283" s="10">
        <v>1.882367092</v>
      </c>
    </row>
    <row r="9284" spans="1:10" x14ac:dyDescent="0.35">
      <c r="A9284" t="s">
        <v>28</v>
      </c>
      <c r="B9284" t="s">
        <v>58</v>
      </c>
      <c r="C9284" t="s">
        <v>117</v>
      </c>
      <c r="D9284" t="s">
        <v>118</v>
      </c>
      <c r="E9284">
        <v>2011</v>
      </c>
      <c r="F9284">
        <v>2011</v>
      </c>
      <c r="G9284" t="s">
        <v>126</v>
      </c>
      <c r="H9284" t="s">
        <v>119</v>
      </c>
      <c r="I9284" t="s">
        <v>15</v>
      </c>
      <c r="J9284" s="10">
        <v>15.61373122</v>
      </c>
    </row>
    <row r="9285" spans="1:10" x14ac:dyDescent="0.35">
      <c r="A9285" t="s">
        <v>28</v>
      </c>
      <c r="B9285" t="s">
        <v>58</v>
      </c>
      <c r="C9285" t="s">
        <v>117</v>
      </c>
      <c r="D9285" t="s">
        <v>118</v>
      </c>
      <c r="E9285">
        <v>2011</v>
      </c>
      <c r="F9285">
        <v>2011</v>
      </c>
      <c r="G9285" t="s">
        <v>126</v>
      </c>
      <c r="H9285" t="s">
        <v>120</v>
      </c>
      <c r="I9285" t="s">
        <v>15</v>
      </c>
      <c r="J9285" s="10">
        <v>8.3108549360000001</v>
      </c>
    </row>
    <row r="9286" spans="1:10" x14ac:dyDescent="0.35">
      <c r="A9286" t="s">
        <v>28</v>
      </c>
      <c r="B9286" t="s">
        <v>58</v>
      </c>
      <c r="C9286" t="s">
        <v>117</v>
      </c>
      <c r="D9286" t="s">
        <v>118</v>
      </c>
      <c r="E9286">
        <v>2011</v>
      </c>
      <c r="F9286">
        <v>2011</v>
      </c>
      <c r="G9286" t="s">
        <v>126</v>
      </c>
      <c r="H9286" t="s">
        <v>121</v>
      </c>
      <c r="I9286" t="s">
        <v>15</v>
      </c>
      <c r="J9286" s="10">
        <v>29.095090720000002</v>
      </c>
    </row>
    <row r="9287" spans="1:10" x14ac:dyDescent="0.35">
      <c r="A9287" t="s">
        <v>28</v>
      </c>
      <c r="B9287" t="s">
        <v>58</v>
      </c>
      <c r="C9287" t="s">
        <v>117</v>
      </c>
      <c r="D9287" t="s">
        <v>118</v>
      </c>
      <c r="E9287">
        <v>2011</v>
      </c>
      <c r="F9287">
        <v>2011</v>
      </c>
      <c r="G9287" t="s">
        <v>126</v>
      </c>
      <c r="H9287" t="s">
        <v>122</v>
      </c>
      <c r="I9287" t="s">
        <v>15</v>
      </c>
      <c r="J9287" s="10">
        <v>23.030182570000001</v>
      </c>
    </row>
    <row r="9288" spans="1:10" x14ac:dyDescent="0.35">
      <c r="A9288" t="s">
        <v>28</v>
      </c>
      <c r="B9288" t="s">
        <v>58</v>
      </c>
      <c r="C9288" t="s">
        <v>117</v>
      </c>
      <c r="D9288" t="s">
        <v>118</v>
      </c>
      <c r="E9288">
        <v>2011</v>
      </c>
      <c r="F9288">
        <v>2011</v>
      </c>
      <c r="G9288" t="s">
        <v>126</v>
      </c>
      <c r="H9288" t="s">
        <v>123</v>
      </c>
      <c r="I9288" t="s">
        <v>15</v>
      </c>
      <c r="J9288" s="10">
        <v>20.568443169999998</v>
      </c>
    </row>
    <row r="9289" spans="1:10" x14ac:dyDescent="0.35">
      <c r="A9289" t="s">
        <v>28</v>
      </c>
      <c r="B9289" t="s">
        <v>58</v>
      </c>
      <c r="C9289" t="s">
        <v>117</v>
      </c>
      <c r="D9289" t="s">
        <v>118</v>
      </c>
      <c r="E9289">
        <v>2011</v>
      </c>
      <c r="F9289">
        <v>2011</v>
      </c>
      <c r="G9289" t="s">
        <v>126</v>
      </c>
      <c r="H9289" t="s">
        <v>124</v>
      </c>
      <c r="I9289" t="s">
        <v>15</v>
      </c>
      <c r="J9289" s="10">
        <v>3.3816973789999998</v>
      </c>
    </row>
    <row r="9290" spans="1:10" x14ac:dyDescent="0.35">
      <c r="A9290" t="s">
        <v>20</v>
      </c>
      <c r="B9290" t="s">
        <v>59</v>
      </c>
      <c r="C9290" t="s">
        <v>117</v>
      </c>
      <c r="D9290" t="s">
        <v>118</v>
      </c>
      <c r="E9290">
        <v>2020</v>
      </c>
      <c r="F9290">
        <v>2020</v>
      </c>
      <c r="G9290" t="s">
        <v>14</v>
      </c>
      <c r="H9290" t="s">
        <v>119</v>
      </c>
      <c r="I9290" t="s">
        <v>15</v>
      </c>
      <c r="J9290" s="10">
        <v>17.543729160000002</v>
      </c>
    </row>
    <row r="9291" spans="1:10" x14ac:dyDescent="0.35">
      <c r="A9291" t="s">
        <v>20</v>
      </c>
      <c r="B9291" t="s">
        <v>59</v>
      </c>
      <c r="C9291" t="s">
        <v>117</v>
      </c>
      <c r="D9291" t="s">
        <v>118</v>
      </c>
      <c r="E9291">
        <v>2020</v>
      </c>
      <c r="F9291">
        <v>2020</v>
      </c>
      <c r="G9291" t="s">
        <v>14</v>
      </c>
      <c r="H9291" t="s">
        <v>120</v>
      </c>
      <c r="I9291" t="s">
        <v>15</v>
      </c>
      <c r="J9291" s="10">
        <v>9.4772335650000006</v>
      </c>
    </row>
    <row r="9292" spans="1:10" x14ac:dyDescent="0.35">
      <c r="A9292" t="s">
        <v>20</v>
      </c>
      <c r="B9292" t="s">
        <v>59</v>
      </c>
      <c r="C9292" t="s">
        <v>117</v>
      </c>
      <c r="D9292" t="s">
        <v>118</v>
      </c>
      <c r="E9292">
        <v>2020</v>
      </c>
      <c r="F9292">
        <v>2020</v>
      </c>
      <c r="G9292" t="s">
        <v>14</v>
      </c>
      <c r="H9292" t="s">
        <v>121</v>
      </c>
      <c r="I9292" t="s">
        <v>15</v>
      </c>
      <c r="J9292" s="10">
        <v>31.813504900000002</v>
      </c>
    </row>
    <row r="9293" spans="1:10" x14ac:dyDescent="0.35">
      <c r="A9293" t="s">
        <v>20</v>
      </c>
      <c r="B9293" t="s">
        <v>59</v>
      </c>
      <c r="C9293" t="s">
        <v>117</v>
      </c>
      <c r="D9293" t="s">
        <v>118</v>
      </c>
      <c r="E9293">
        <v>2020</v>
      </c>
      <c r="F9293">
        <v>2020</v>
      </c>
      <c r="G9293" t="s">
        <v>14</v>
      </c>
      <c r="H9293" t="s">
        <v>122</v>
      </c>
      <c r="I9293" t="s">
        <v>15</v>
      </c>
      <c r="J9293" s="10">
        <v>21.892471520000001</v>
      </c>
    </row>
    <row r="9294" spans="1:10" x14ac:dyDescent="0.35">
      <c r="A9294" t="s">
        <v>20</v>
      </c>
      <c r="B9294" t="s">
        <v>59</v>
      </c>
      <c r="C9294" t="s">
        <v>117</v>
      </c>
      <c r="D9294" t="s">
        <v>118</v>
      </c>
      <c r="E9294">
        <v>2020</v>
      </c>
      <c r="F9294">
        <v>2020</v>
      </c>
      <c r="G9294" t="s">
        <v>14</v>
      </c>
      <c r="H9294" t="s">
        <v>123</v>
      </c>
      <c r="I9294" t="s">
        <v>15</v>
      </c>
      <c r="J9294" s="10">
        <v>17.227614760000002</v>
      </c>
    </row>
    <row r="9295" spans="1:10" x14ac:dyDescent="0.35">
      <c r="A9295" t="s">
        <v>20</v>
      </c>
      <c r="B9295" t="s">
        <v>59</v>
      </c>
      <c r="C9295" t="s">
        <v>117</v>
      </c>
      <c r="D9295" t="s">
        <v>118</v>
      </c>
      <c r="E9295">
        <v>2020</v>
      </c>
      <c r="F9295">
        <v>2020</v>
      </c>
      <c r="G9295" t="s">
        <v>14</v>
      </c>
      <c r="H9295" t="s">
        <v>124</v>
      </c>
      <c r="I9295" t="s">
        <v>15</v>
      </c>
      <c r="J9295" s="10">
        <v>2.0454460929999998</v>
      </c>
    </row>
    <row r="9296" spans="1:10" x14ac:dyDescent="0.35">
      <c r="A9296" t="s">
        <v>20</v>
      </c>
      <c r="B9296" t="s">
        <v>59</v>
      </c>
      <c r="C9296" t="s">
        <v>117</v>
      </c>
      <c r="D9296" t="s">
        <v>118</v>
      </c>
      <c r="E9296">
        <v>2020</v>
      </c>
      <c r="F9296">
        <v>2020</v>
      </c>
      <c r="G9296" t="s">
        <v>125</v>
      </c>
      <c r="H9296" t="s">
        <v>119</v>
      </c>
      <c r="I9296" t="s">
        <v>15</v>
      </c>
      <c r="J9296" s="10">
        <v>18.53246489</v>
      </c>
    </row>
    <row r="9297" spans="1:10" x14ac:dyDescent="0.35">
      <c r="A9297" t="s">
        <v>20</v>
      </c>
      <c r="B9297" t="s">
        <v>59</v>
      </c>
      <c r="C9297" t="s">
        <v>117</v>
      </c>
      <c r="D9297" t="s">
        <v>118</v>
      </c>
      <c r="E9297">
        <v>2020</v>
      </c>
      <c r="F9297">
        <v>2020</v>
      </c>
      <c r="G9297" t="s">
        <v>125</v>
      </c>
      <c r="H9297" t="s">
        <v>120</v>
      </c>
      <c r="I9297" t="s">
        <v>15</v>
      </c>
      <c r="J9297" s="10">
        <v>10.301750459999999</v>
      </c>
    </row>
    <row r="9298" spans="1:10" x14ac:dyDescent="0.35">
      <c r="A9298" t="s">
        <v>20</v>
      </c>
      <c r="B9298" t="s">
        <v>59</v>
      </c>
      <c r="C9298" t="s">
        <v>117</v>
      </c>
      <c r="D9298" t="s">
        <v>118</v>
      </c>
      <c r="E9298">
        <v>2020</v>
      </c>
      <c r="F9298">
        <v>2020</v>
      </c>
      <c r="G9298" t="s">
        <v>125</v>
      </c>
      <c r="H9298" t="s">
        <v>121</v>
      </c>
      <c r="I9298" t="s">
        <v>15</v>
      </c>
      <c r="J9298" s="10">
        <v>31.307246079999999</v>
      </c>
    </row>
    <row r="9299" spans="1:10" x14ac:dyDescent="0.35">
      <c r="A9299" t="s">
        <v>20</v>
      </c>
      <c r="B9299" t="s">
        <v>59</v>
      </c>
      <c r="C9299" t="s">
        <v>117</v>
      </c>
      <c r="D9299" t="s">
        <v>118</v>
      </c>
      <c r="E9299">
        <v>2020</v>
      </c>
      <c r="F9299">
        <v>2020</v>
      </c>
      <c r="G9299" t="s">
        <v>125</v>
      </c>
      <c r="H9299" t="s">
        <v>122</v>
      </c>
      <c r="I9299" t="s">
        <v>15</v>
      </c>
      <c r="J9299" s="10">
        <v>21.94433137</v>
      </c>
    </row>
    <row r="9300" spans="1:10" x14ac:dyDescent="0.35">
      <c r="A9300" t="s">
        <v>20</v>
      </c>
      <c r="B9300" t="s">
        <v>59</v>
      </c>
      <c r="C9300" t="s">
        <v>117</v>
      </c>
      <c r="D9300" t="s">
        <v>118</v>
      </c>
      <c r="E9300">
        <v>2020</v>
      </c>
      <c r="F9300">
        <v>2020</v>
      </c>
      <c r="G9300" t="s">
        <v>125</v>
      </c>
      <c r="H9300" t="s">
        <v>123</v>
      </c>
      <c r="I9300" t="s">
        <v>15</v>
      </c>
      <c r="J9300" s="10">
        <v>16.30113983</v>
      </c>
    </row>
    <row r="9301" spans="1:10" x14ac:dyDescent="0.35">
      <c r="A9301" t="s">
        <v>20</v>
      </c>
      <c r="B9301" t="s">
        <v>59</v>
      </c>
      <c r="C9301" t="s">
        <v>117</v>
      </c>
      <c r="D9301" t="s">
        <v>118</v>
      </c>
      <c r="E9301">
        <v>2020</v>
      </c>
      <c r="F9301">
        <v>2020</v>
      </c>
      <c r="G9301" t="s">
        <v>125</v>
      </c>
      <c r="H9301" t="s">
        <v>124</v>
      </c>
      <c r="I9301" t="s">
        <v>15</v>
      </c>
      <c r="J9301" s="10">
        <v>1.6130673719999999</v>
      </c>
    </row>
    <row r="9302" spans="1:10" x14ac:dyDescent="0.35">
      <c r="A9302" t="s">
        <v>20</v>
      </c>
      <c r="B9302" t="s">
        <v>59</v>
      </c>
      <c r="C9302" t="s">
        <v>117</v>
      </c>
      <c r="D9302" t="s">
        <v>118</v>
      </c>
      <c r="E9302">
        <v>2020</v>
      </c>
      <c r="F9302">
        <v>2020</v>
      </c>
      <c r="G9302" t="s">
        <v>126</v>
      </c>
      <c r="H9302" t="s">
        <v>119</v>
      </c>
      <c r="I9302" t="s">
        <v>15</v>
      </c>
      <c r="J9302" s="10">
        <v>16.604211490000001</v>
      </c>
    </row>
    <row r="9303" spans="1:10" x14ac:dyDescent="0.35">
      <c r="A9303" t="s">
        <v>20</v>
      </c>
      <c r="B9303" t="s">
        <v>59</v>
      </c>
      <c r="C9303" t="s">
        <v>117</v>
      </c>
      <c r="D9303" t="s">
        <v>118</v>
      </c>
      <c r="E9303">
        <v>2020</v>
      </c>
      <c r="F9303">
        <v>2020</v>
      </c>
      <c r="G9303" t="s">
        <v>126</v>
      </c>
      <c r="H9303" t="s">
        <v>120</v>
      </c>
      <c r="I9303" t="s">
        <v>15</v>
      </c>
      <c r="J9303" s="10">
        <v>8.6937601240000006</v>
      </c>
    </row>
    <row r="9304" spans="1:10" x14ac:dyDescent="0.35">
      <c r="A9304" t="s">
        <v>20</v>
      </c>
      <c r="B9304" t="s">
        <v>59</v>
      </c>
      <c r="C9304" t="s">
        <v>117</v>
      </c>
      <c r="D9304" t="s">
        <v>118</v>
      </c>
      <c r="E9304">
        <v>2020</v>
      </c>
      <c r="F9304">
        <v>2020</v>
      </c>
      <c r="G9304" t="s">
        <v>126</v>
      </c>
      <c r="H9304" t="s">
        <v>121</v>
      </c>
      <c r="I9304" t="s">
        <v>15</v>
      </c>
      <c r="J9304" s="10">
        <v>32.294562769999999</v>
      </c>
    </row>
    <row r="9305" spans="1:10" x14ac:dyDescent="0.35">
      <c r="A9305" t="s">
        <v>20</v>
      </c>
      <c r="B9305" t="s">
        <v>59</v>
      </c>
      <c r="C9305" t="s">
        <v>117</v>
      </c>
      <c r="D9305" t="s">
        <v>118</v>
      </c>
      <c r="E9305">
        <v>2020</v>
      </c>
      <c r="F9305">
        <v>2020</v>
      </c>
      <c r="G9305" t="s">
        <v>126</v>
      </c>
      <c r="H9305" t="s">
        <v>122</v>
      </c>
      <c r="I9305" t="s">
        <v>15</v>
      </c>
      <c r="J9305" s="10">
        <v>21.843193190000001</v>
      </c>
    </row>
    <row r="9306" spans="1:10" x14ac:dyDescent="0.35">
      <c r="A9306" t="s">
        <v>20</v>
      </c>
      <c r="B9306" t="s">
        <v>59</v>
      </c>
      <c r="C9306" t="s">
        <v>117</v>
      </c>
      <c r="D9306" t="s">
        <v>118</v>
      </c>
      <c r="E9306">
        <v>2020</v>
      </c>
      <c r="F9306">
        <v>2020</v>
      </c>
      <c r="G9306" t="s">
        <v>126</v>
      </c>
      <c r="H9306" t="s">
        <v>123</v>
      </c>
      <c r="I9306" t="s">
        <v>15</v>
      </c>
      <c r="J9306" s="10">
        <v>18.107970890000001</v>
      </c>
    </row>
    <row r="9307" spans="1:10" x14ac:dyDescent="0.35">
      <c r="A9307" t="s">
        <v>20</v>
      </c>
      <c r="B9307" t="s">
        <v>59</v>
      </c>
      <c r="C9307" t="s">
        <v>117</v>
      </c>
      <c r="D9307" t="s">
        <v>118</v>
      </c>
      <c r="E9307">
        <v>2020</v>
      </c>
      <c r="F9307">
        <v>2020</v>
      </c>
      <c r="G9307" t="s">
        <v>126</v>
      </c>
      <c r="H9307" t="s">
        <v>124</v>
      </c>
      <c r="I9307" t="s">
        <v>15</v>
      </c>
      <c r="J9307" s="10">
        <v>2.4563015259999998</v>
      </c>
    </row>
    <row r="9308" spans="1:10" x14ac:dyDescent="0.35">
      <c r="A9308" t="s">
        <v>20</v>
      </c>
      <c r="B9308" t="s">
        <v>59</v>
      </c>
      <c r="C9308" t="s">
        <v>117</v>
      </c>
      <c r="D9308" t="s">
        <v>118</v>
      </c>
      <c r="E9308">
        <v>2019</v>
      </c>
      <c r="F9308">
        <v>2019</v>
      </c>
      <c r="G9308" t="s">
        <v>14</v>
      </c>
      <c r="H9308" t="s">
        <v>119</v>
      </c>
      <c r="I9308" t="s">
        <v>15</v>
      </c>
      <c r="J9308" s="10">
        <v>17.54809478</v>
      </c>
    </row>
    <row r="9309" spans="1:10" x14ac:dyDescent="0.35">
      <c r="A9309" t="s">
        <v>20</v>
      </c>
      <c r="B9309" t="s">
        <v>59</v>
      </c>
      <c r="C9309" t="s">
        <v>117</v>
      </c>
      <c r="D9309" t="s">
        <v>118</v>
      </c>
      <c r="E9309">
        <v>2019</v>
      </c>
      <c r="F9309">
        <v>2019</v>
      </c>
      <c r="G9309" t="s">
        <v>14</v>
      </c>
      <c r="H9309" t="s">
        <v>120</v>
      </c>
      <c r="I9309" t="s">
        <v>15</v>
      </c>
      <c r="J9309" s="10">
        <v>9.6164797350000004</v>
      </c>
    </row>
    <row r="9310" spans="1:10" x14ac:dyDescent="0.35">
      <c r="A9310" t="s">
        <v>20</v>
      </c>
      <c r="B9310" t="s">
        <v>59</v>
      </c>
      <c r="C9310" t="s">
        <v>117</v>
      </c>
      <c r="D9310" t="s">
        <v>118</v>
      </c>
      <c r="E9310">
        <v>2019</v>
      </c>
      <c r="F9310">
        <v>2019</v>
      </c>
      <c r="G9310" t="s">
        <v>14</v>
      </c>
      <c r="H9310" t="s">
        <v>121</v>
      </c>
      <c r="I9310" t="s">
        <v>15</v>
      </c>
      <c r="J9310" s="10">
        <v>32.070613289999997</v>
      </c>
    </row>
    <row r="9311" spans="1:10" x14ac:dyDescent="0.35">
      <c r="A9311" t="s">
        <v>20</v>
      </c>
      <c r="B9311" t="s">
        <v>59</v>
      </c>
      <c r="C9311" t="s">
        <v>117</v>
      </c>
      <c r="D9311" t="s">
        <v>118</v>
      </c>
      <c r="E9311">
        <v>2019</v>
      </c>
      <c r="F9311">
        <v>2019</v>
      </c>
      <c r="G9311" t="s">
        <v>14</v>
      </c>
      <c r="H9311" t="s">
        <v>122</v>
      </c>
      <c r="I9311" t="s">
        <v>15</v>
      </c>
      <c r="J9311" s="10">
        <v>21.716308900000001</v>
      </c>
    </row>
    <row r="9312" spans="1:10" x14ac:dyDescent="0.35">
      <c r="A9312" t="s">
        <v>20</v>
      </c>
      <c r="B9312" t="s">
        <v>59</v>
      </c>
      <c r="C9312" t="s">
        <v>117</v>
      </c>
      <c r="D9312" t="s">
        <v>118</v>
      </c>
      <c r="E9312">
        <v>2019</v>
      </c>
      <c r="F9312">
        <v>2019</v>
      </c>
      <c r="G9312" t="s">
        <v>14</v>
      </c>
      <c r="H9312" t="s">
        <v>123</v>
      </c>
      <c r="I9312" t="s">
        <v>15</v>
      </c>
      <c r="J9312" s="10">
        <v>17.018247540000001</v>
      </c>
    </row>
    <row r="9313" spans="1:10" x14ac:dyDescent="0.35">
      <c r="A9313" t="s">
        <v>20</v>
      </c>
      <c r="B9313" t="s">
        <v>59</v>
      </c>
      <c r="C9313" t="s">
        <v>117</v>
      </c>
      <c r="D9313" t="s">
        <v>118</v>
      </c>
      <c r="E9313">
        <v>2019</v>
      </c>
      <c r="F9313">
        <v>2019</v>
      </c>
      <c r="G9313" t="s">
        <v>14</v>
      </c>
      <c r="H9313" t="s">
        <v>124</v>
      </c>
      <c r="I9313" t="s">
        <v>15</v>
      </c>
      <c r="J9313" s="10">
        <v>2.030255763</v>
      </c>
    </row>
    <row r="9314" spans="1:10" x14ac:dyDescent="0.35">
      <c r="A9314" t="s">
        <v>20</v>
      </c>
      <c r="B9314" t="s">
        <v>59</v>
      </c>
      <c r="C9314" t="s">
        <v>117</v>
      </c>
      <c r="D9314" t="s">
        <v>118</v>
      </c>
      <c r="E9314">
        <v>2019</v>
      </c>
      <c r="F9314">
        <v>2019</v>
      </c>
      <c r="G9314" t="s">
        <v>125</v>
      </c>
      <c r="H9314" t="s">
        <v>119</v>
      </c>
      <c r="I9314" t="s">
        <v>15</v>
      </c>
      <c r="J9314" s="10">
        <v>18.4504001</v>
      </c>
    </row>
    <row r="9315" spans="1:10" x14ac:dyDescent="0.35">
      <c r="A9315" t="s">
        <v>20</v>
      </c>
      <c r="B9315" t="s">
        <v>59</v>
      </c>
      <c r="C9315" t="s">
        <v>117</v>
      </c>
      <c r="D9315" t="s">
        <v>118</v>
      </c>
      <c r="E9315">
        <v>2019</v>
      </c>
      <c r="F9315">
        <v>2019</v>
      </c>
      <c r="G9315" t="s">
        <v>125</v>
      </c>
      <c r="H9315" t="s">
        <v>120</v>
      </c>
      <c r="I9315" t="s">
        <v>15</v>
      </c>
      <c r="J9315" s="10">
        <v>10.47123079</v>
      </c>
    </row>
    <row r="9316" spans="1:10" x14ac:dyDescent="0.35">
      <c r="A9316" t="s">
        <v>20</v>
      </c>
      <c r="B9316" t="s">
        <v>59</v>
      </c>
      <c r="C9316" t="s">
        <v>117</v>
      </c>
      <c r="D9316" t="s">
        <v>118</v>
      </c>
      <c r="E9316">
        <v>2019</v>
      </c>
      <c r="F9316">
        <v>2019</v>
      </c>
      <c r="G9316" t="s">
        <v>125</v>
      </c>
      <c r="H9316" t="s">
        <v>121</v>
      </c>
      <c r="I9316" t="s">
        <v>15</v>
      </c>
      <c r="J9316" s="10">
        <v>31.667725140000002</v>
      </c>
    </row>
    <row r="9317" spans="1:10" x14ac:dyDescent="0.35">
      <c r="A9317" t="s">
        <v>20</v>
      </c>
      <c r="B9317" t="s">
        <v>59</v>
      </c>
      <c r="C9317" t="s">
        <v>117</v>
      </c>
      <c r="D9317" t="s">
        <v>118</v>
      </c>
      <c r="E9317">
        <v>2019</v>
      </c>
      <c r="F9317">
        <v>2019</v>
      </c>
      <c r="G9317" t="s">
        <v>125</v>
      </c>
      <c r="H9317" t="s">
        <v>122</v>
      </c>
      <c r="I9317" t="s">
        <v>15</v>
      </c>
      <c r="J9317" s="10">
        <v>21.64359202</v>
      </c>
    </row>
    <row r="9318" spans="1:10" x14ac:dyDescent="0.35">
      <c r="A9318" t="s">
        <v>20</v>
      </c>
      <c r="B9318" t="s">
        <v>59</v>
      </c>
      <c r="C9318" t="s">
        <v>117</v>
      </c>
      <c r="D9318" t="s">
        <v>118</v>
      </c>
      <c r="E9318">
        <v>2019</v>
      </c>
      <c r="F9318">
        <v>2019</v>
      </c>
      <c r="G9318" t="s">
        <v>125</v>
      </c>
      <c r="H9318" t="s">
        <v>123</v>
      </c>
      <c r="I9318" t="s">
        <v>15</v>
      </c>
      <c r="J9318" s="10">
        <v>16.169185819999999</v>
      </c>
    </row>
    <row r="9319" spans="1:10" x14ac:dyDescent="0.35">
      <c r="A9319" t="s">
        <v>20</v>
      </c>
      <c r="B9319" t="s">
        <v>59</v>
      </c>
      <c r="C9319" t="s">
        <v>117</v>
      </c>
      <c r="D9319" t="s">
        <v>118</v>
      </c>
      <c r="E9319">
        <v>2019</v>
      </c>
      <c r="F9319">
        <v>2019</v>
      </c>
      <c r="G9319" t="s">
        <v>125</v>
      </c>
      <c r="H9319" t="s">
        <v>124</v>
      </c>
      <c r="I9319" t="s">
        <v>15</v>
      </c>
      <c r="J9319" s="10">
        <v>1.5978661249999999</v>
      </c>
    </row>
    <row r="9320" spans="1:10" x14ac:dyDescent="0.35">
      <c r="A9320" t="s">
        <v>20</v>
      </c>
      <c r="B9320" t="s">
        <v>59</v>
      </c>
      <c r="C9320" t="s">
        <v>117</v>
      </c>
      <c r="D9320" t="s">
        <v>118</v>
      </c>
      <c r="E9320">
        <v>2019</v>
      </c>
      <c r="F9320">
        <v>2019</v>
      </c>
      <c r="G9320" t="s">
        <v>126</v>
      </c>
      <c r="H9320" t="s">
        <v>119</v>
      </c>
      <c r="I9320" t="s">
        <v>15</v>
      </c>
      <c r="J9320" s="10">
        <v>16.690411220000001</v>
      </c>
    </row>
    <row r="9321" spans="1:10" x14ac:dyDescent="0.35">
      <c r="A9321" t="s">
        <v>20</v>
      </c>
      <c r="B9321" t="s">
        <v>59</v>
      </c>
      <c r="C9321" t="s">
        <v>117</v>
      </c>
      <c r="D9321" t="s">
        <v>118</v>
      </c>
      <c r="E9321">
        <v>2019</v>
      </c>
      <c r="F9321">
        <v>2019</v>
      </c>
      <c r="G9321" t="s">
        <v>126</v>
      </c>
      <c r="H9321" t="s">
        <v>120</v>
      </c>
      <c r="I9321" t="s">
        <v>15</v>
      </c>
      <c r="J9321" s="10">
        <v>8.8039987439999994</v>
      </c>
    </row>
    <row r="9322" spans="1:10" x14ac:dyDescent="0.35">
      <c r="A9322" t="s">
        <v>20</v>
      </c>
      <c r="B9322" t="s">
        <v>59</v>
      </c>
      <c r="C9322" t="s">
        <v>117</v>
      </c>
      <c r="D9322" t="s">
        <v>118</v>
      </c>
      <c r="E9322">
        <v>2019</v>
      </c>
      <c r="F9322">
        <v>2019</v>
      </c>
      <c r="G9322" t="s">
        <v>126</v>
      </c>
      <c r="H9322" t="s">
        <v>121</v>
      </c>
      <c r="I9322" t="s">
        <v>15</v>
      </c>
      <c r="J9322" s="10">
        <v>32.453577379999999</v>
      </c>
    </row>
    <row r="9323" spans="1:10" x14ac:dyDescent="0.35">
      <c r="A9323" t="s">
        <v>20</v>
      </c>
      <c r="B9323" t="s">
        <v>59</v>
      </c>
      <c r="C9323" t="s">
        <v>117</v>
      </c>
      <c r="D9323" t="s">
        <v>118</v>
      </c>
      <c r="E9323">
        <v>2019</v>
      </c>
      <c r="F9323">
        <v>2019</v>
      </c>
      <c r="G9323" t="s">
        <v>126</v>
      </c>
      <c r="H9323" t="s">
        <v>122</v>
      </c>
      <c r="I9323" t="s">
        <v>15</v>
      </c>
      <c r="J9323" s="10">
        <v>21.785429700000002</v>
      </c>
    </row>
    <row r="9324" spans="1:10" x14ac:dyDescent="0.35">
      <c r="A9324" t="s">
        <v>20</v>
      </c>
      <c r="B9324" t="s">
        <v>59</v>
      </c>
      <c r="C9324" t="s">
        <v>117</v>
      </c>
      <c r="D9324" t="s">
        <v>118</v>
      </c>
      <c r="E9324">
        <v>2019</v>
      </c>
      <c r="F9324">
        <v>2019</v>
      </c>
      <c r="G9324" t="s">
        <v>126</v>
      </c>
      <c r="H9324" t="s">
        <v>123</v>
      </c>
      <c r="I9324" t="s">
        <v>15</v>
      </c>
      <c r="J9324" s="10">
        <v>17.825320550000001</v>
      </c>
    </row>
    <row r="9325" spans="1:10" x14ac:dyDescent="0.35">
      <c r="A9325" t="s">
        <v>20</v>
      </c>
      <c r="B9325" t="s">
        <v>59</v>
      </c>
      <c r="C9325" t="s">
        <v>117</v>
      </c>
      <c r="D9325" t="s">
        <v>118</v>
      </c>
      <c r="E9325">
        <v>2019</v>
      </c>
      <c r="F9325">
        <v>2019</v>
      </c>
      <c r="G9325" t="s">
        <v>126</v>
      </c>
      <c r="H9325" t="s">
        <v>124</v>
      </c>
      <c r="I9325" t="s">
        <v>15</v>
      </c>
      <c r="J9325" s="10">
        <v>2.4412624059999999</v>
      </c>
    </row>
    <row r="9326" spans="1:10" x14ac:dyDescent="0.35">
      <c r="A9326" t="s">
        <v>20</v>
      </c>
      <c r="B9326" t="s">
        <v>59</v>
      </c>
      <c r="C9326" t="s">
        <v>117</v>
      </c>
      <c r="D9326" t="s">
        <v>118</v>
      </c>
      <c r="E9326">
        <v>2018</v>
      </c>
      <c r="F9326">
        <v>2018</v>
      </c>
      <c r="G9326" t="s">
        <v>14</v>
      </c>
      <c r="H9326" t="s">
        <v>119</v>
      </c>
      <c r="I9326" t="s">
        <v>15</v>
      </c>
      <c r="J9326" s="10">
        <v>17.65984941</v>
      </c>
    </row>
    <row r="9327" spans="1:10" x14ac:dyDescent="0.35">
      <c r="A9327" t="s">
        <v>20</v>
      </c>
      <c r="B9327" t="s">
        <v>59</v>
      </c>
      <c r="C9327" t="s">
        <v>117</v>
      </c>
      <c r="D9327" t="s">
        <v>118</v>
      </c>
      <c r="E9327">
        <v>2018</v>
      </c>
      <c r="F9327">
        <v>2018</v>
      </c>
      <c r="G9327" t="s">
        <v>14</v>
      </c>
      <c r="H9327" t="s">
        <v>120</v>
      </c>
      <c r="I9327" t="s">
        <v>15</v>
      </c>
      <c r="J9327" s="10">
        <v>9.7611888370000006</v>
      </c>
    </row>
    <row r="9328" spans="1:10" x14ac:dyDescent="0.35">
      <c r="A9328" t="s">
        <v>20</v>
      </c>
      <c r="B9328" t="s">
        <v>59</v>
      </c>
      <c r="C9328" t="s">
        <v>117</v>
      </c>
      <c r="D9328" t="s">
        <v>118</v>
      </c>
      <c r="E9328">
        <v>2018</v>
      </c>
      <c r="F9328">
        <v>2018</v>
      </c>
      <c r="G9328" t="s">
        <v>14</v>
      </c>
      <c r="H9328" t="s">
        <v>121</v>
      </c>
      <c r="I9328" t="s">
        <v>15</v>
      </c>
      <c r="J9328" s="10">
        <v>32.287965010000001</v>
      </c>
    </row>
    <row r="9329" spans="1:10" x14ac:dyDescent="0.35">
      <c r="A9329" t="s">
        <v>20</v>
      </c>
      <c r="B9329" t="s">
        <v>59</v>
      </c>
      <c r="C9329" t="s">
        <v>117</v>
      </c>
      <c r="D9329" t="s">
        <v>118</v>
      </c>
      <c r="E9329">
        <v>2018</v>
      </c>
      <c r="F9329">
        <v>2018</v>
      </c>
      <c r="G9329" t="s">
        <v>14</v>
      </c>
      <c r="H9329" t="s">
        <v>122</v>
      </c>
      <c r="I9329" t="s">
        <v>15</v>
      </c>
      <c r="J9329" s="10">
        <v>21.486792080000001</v>
      </c>
    </row>
    <row r="9330" spans="1:10" x14ac:dyDescent="0.35">
      <c r="A9330" t="s">
        <v>20</v>
      </c>
      <c r="B9330" t="s">
        <v>59</v>
      </c>
      <c r="C9330" t="s">
        <v>117</v>
      </c>
      <c r="D9330" t="s">
        <v>118</v>
      </c>
      <c r="E9330">
        <v>2018</v>
      </c>
      <c r="F9330">
        <v>2018</v>
      </c>
      <c r="G9330" t="s">
        <v>14</v>
      </c>
      <c r="H9330" t="s">
        <v>123</v>
      </c>
      <c r="I9330" t="s">
        <v>15</v>
      </c>
      <c r="J9330" s="10">
        <v>16.873338140000001</v>
      </c>
    </row>
    <row r="9331" spans="1:10" x14ac:dyDescent="0.35">
      <c r="A9331" t="s">
        <v>20</v>
      </c>
      <c r="B9331" t="s">
        <v>59</v>
      </c>
      <c r="C9331" t="s">
        <v>117</v>
      </c>
      <c r="D9331" t="s">
        <v>118</v>
      </c>
      <c r="E9331">
        <v>2018</v>
      </c>
      <c r="F9331">
        <v>2018</v>
      </c>
      <c r="G9331" t="s">
        <v>14</v>
      </c>
      <c r="H9331" t="s">
        <v>124</v>
      </c>
      <c r="I9331" t="s">
        <v>15</v>
      </c>
      <c r="J9331" s="10">
        <v>1.930866529</v>
      </c>
    </row>
    <row r="9332" spans="1:10" x14ac:dyDescent="0.35">
      <c r="A9332" t="s">
        <v>20</v>
      </c>
      <c r="B9332" t="s">
        <v>59</v>
      </c>
      <c r="C9332" t="s">
        <v>117</v>
      </c>
      <c r="D9332" t="s">
        <v>118</v>
      </c>
      <c r="E9332">
        <v>2018</v>
      </c>
      <c r="F9332">
        <v>2018</v>
      </c>
      <c r="G9332" t="s">
        <v>125</v>
      </c>
      <c r="H9332" t="s">
        <v>119</v>
      </c>
      <c r="I9332" t="s">
        <v>15</v>
      </c>
      <c r="J9332" s="10">
        <v>18.59391342</v>
      </c>
    </row>
    <row r="9333" spans="1:10" x14ac:dyDescent="0.35">
      <c r="A9333" t="s">
        <v>20</v>
      </c>
      <c r="B9333" t="s">
        <v>59</v>
      </c>
      <c r="C9333" t="s">
        <v>117</v>
      </c>
      <c r="D9333" t="s">
        <v>118</v>
      </c>
      <c r="E9333">
        <v>2018</v>
      </c>
      <c r="F9333">
        <v>2018</v>
      </c>
      <c r="G9333" t="s">
        <v>125</v>
      </c>
      <c r="H9333" t="s">
        <v>120</v>
      </c>
      <c r="I9333" t="s">
        <v>15</v>
      </c>
      <c r="J9333" s="10">
        <v>10.563506029999999</v>
      </c>
    </row>
    <row r="9334" spans="1:10" x14ac:dyDescent="0.35">
      <c r="A9334" t="s">
        <v>20</v>
      </c>
      <c r="B9334" t="s">
        <v>59</v>
      </c>
      <c r="C9334" t="s">
        <v>117</v>
      </c>
      <c r="D9334" t="s">
        <v>118</v>
      </c>
      <c r="E9334">
        <v>2018</v>
      </c>
      <c r="F9334">
        <v>2018</v>
      </c>
      <c r="G9334" t="s">
        <v>125</v>
      </c>
      <c r="H9334" t="s">
        <v>121</v>
      </c>
      <c r="I9334" t="s">
        <v>15</v>
      </c>
      <c r="J9334" s="10">
        <v>31.87418688</v>
      </c>
    </row>
    <row r="9335" spans="1:10" x14ac:dyDescent="0.35">
      <c r="A9335" t="s">
        <v>20</v>
      </c>
      <c r="B9335" t="s">
        <v>59</v>
      </c>
      <c r="C9335" t="s">
        <v>117</v>
      </c>
      <c r="D9335" t="s">
        <v>118</v>
      </c>
      <c r="E9335">
        <v>2018</v>
      </c>
      <c r="F9335">
        <v>2018</v>
      </c>
      <c r="G9335" t="s">
        <v>125</v>
      </c>
      <c r="H9335" t="s">
        <v>122</v>
      </c>
      <c r="I9335" t="s">
        <v>15</v>
      </c>
      <c r="J9335" s="10">
        <v>21.456085300000002</v>
      </c>
    </row>
    <row r="9336" spans="1:10" x14ac:dyDescent="0.35">
      <c r="A9336" t="s">
        <v>20</v>
      </c>
      <c r="B9336" t="s">
        <v>59</v>
      </c>
      <c r="C9336" t="s">
        <v>117</v>
      </c>
      <c r="D9336" t="s">
        <v>118</v>
      </c>
      <c r="E9336">
        <v>2018</v>
      </c>
      <c r="F9336">
        <v>2018</v>
      </c>
      <c r="G9336" t="s">
        <v>125</v>
      </c>
      <c r="H9336" t="s">
        <v>123</v>
      </c>
      <c r="I9336" t="s">
        <v>15</v>
      </c>
      <c r="J9336" s="10">
        <v>16.037856179999999</v>
      </c>
    </row>
    <row r="9337" spans="1:10" x14ac:dyDescent="0.35">
      <c r="A9337" t="s">
        <v>20</v>
      </c>
      <c r="B9337" t="s">
        <v>59</v>
      </c>
      <c r="C9337" t="s">
        <v>117</v>
      </c>
      <c r="D9337" t="s">
        <v>118</v>
      </c>
      <c r="E9337">
        <v>2018</v>
      </c>
      <c r="F9337">
        <v>2018</v>
      </c>
      <c r="G9337" t="s">
        <v>125</v>
      </c>
      <c r="H9337" t="s">
        <v>124</v>
      </c>
      <c r="I9337" t="s">
        <v>15</v>
      </c>
      <c r="J9337" s="10">
        <v>1.4744521820000001</v>
      </c>
    </row>
    <row r="9338" spans="1:10" x14ac:dyDescent="0.35">
      <c r="A9338" t="s">
        <v>20</v>
      </c>
      <c r="B9338" t="s">
        <v>59</v>
      </c>
      <c r="C9338" t="s">
        <v>117</v>
      </c>
      <c r="D9338" t="s">
        <v>118</v>
      </c>
      <c r="E9338">
        <v>2018</v>
      </c>
      <c r="F9338">
        <v>2018</v>
      </c>
      <c r="G9338" t="s">
        <v>126</v>
      </c>
      <c r="H9338" t="s">
        <v>119</v>
      </c>
      <c r="I9338" t="s">
        <v>15</v>
      </c>
      <c r="J9338" s="10">
        <v>16.772849489999999</v>
      </c>
    </row>
    <row r="9339" spans="1:10" x14ac:dyDescent="0.35">
      <c r="A9339" t="s">
        <v>20</v>
      </c>
      <c r="B9339" t="s">
        <v>59</v>
      </c>
      <c r="C9339" t="s">
        <v>117</v>
      </c>
      <c r="D9339" t="s">
        <v>118</v>
      </c>
      <c r="E9339">
        <v>2018</v>
      </c>
      <c r="F9339">
        <v>2018</v>
      </c>
      <c r="G9339" t="s">
        <v>126</v>
      </c>
      <c r="H9339" t="s">
        <v>120</v>
      </c>
      <c r="I9339" t="s">
        <v>15</v>
      </c>
      <c r="J9339" s="10">
        <v>8.9992974980000007</v>
      </c>
    </row>
    <row r="9340" spans="1:10" x14ac:dyDescent="0.35">
      <c r="A9340" t="s">
        <v>20</v>
      </c>
      <c r="B9340" t="s">
        <v>59</v>
      </c>
      <c r="C9340" t="s">
        <v>117</v>
      </c>
      <c r="D9340" t="s">
        <v>118</v>
      </c>
      <c r="E9340">
        <v>2018</v>
      </c>
      <c r="F9340">
        <v>2018</v>
      </c>
      <c r="G9340" t="s">
        <v>126</v>
      </c>
      <c r="H9340" t="s">
        <v>121</v>
      </c>
      <c r="I9340" t="s">
        <v>15</v>
      </c>
      <c r="J9340" s="10">
        <v>32.680894360000003</v>
      </c>
    </row>
    <row r="9341" spans="1:10" x14ac:dyDescent="0.35">
      <c r="A9341" t="s">
        <v>20</v>
      </c>
      <c r="B9341" t="s">
        <v>59</v>
      </c>
      <c r="C9341" t="s">
        <v>117</v>
      </c>
      <c r="D9341" t="s">
        <v>118</v>
      </c>
      <c r="E9341">
        <v>2018</v>
      </c>
      <c r="F9341">
        <v>2018</v>
      </c>
      <c r="G9341" t="s">
        <v>126</v>
      </c>
      <c r="H9341" t="s">
        <v>122</v>
      </c>
      <c r="I9341" t="s">
        <v>15</v>
      </c>
      <c r="J9341" s="10">
        <v>21.515951650000002</v>
      </c>
    </row>
    <row r="9342" spans="1:10" x14ac:dyDescent="0.35">
      <c r="A9342" t="s">
        <v>20</v>
      </c>
      <c r="B9342" t="s">
        <v>59</v>
      </c>
      <c r="C9342" t="s">
        <v>117</v>
      </c>
      <c r="D9342" t="s">
        <v>118</v>
      </c>
      <c r="E9342">
        <v>2018</v>
      </c>
      <c r="F9342">
        <v>2018</v>
      </c>
      <c r="G9342" t="s">
        <v>126</v>
      </c>
      <c r="H9342" t="s">
        <v>123</v>
      </c>
      <c r="I9342" t="s">
        <v>15</v>
      </c>
      <c r="J9342" s="10">
        <v>17.666723189999999</v>
      </c>
    </row>
    <row r="9343" spans="1:10" x14ac:dyDescent="0.35">
      <c r="A9343" t="s">
        <v>20</v>
      </c>
      <c r="B9343" t="s">
        <v>59</v>
      </c>
      <c r="C9343" t="s">
        <v>117</v>
      </c>
      <c r="D9343" t="s">
        <v>118</v>
      </c>
      <c r="E9343">
        <v>2018</v>
      </c>
      <c r="F9343">
        <v>2018</v>
      </c>
      <c r="G9343" t="s">
        <v>126</v>
      </c>
      <c r="H9343" t="s">
        <v>124</v>
      </c>
      <c r="I9343" t="s">
        <v>15</v>
      </c>
      <c r="J9343" s="10">
        <v>2.364283811</v>
      </c>
    </row>
    <row r="9344" spans="1:10" x14ac:dyDescent="0.35">
      <c r="A9344" t="s">
        <v>20</v>
      </c>
      <c r="B9344" t="s">
        <v>59</v>
      </c>
      <c r="C9344" t="s">
        <v>117</v>
      </c>
      <c r="D9344" t="s">
        <v>118</v>
      </c>
      <c r="E9344">
        <v>2017</v>
      </c>
      <c r="F9344">
        <v>2017</v>
      </c>
      <c r="G9344" t="s">
        <v>14</v>
      </c>
      <c r="H9344" t="s">
        <v>119</v>
      </c>
      <c r="I9344" t="s">
        <v>15</v>
      </c>
      <c r="J9344" s="10">
        <v>17.643041620000002</v>
      </c>
    </row>
    <row r="9345" spans="1:10" x14ac:dyDescent="0.35">
      <c r="A9345" t="s">
        <v>20</v>
      </c>
      <c r="B9345" t="s">
        <v>59</v>
      </c>
      <c r="C9345" t="s">
        <v>117</v>
      </c>
      <c r="D9345" t="s">
        <v>118</v>
      </c>
      <c r="E9345">
        <v>2017</v>
      </c>
      <c r="F9345">
        <v>2017</v>
      </c>
      <c r="G9345" t="s">
        <v>14</v>
      </c>
      <c r="H9345" t="s">
        <v>120</v>
      </c>
      <c r="I9345" t="s">
        <v>15</v>
      </c>
      <c r="J9345" s="10">
        <v>10.113489619999999</v>
      </c>
    </row>
    <row r="9346" spans="1:10" x14ac:dyDescent="0.35">
      <c r="A9346" t="s">
        <v>20</v>
      </c>
      <c r="B9346" t="s">
        <v>59</v>
      </c>
      <c r="C9346" t="s">
        <v>117</v>
      </c>
      <c r="D9346" t="s">
        <v>118</v>
      </c>
      <c r="E9346">
        <v>2017</v>
      </c>
      <c r="F9346">
        <v>2017</v>
      </c>
      <c r="G9346" t="s">
        <v>14</v>
      </c>
      <c r="H9346" t="s">
        <v>121</v>
      </c>
      <c r="I9346" t="s">
        <v>15</v>
      </c>
      <c r="J9346" s="10">
        <v>32.515893509999998</v>
      </c>
    </row>
    <row r="9347" spans="1:10" x14ac:dyDescent="0.35">
      <c r="A9347" t="s">
        <v>20</v>
      </c>
      <c r="B9347" t="s">
        <v>59</v>
      </c>
      <c r="C9347" t="s">
        <v>117</v>
      </c>
      <c r="D9347" t="s">
        <v>118</v>
      </c>
      <c r="E9347">
        <v>2017</v>
      </c>
      <c r="F9347">
        <v>2017</v>
      </c>
      <c r="G9347" t="s">
        <v>14</v>
      </c>
      <c r="H9347" t="s">
        <v>122</v>
      </c>
      <c r="I9347" t="s">
        <v>15</v>
      </c>
      <c r="J9347" s="10">
        <v>21.181831729999999</v>
      </c>
    </row>
    <row r="9348" spans="1:10" x14ac:dyDescent="0.35">
      <c r="A9348" t="s">
        <v>20</v>
      </c>
      <c r="B9348" t="s">
        <v>59</v>
      </c>
      <c r="C9348" t="s">
        <v>117</v>
      </c>
      <c r="D9348" t="s">
        <v>118</v>
      </c>
      <c r="E9348">
        <v>2017</v>
      </c>
      <c r="F9348">
        <v>2017</v>
      </c>
      <c r="G9348" t="s">
        <v>14</v>
      </c>
      <c r="H9348" t="s">
        <v>123</v>
      </c>
      <c r="I9348" t="s">
        <v>15</v>
      </c>
      <c r="J9348" s="10">
        <v>16.65714711</v>
      </c>
    </row>
    <row r="9349" spans="1:10" x14ac:dyDescent="0.35">
      <c r="A9349" t="s">
        <v>20</v>
      </c>
      <c r="B9349" t="s">
        <v>59</v>
      </c>
      <c r="C9349" t="s">
        <v>117</v>
      </c>
      <c r="D9349" t="s">
        <v>118</v>
      </c>
      <c r="E9349">
        <v>2017</v>
      </c>
      <c r="F9349">
        <v>2017</v>
      </c>
      <c r="G9349" t="s">
        <v>14</v>
      </c>
      <c r="H9349" t="s">
        <v>124</v>
      </c>
      <c r="I9349" t="s">
        <v>15</v>
      </c>
      <c r="J9349" s="10">
        <v>1.8885964040000001</v>
      </c>
    </row>
    <row r="9350" spans="1:10" x14ac:dyDescent="0.35">
      <c r="A9350" t="s">
        <v>20</v>
      </c>
      <c r="B9350" t="s">
        <v>59</v>
      </c>
      <c r="C9350" t="s">
        <v>117</v>
      </c>
      <c r="D9350" t="s">
        <v>118</v>
      </c>
      <c r="E9350">
        <v>2017</v>
      </c>
      <c r="F9350">
        <v>2017</v>
      </c>
      <c r="G9350" t="s">
        <v>125</v>
      </c>
      <c r="H9350" t="s">
        <v>119</v>
      </c>
      <c r="I9350" t="s">
        <v>15</v>
      </c>
      <c r="J9350" s="10">
        <v>18.542271079999999</v>
      </c>
    </row>
    <row r="9351" spans="1:10" x14ac:dyDescent="0.35">
      <c r="A9351" t="s">
        <v>20</v>
      </c>
      <c r="B9351" t="s">
        <v>59</v>
      </c>
      <c r="C9351" t="s">
        <v>117</v>
      </c>
      <c r="D9351" t="s">
        <v>118</v>
      </c>
      <c r="E9351">
        <v>2017</v>
      </c>
      <c r="F9351">
        <v>2017</v>
      </c>
      <c r="G9351" t="s">
        <v>125</v>
      </c>
      <c r="H9351" t="s">
        <v>120</v>
      </c>
      <c r="I9351" t="s">
        <v>15</v>
      </c>
      <c r="J9351" s="10">
        <v>11.10093144</v>
      </c>
    </row>
    <row r="9352" spans="1:10" x14ac:dyDescent="0.35">
      <c r="A9352" t="s">
        <v>20</v>
      </c>
      <c r="B9352" t="s">
        <v>59</v>
      </c>
      <c r="C9352" t="s">
        <v>117</v>
      </c>
      <c r="D9352" t="s">
        <v>118</v>
      </c>
      <c r="E9352">
        <v>2017</v>
      </c>
      <c r="F9352">
        <v>2017</v>
      </c>
      <c r="G9352" t="s">
        <v>125</v>
      </c>
      <c r="H9352" t="s">
        <v>121</v>
      </c>
      <c r="I9352" t="s">
        <v>15</v>
      </c>
      <c r="J9352" s="10">
        <v>31.951442969999999</v>
      </c>
    </row>
    <row r="9353" spans="1:10" x14ac:dyDescent="0.35">
      <c r="A9353" t="s">
        <v>20</v>
      </c>
      <c r="B9353" t="s">
        <v>59</v>
      </c>
      <c r="C9353" t="s">
        <v>117</v>
      </c>
      <c r="D9353" t="s">
        <v>118</v>
      </c>
      <c r="E9353">
        <v>2017</v>
      </c>
      <c r="F9353">
        <v>2017</v>
      </c>
      <c r="G9353" t="s">
        <v>125</v>
      </c>
      <c r="H9353" t="s">
        <v>122</v>
      </c>
      <c r="I9353" t="s">
        <v>15</v>
      </c>
      <c r="J9353" s="10">
        <v>21.250063619999999</v>
      </c>
    </row>
    <row r="9354" spans="1:10" x14ac:dyDescent="0.35">
      <c r="A9354" t="s">
        <v>20</v>
      </c>
      <c r="B9354" t="s">
        <v>59</v>
      </c>
      <c r="C9354" t="s">
        <v>117</v>
      </c>
      <c r="D9354" t="s">
        <v>118</v>
      </c>
      <c r="E9354">
        <v>2017</v>
      </c>
      <c r="F9354">
        <v>2017</v>
      </c>
      <c r="G9354" t="s">
        <v>125</v>
      </c>
      <c r="H9354" t="s">
        <v>123</v>
      </c>
      <c r="I9354" t="s">
        <v>15</v>
      </c>
      <c r="J9354" s="10">
        <v>15.76067593</v>
      </c>
    </row>
    <row r="9355" spans="1:10" x14ac:dyDescent="0.35">
      <c r="A9355" t="s">
        <v>20</v>
      </c>
      <c r="B9355" t="s">
        <v>59</v>
      </c>
      <c r="C9355" t="s">
        <v>117</v>
      </c>
      <c r="D9355" t="s">
        <v>118</v>
      </c>
      <c r="E9355">
        <v>2017</v>
      </c>
      <c r="F9355">
        <v>2017</v>
      </c>
      <c r="G9355" t="s">
        <v>125</v>
      </c>
      <c r="H9355" t="s">
        <v>124</v>
      </c>
      <c r="I9355" t="s">
        <v>15</v>
      </c>
      <c r="J9355" s="10">
        <v>1.3946149539999999</v>
      </c>
    </row>
    <row r="9356" spans="1:10" x14ac:dyDescent="0.35">
      <c r="A9356" t="s">
        <v>20</v>
      </c>
      <c r="B9356" t="s">
        <v>59</v>
      </c>
      <c r="C9356" t="s">
        <v>117</v>
      </c>
      <c r="D9356" t="s">
        <v>118</v>
      </c>
      <c r="E9356">
        <v>2017</v>
      </c>
      <c r="F9356">
        <v>2017</v>
      </c>
      <c r="G9356" t="s">
        <v>126</v>
      </c>
      <c r="H9356" t="s">
        <v>119</v>
      </c>
      <c r="I9356" t="s">
        <v>15</v>
      </c>
      <c r="J9356" s="10">
        <v>16.786285830000001</v>
      </c>
    </row>
    <row r="9357" spans="1:10" x14ac:dyDescent="0.35">
      <c r="A9357" t="s">
        <v>20</v>
      </c>
      <c r="B9357" t="s">
        <v>59</v>
      </c>
      <c r="C9357" t="s">
        <v>117</v>
      </c>
      <c r="D9357" t="s">
        <v>118</v>
      </c>
      <c r="E9357">
        <v>2017</v>
      </c>
      <c r="F9357">
        <v>2017</v>
      </c>
      <c r="G9357" t="s">
        <v>126</v>
      </c>
      <c r="H9357" t="s">
        <v>120</v>
      </c>
      <c r="I9357" t="s">
        <v>15</v>
      </c>
      <c r="J9357" s="10">
        <v>9.1726880360000003</v>
      </c>
    </row>
    <row r="9358" spans="1:10" x14ac:dyDescent="0.35">
      <c r="A9358" t="s">
        <v>20</v>
      </c>
      <c r="B9358" t="s">
        <v>59</v>
      </c>
      <c r="C9358" t="s">
        <v>117</v>
      </c>
      <c r="D9358" t="s">
        <v>118</v>
      </c>
      <c r="E9358">
        <v>2017</v>
      </c>
      <c r="F9358">
        <v>2017</v>
      </c>
      <c r="G9358" t="s">
        <v>126</v>
      </c>
      <c r="H9358" t="s">
        <v>121</v>
      </c>
      <c r="I9358" t="s">
        <v>15</v>
      </c>
      <c r="J9358" s="10">
        <v>33.053683139999997</v>
      </c>
    </row>
    <row r="9359" spans="1:10" x14ac:dyDescent="0.35">
      <c r="A9359" t="s">
        <v>20</v>
      </c>
      <c r="B9359" t="s">
        <v>59</v>
      </c>
      <c r="C9359" t="s">
        <v>117</v>
      </c>
      <c r="D9359" t="s">
        <v>118</v>
      </c>
      <c r="E9359">
        <v>2017</v>
      </c>
      <c r="F9359">
        <v>2017</v>
      </c>
      <c r="G9359" t="s">
        <v>126</v>
      </c>
      <c r="H9359" t="s">
        <v>122</v>
      </c>
      <c r="I9359" t="s">
        <v>15</v>
      </c>
      <c r="J9359" s="10">
        <v>21.11682266</v>
      </c>
    </row>
    <row r="9360" spans="1:10" x14ac:dyDescent="0.35">
      <c r="A9360" t="s">
        <v>20</v>
      </c>
      <c r="B9360" t="s">
        <v>59</v>
      </c>
      <c r="C9360" t="s">
        <v>117</v>
      </c>
      <c r="D9360" t="s">
        <v>118</v>
      </c>
      <c r="E9360">
        <v>2017</v>
      </c>
      <c r="F9360">
        <v>2017</v>
      </c>
      <c r="G9360" t="s">
        <v>126</v>
      </c>
      <c r="H9360" t="s">
        <v>123</v>
      </c>
      <c r="I9360" t="s">
        <v>15</v>
      </c>
      <c r="J9360" s="10">
        <v>17.511274910000001</v>
      </c>
    </row>
    <row r="9361" spans="1:10" x14ac:dyDescent="0.35">
      <c r="A9361" t="s">
        <v>20</v>
      </c>
      <c r="B9361" t="s">
        <v>59</v>
      </c>
      <c r="C9361" t="s">
        <v>117</v>
      </c>
      <c r="D9361" t="s">
        <v>118</v>
      </c>
      <c r="E9361">
        <v>2017</v>
      </c>
      <c r="F9361">
        <v>2017</v>
      </c>
      <c r="G9361" t="s">
        <v>126</v>
      </c>
      <c r="H9361" t="s">
        <v>124</v>
      </c>
      <c r="I9361" t="s">
        <v>15</v>
      </c>
      <c r="J9361" s="10">
        <v>2.359245429</v>
      </c>
    </row>
    <row r="9362" spans="1:10" x14ac:dyDescent="0.35">
      <c r="A9362" t="s">
        <v>20</v>
      </c>
      <c r="B9362" t="s">
        <v>59</v>
      </c>
      <c r="C9362" t="s">
        <v>117</v>
      </c>
      <c r="D9362" t="s">
        <v>118</v>
      </c>
      <c r="E9362">
        <v>2016</v>
      </c>
      <c r="F9362">
        <v>2016</v>
      </c>
      <c r="G9362" t="s">
        <v>14</v>
      </c>
      <c r="H9362" t="s">
        <v>119</v>
      </c>
      <c r="I9362" t="s">
        <v>15</v>
      </c>
      <c r="J9362" s="10">
        <v>17.657857929999999</v>
      </c>
    </row>
    <row r="9363" spans="1:10" x14ac:dyDescent="0.35">
      <c r="A9363" t="s">
        <v>20</v>
      </c>
      <c r="B9363" t="s">
        <v>59</v>
      </c>
      <c r="C9363" t="s">
        <v>117</v>
      </c>
      <c r="D9363" t="s">
        <v>118</v>
      </c>
      <c r="E9363">
        <v>2016</v>
      </c>
      <c r="F9363">
        <v>2016</v>
      </c>
      <c r="G9363" t="s">
        <v>14</v>
      </c>
      <c r="H9363" t="s">
        <v>120</v>
      </c>
      <c r="I9363" t="s">
        <v>15</v>
      </c>
      <c r="J9363" s="10">
        <v>10.2770007</v>
      </c>
    </row>
    <row r="9364" spans="1:10" x14ac:dyDescent="0.35">
      <c r="A9364" t="s">
        <v>20</v>
      </c>
      <c r="B9364" t="s">
        <v>59</v>
      </c>
      <c r="C9364" t="s">
        <v>117</v>
      </c>
      <c r="D9364" t="s">
        <v>118</v>
      </c>
      <c r="E9364">
        <v>2016</v>
      </c>
      <c r="F9364">
        <v>2016</v>
      </c>
      <c r="G9364" t="s">
        <v>14</v>
      </c>
      <c r="H9364" t="s">
        <v>121</v>
      </c>
      <c r="I9364" t="s">
        <v>15</v>
      </c>
      <c r="J9364" s="10">
        <v>32.791737439999999</v>
      </c>
    </row>
    <row r="9365" spans="1:10" x14ac:dyDescent="0.35">
      <c r="A9365" t="s">
        <v>20</v>
      </c>
      <c r="B9365" t="s">
        <v>59</v>
      </c>
      <c r="C9365" t="s">
        <v>117</v>
      </c>
      <c r="D9365" t="s">
        <v>118</v>
      </c>
      <c r="E9365">
        <v>2016</v>
      </c>
      <c r="F9365">
        <v>2016</v>
      </c>
      <c r="G9365" t="s">
        <v>14</v>
      </c>
      <c r="H9365" t="s">
        <v>122</v>
      </c>
      <c r="I9365" t="s">
        <v>15</v>
      </c>
      <c r="J9365" s="10">
        <v>20.872464780000001</v>
      </c>
    </row>
    <row r="9366" spans="1:10" x14ac:dyDescent="0.35">
      <c r="A9366" t="s">
        <v>20</v>
      </c>
      <c r="B9366" t="s">
        <v>59</v>
      </c>
      <c r="C9366" t="s">
        <v>117</v>
      </c>
      <c r="D9366" t="s">
        <v>118</v>
      </c>
      <c r="E9366">
        <v>2016</v>
      </c>
      <c r="F9366">
        <v>2016</v>
      </c>
      <c r="G9366" t="s">
        <v>14</v>
      </c>
      <c r="H9366" t="s">
        <v>123</v>
      </c>
      <c r="I9366" t="s">
        <v>15</v>
      </c>
      <c r="J9366" s="10">
        <v>16.547607150000001</v>
      </c>
    </row>
    <row r="9367" spans="1:10" x14ac:dyDescent="0.35">
      <c r="A9367" t="s">
        <v>20</v>
      </c>
      <c r="B9367" t="s">
        <v>59</v>
      </c>
      <c r="C9367" t="s">
        <v>117</v>
      </c>
      <c r="D9367" t="s">
        <v>118</v>
      </c>
      <c r="E9367">
        <v>2016</v>
      </c>
      <c r="F9367">
        <v>2016</v>
      </c>
      <c r="G9367" t="s">
        <v>14</v>
      </c>
      <c r="H9367" t="s">
        <v>124</v>
      </c>
      <c r="I9367" t="s">
        <v>15</v>
      </c>
      <c r="J9367" s="10">
        <v>1.8533320010000001</v>
      </c>
    </row>
    <row r="9368" spans="1:10" x14ac:dyDescent="0.35">
      <c r="A9368" t="s">
        <v>20</v>
      </c>
      <c r="B9368" t="s">
        <v>59</v>
      </c>
      <c r="C9368" t="s">
        <v>117</v>
      </c>
      <c r="D9368" t="s">
        <v>118</v>
      </c>
      <c r="E9368">
        <v>2016</v>
      </c>
      <c r="F9368">
        <v>2016</v>
      </c>
      <c r="G9368" t="s">
        <v>125</v>
      </c>
      <c r="H9368" t="s">
        <v>119</v>
      </c>
      <c r="I9368" t="s">
        <v>15</v>
      </c>
      <c r="J9368" s="10">
        <v>18.5661247</v>
      </c>
    </row>
    <row r="9369" spans="1:10" x14ac:dyDescent="0.35">
      <c r="A9369" t="s">
        <v>20</v>
      </c>
      <c r="B9369" t="s">
        <v>59</v>
      </c>
      <c r="C9369" t="s">
        <v>117</v>
      </c>
      <c r="D9369" t="s">
        <v>118</v>
      </c>
      <c r="E9369">
        <v>2016</v>
      </c>
      <c r="F9369">
        <v>2016</v>
      </c>
      <c r="G9369" t="s">
        <v>125</v>
      </c>
      <c r="H9369" t="s">
        <v>120</v>
      </c>
      <c r="I9369" t="s">
        <v>15</v>
      </c>
      <c r="J9369" s="10">
        <v>11.102291640000001</v>
      </c>
    </row>
    <row r="9370" spans="1:10" x14ac:dyDescent="0.35">
      <c r="A9370" t="s">
        <v>20</v>
      </c>
      <c r="B9370" t="s">
        <v>59</v>
      </c>
      <c r="C9370" t="s">
        <v>117</v>
      </c>
      <c r="D9370" t="s">
        <v>118</v>
      </c>
      <c r="E9370">
        <v>2016</v>
      </c>
      <c r="F9370">
        <v>2016</v>
      </c>
      <c r="G9370" t="s">
        <v>125</v>
      </c>
      <c r="H9370" t="s">
        <v>121</v>
      </c>
      <c r="I9370" t="s">
        <v>15</v>
      </c>
      <c r="J9370" s="10">
        <v>32.44142875</v>
      </c>
    </row>
    <row r="9371" spans="1:10" x14ac:dyDescent="0.35">
      <c r="A9371" t="s">
        <v>20</v>
      </c>
      <c r="B9371" t="s">
        <v>59</v>
      </c>
      <c r="C9371" t="s">
        <v>117</v>
      </c>
      <c r="D9371" t="s">
        <v>118</v>
      </c>
      <c r="E9371">
        <v>2016</v>
      </c>
      <c r="F9371">
        <v>2016</v>
      </c>
      <c r="G9371" t="s">
        <v>125</v>
      </c>
      <c r="H9371" t="s">
        <v>122</v>
      </c>
      <c r="I9371" t="s">
        <v>15</v>
      </c>
      <c r="J9371" s="10">
        <v>20.87568813</v>
      </c>
    </row>
    <row r="9372" spans="1:10" x14ac:dyDescent="0.35">
      <c r="A9372" t="s">
        <v>20</v>
      </c>
      <c r="B9372" t="s">
        <v>59</v>
      </c>
      <c r="C9372" t="s">
        <v>117</v>
      </c>
      <c r="D9372" t="s">
        <v>118</v>
      </c>
      <c r="E9372">
        <v>2016</v>
      </c>
      <c r="F9372">
        <v>2016</v>
      </c>
      <c r="G9372" t="s">
        <v>125</v>
      </c>
      <c r="H9372" t="s">
        <v>123</v>
      </c>
      <c r="I9372" t="s">
        <v>15</v>
      </c>
      <c r="J9372" s="10">
        <v>15.66252721</v>
      </c>
    </row>
    <row r="9373" spans="1:10" x14ac:dyDescent="0.35">
      <c r="A9373" t="s">
        <v>20</v>
      </c>
      <c r="B9373" t="s">
        <v>59</v>
      </c>
      <c r="C9373" t="s">
        <v>117</v>
      </c>
      <c r="D9373" t="s">
        <v>118</v>
      </c>
      <c r="E9373">
        <v>2016</v>
      </c>
      <c r="F9373">
        <v>2016</v>
      </c>
      <c r="G9373" t="s">
        <v>125</v>
      </c>
      <c r="H9373" t="s">
        <v>124</v>
      </c>
      <c r="I9373" t="s">
        <v>15</v>
      </c>
      <c r="J9373" s="10">
        <v>1.351939572</v>
      </c>
    </row>
    <row r="9374" spans="1:10" x14ac:dyDescent="0.35">
      <c r="A9374" t="s">
        <v>20</v>
      </c>
      <c r="B9374" t="s">
        <v>59</v>
      </c>
      <c r="C9374" t="s">
        <v>117</v>
      </c>
      <c r="D9374" t="s">
        <v>118</v>
      </c>
      <c r="E9374">
        <v>2016</v>
      </c>
      <c r="F9374">
        <v>2016</v>
      </c>
      <c r="G9374" t="s">
        <v>126</v>
      </c>
      <c r="H9374" t="s">
        <v>119</v>
      </c>
      <c r="I9374" t="s">
        <v>15</v>
      </c>
      <c r="J9374" s="10">
        <v>16.793037030000001</v>
      </c>
    </row>
    <row r="9375" spans="1:10" x14ac:dyDescent="0.35">
      <c r="A9375" t="s">
        <v>20</v>
      </c>
      <c r="B9375" t="s">
        <v>59</v>
      </c>
      <c r="C9375" t="s">
        <v>117</v>
      </c>
      <c r="D9375" t="s">
        <v>118</v>
      </c>
      <c r="E9375">
        <v>2016</v>
      </c>
      <c r="F9375">
        <v>2016</v>
      </c>
      <c r="G9375" t="s">
        <v>126</v>
      </c>
      <c r="H9375" t="s">
        <v>120</v>
      </c>
      <c r="I9375" t="s">
        <v>15</v>
      </c>
      <c r="J9375" s="10">
        <v>9.4911865809999991</v>
      </c>
    </row>
    <row r="9376" spans="1:10" x14ac:dyDescent="0.35">
      <c r="A9376" t="s">
        <v>20</v>
      </c>
      <c r="B9376" t="s">
        <v>59</v>
      </c>
      <c r="C9376" t="s">
        <v>117</v>
      </c>
      <c r="D9376" t="s">
        <v>118</v>
      </c>
      <c r="E9376">
        <v>2016</v>
      </c>
      <c r="F9376">
        <v>2016</v>
      </c>
      <c r="G9376" t="s">
        <v>126</v>
      </c>
      <c r="H9376" t="s">
        <v>121</v>
      </c>
      <c r="I9376" t="s">
        <v>15</v>
      </c>
      <c r="J9376" s="10">
        <v>33.125289510000002</v>
      </c>
    </row>
    <row r="9377" spans="1:10" x14ac:dyDescent="0.35">
      <c r="A9377" t="s">
        <v>20</v>
      </c>
      <c r="B9377" t="s">
        <v>59</v>
      </c>
      <c r="C9377" t="s">
        <v>117</v>
      </c>
      <c r="D9377" t="s">
        <v>118</v>
      </c>
      <c r="E9377">
        <v>2016</v>
      </c>
      <c r="F9377">
        <v>2016</v>
      </c>
      <c r="G9377" t="s">
        <v>126</v>
      </c>
      <c r="H9377" t="s">
        <v>122</v>
      </c>
      <c r="I9377" t="s">
        <v>15</v>
      </c>
      <c r="J9377" s="10">
        <v>20.869395619999999</v>
      </c>
    </row>
    <row r="9378" spans="1:10" x14ac:dyDescent="0.35">
      <c r="A9378" t="s">
        <v>20</v>
      </c>
      <c r="B9378" t="s">
        <v>59</v>
      </c>
      <c r="C9378" t="s">
        <v>117</v>
      </c>
      <c r="D9378" t="s">
        <v>118</v>
      </c>
      <c r="E9378">
        <v>2016</v>
      </c>
      <c r="F9378">
        <v>2016</v>
      </c>
      <c r="G9378" t="s">
        <v>126</v>
      </c>
      <c r="H9378" t="s">
        <v>123</v>
      </c>
      <c r="I9378" t="s">
        <v>15</v>
      </c>
      <c r="J9378" s="10">
        <v>17.390350340000001</v>
      </c>
    </row>
    <row r="9379" spans="1:10" x14ac:dyDescent="0.35">
      <c r="A9379" t="s">
        <v>20</v>
      </c>
      <c r="B9379" t="s">
        <v>59</v>
      </c>
      <c r="C9379" t="s">
        <v>117</v>
      </c>
      <c r="D9379" t="s">
        <v>118</v>
      </c>
      <c r="E9379">
        <v>2016</v>
      </c>
      <c r="F9379">
        <v>2016</v>
      </c>
      <c r="G9379" t="s">
        <v>126</v>
      </c>
      <c r="H9379" t="s">
        <v>124</v>
      </c>
      <c r="I9379" t="s">
        <v>15</v>
      </c>
      <c r="J9379" s="10">
        <v>2.330740912</v>
      </c>
    </row>
    <row r="9380" spans="1:10" x14ac:dyDescent="0.35">
      <c r="A9380" t="s">
        <v>20</v>
      </c>
      <c r="B9380" t="s">
        <v>59</v>
      </c>
      <c r="C9380" t="s">
        <v>117</v>
      </c>
      <c r="D9380" t="s">
        <v>118</v>
      </c>
      <c r="E9380">
        <v>2015</v>
      </c>
      <c r="F9380">
        <v>2015</v>
      </c>
      <c r="G9380" t="s">
        <v>14</v>
      </c>
      <c r="H9380" t="s">
        <v>119</v>
      </c>
      <c r="I9380" t="s">
        <v>15</v>
      </c>
      <c r="J9380" s="10">
        <v>17.628632530000001</v>
      </c>
    </row>
    <row r="9381" spans="1:10" x14ac:dyDescent="0.35">
      <c r="A9381" t="s">
        <v>20</v>
      </c>
      <c r="B9381" t="s">
        <v>59</v>
      </c>
      <c r="C9381" t="s">
        <v>117</v>
      </c>
      <c r="D9381" t="s">
        <v>118</v>
      </c>
      <c r="E9381">
        <v>2015</v>
      </c>
      <c r="F9381">
        <v>2015</v>
      </c>
      <c r="G9381" t="s">
        <v>14</v>
      </c>
      <c r="H9381" t="s">
        <v>120</v>
      </c>
      <c r="I9381" t="s">
        <v>15</v>
      </c>
      <c r="J9381" s="10">
        <v>10.478047549999999</v>
      </c>
    </row>
    <row r="9382" spans="1:10" x14ac:dyDescent="0.35">
      <c r="A9382" t="s">
        <v>20</v>
      </c>
      <c r="B9382" t="s">
        <v>59</v>
      </c>
      <c r="C9382" t="s">
        <v>117</v>
      </c>
      <c r="D9382" t="s">
        <v>118</v>
      </c>
      <c r="E9382">
        <v>2015</v>
      </c>
      <c r="F9382">
        <v>2015</v>
      </c>
      <c r="G9382" t="s">
        <v>14</v>
      </c>
      <c r="H9382" t="s">
        <v>121</v>
      </c>
      <c r="I9382" t="s">
        <v>15</v>
      </c>
      <c r="J9382" s="10">
        <v>32.98528117</v>
      </c>
    </row>
    <row r="9383" spans="1:10" x14ac:dyDescent="0.35">
      <c r="A9383" t="s">
        <v>20</v>
      </c>
      <c r="B9383" t="s">
        <v>59</v>
      </c>
      <c r="C9383" t="s">
        <v>117</v>
      </c>
      <c r="D9383" t="s">
        <v>118</v>
      </c>
      <c r="E9383">
        <v>2015</v>
      </c>
      <c r="F9383">
        <v>2015</v>
      </c>
      <c r="G9383" t="s">
        <v>14</v>
      </c>
      <c r="H9383" t="s">
        <v>122</v>
      </c>
      <c r="I9383" t="s">
        <v>15</v>
      </c>
      <c r="J9383" s="10">
        <v>20.727135489999998</v>
      </c>
    </row>
    <row r="9384" spans="1:10" x14ac:dyDescent="0.35">
      <c r="A9384" t="s">
        <v>20</v>
      </c>
      <c r="B9384" t="s">
        <v>59</v>
      </c>
      <c r="C9384" t="s">
        <v>117</v>
      </c>
      <c r="D9384" t="s">
        <v>118</v>
      </c>
      <c r="E9384">
        <v>2015</v>
      </c>
      <c r="F9384">
        <v>2015</v>
      </c>
      <c r="G9384" t="s">
        <v>14</v>
      </c>
      <c r="H9384" t="s">
        <v>123</v>
      </c>
      <c r="I9384" t="s">
        <v>15</v>
      </c>
      <c r="J9384" s="10">
        <v>16.347968300000002</v>
      </c>
    </row>
    <row r="9385" spans="1:10" x14ac:dyDescent="0.35">
      <c r="A9385" t="s">
        <v>20</v>
      </c>
      <c r="B9385" t="s">
        <v>59</v>
      </c>
      <c r="C9385" t="s">
        <v>117</v>
      </c>
      <c r="D9385" t="s">
        <v>118</v>
      </c>
      <c r="E9385">
        <v>2015</v>
      </c>
      <c r="F9385">
        <v>2015</v>
      </c>
      <c r="G9385" t="s">
        <v>14</v>
      </c>
      <c r="H9385" t="s">
        <v>124</v>
      </c>
      <c r="I9385" t="s">
        <v>15</v>
      </c>
      <c r="J9385" s="10">
        <v>1.83293496</v>
      </c>
    </row>
    <row r="9386" spans="1:10" x14ac:dyDescent="0.35">
      <c r="A9386" t="s">
        <v>20</v>
      </c>
      <c r="B9386" t="s">
        <v>59</v>
      </c>
      <c r="C9386" t="s">
        <v>117</v>
      </c>
      <c r="D9386" t="s">
        <v>118</v>
      </c>
      <c r="E9386">
        <v>2015</v>
      </c>
      <c r="F9386">
        <v>2015</v>
      </c>
      <c r="G9386" t="s">
        <v>125</v>
      </c>
      <c r="H9386" t="s">
        <v>119</v>
      </c>
      <c r="I9386" t="s">
        <v>15</v>
      </c>
      <c r="J9386" s="10">
        <v>18.440265199999999</v>
      </c>
    </row>
    <row r="9387" spans="1:10" x14ac:dyDescent="0.35">
      <c r="A9387" t="s">
        <v>20</v>
      </c>
      <c r="B9387" t="s">
        <v>59</v>
      </c>
      <c r="C9387" t="s">
        <v>117</v>
      </c>
      <c r="D9387" t="s">
        <v>118</v>
      </c>
      <c r="E9387">
        <v>2015</v>
      </c>
      <c r="F9387">
        <v>2015</v>
      </c>
      <c r="G9387" t="s">
        <v>125</v>
      </c>
      <c r="H9387" t="s">
        <v>120</v>
      </c>
      <c r="I9387" t="s">
        <v>15</v>
      </c>
      <c r="J9387" s="10">
        <v>11.26589789</v>
      </c>
    </row>
    <row r="9388" spans="1:10" x14ac:dyDescent="0.35">
      <c r="A9388" t="s">
        <v>20</v>
      </c>
      <c r="B9388" t="s">
        <v>59</v>
      </c>
      <c r="C9388" t="s">
        <v>117</v>
      </c>
      <c r="D9388" t="s">
        <v>118</v>
      </c>
      <c r="E9388">
        <v>2015</v>
      </c>
      <c r="F9388">
        <v>2015</v>
      </c>
      <c r="G9388" t="s">
        <v>125</v>
      </c>
      <c r="H9388" t="s">
        <v>121</v>
      </c>
      <c r="I9388" t="s">
        <v>15</v>
      </c>
      <c r="J9388" s="10">
        <v>32.587777000000003</v>
      </c>
    </row>
    <row r="9389" spans="1:10" x14ac:dyDescent="0.35">
      <c r="A9389" t="s">
        <v>20</v>
      </c>
      <c r="B9389" t="s">
        <v>59</v>
      </c>
      <c r="C9389" t="s">
        <v>117</v>
      </c>
      <c r="D9389" t="s">
        <v>118</v>
      </c>
      <c r="E9389">
        <v>2015</v>
      </c>
      <c r="F9389">
        <v>2015</v>
      </c>
      <c r="G9389" t="s">
        <v>125</v>
      </c>
      <c r="H9389" t="s">
        <v>122</v>
      </c>
      <c r="I9389" t="s">
        <v>15</v>
      </c>
      <c r="J9389" s="10">
        <v>20.836880529999998</v>
      </c>
    </row>
    <row r="9390" spans="1:10" x14ac:dyDescent="0.35">
      <c r="A9390" t="s">
        <v>20</v>
      </c>
      <c r="B9390" t="s">
        <v>59</v>
      </c>
      <c r="C9390" t="s">
        <v>117</v>
      </c>
      <c r="D9390" t="s">
        <v>118</v>
      </c>
      <c r="E9390">
        <v>2015</v>
      </c>
      <c r="F9390">
        <v>2015</v>
      </c>
      <c r="G9390" t="s">
        <v>125</v>
      </c>
      <c r="H9390" t="s">
        <v>123</v>
      </c>
      <c r="I9390" t="s">
        <v>15</v>
      </c>
      <c r="J9390" s="10">
        <v>15.556071510000001</v>
      </c>
    </row>
    <row r="9391" spans="1:10" x14ac:dyDescent="0.35">
      <c r="A9391" t="s">
        <v>20</v>
      </c>
      <c r="B9391" t="s">
        <v>59</v>
      </c>
      <c r="C9391" t="s">
        <v>117</v>
      </c>
      <c r="D9391" t="s">
        <v>118</v>
      </c>
      <c r="E9391">
        <v>2015</v>
      </c>
      <c r="F9391">
        <v>2015</v>
      </c>
      <c r="G9391" t="s">
        <v>125</v>
      </c>
      <c r="H9391" t="s">
        <v>124</v>
      </c>
      <c r="I9391" t="s">
        <v>15</v>
      </c>
      <c r="J9391" s="10">
        <v>1.313107861</v>
      </c>
    </row>
    <row r="9392" spans="1:10" x14ac:dyDescent="0.35">
      <c r="A9392" t="s">
        <v>20</v>
      </c>
      <c r="B9392" t="s">
        <v>59</v>
      </c>
      <c r="C9392" t="s">
        <v>117</v>
      </c>
      <c r="D9392" t="s">
        <v>118</v>
      </c>
      <c r="E9392">
        <v>2015</v>
      </c>
      <c r="F9392">
        <v>2015</v>
      </c>
      <c r="G9392" t="s">
        <v>126</v>
      </c>
      <c r="H9392" t="s">
        <v>119</v>
      </c>
      <c r="I9392" t="s">
        <v>15</v>
      </c>
      <c r="J9392" s="10">
        <v>16.85613966</v>
      </c>
    </row>
    <row r="9393" spans="1:10" x14ac:dyDescent="0.35">
      <c r="A9393" t="s">
        <v>20</v>
      </c>
      <c r="B9393" t="s">
        <v>59</v>
      </c>
      <c r="C9393" t="s">
        <v>117</v>
      </c>
      <c r="D9393" t="s">
        <v>118</v>
      </c>
      <c r="E9393">
        <v>2015</v>
      </c>
      <c r="F9393">
        <v>2015</v>
      </c>
      <c r="G9393" t="s">
        <v>126</v>
      </c>
      <c r="H9393" t="s">
        <v>120</v>
      </c>
      <c r="I9393" t="s">
        <v>15</v>
      </c>
      <c r="J9393" s="10">
        <v>9.7281901439999992</v>
      </c>
    </row>
    <row r="9394" spans="1:10" x14ac:dyDescent="0.35">
      <c r="A9394" t="s">
        <v>20</v>
      </c>
      <c r="B9394" t="s">
        <v>59</v>
      </c>
      <c r="C9394" t="s">
        <v>117</v>
      </c>
      <c r="D9394" t="s">
        <v>118</v>
      </c>
      <c r="E9394">
        <v>2015</v>
      </c>
      <c r="F9394">
        <v>2015</v>
      </c>
      <c r="G9394" t="s">
        <v>126</v>
      </c>
      <c r="H9394" t="s">
        <v>121</v>
      </c>
      <c r="I9394" t="s">
        <v>15</v>
      </c>
      <c r="J9394" s="10">
        <v>33.363616270000001</v>
      </c>
    </row>
    <row r="9395" spans="1:10" x14ac:dyDescent="0.35">
      <c r="A9395" t="s">
        <v>20</v>
      </c>
      <c r="B9395" t="s">
        <v>59</v>
      </c>
      <c r="C9395" t="s">
        <v>117</v>
      </c>
      <c r="D9395" t="s">
        <v>118</v>
      </c>
      <c r="E9395">
        <v>2015</v>
      </c>
      <c r="F9395">
        <v>2015</v>
      </c>
      <c r="G9395" t="s">
        <v>126</v>
      </c>
      <c r="H9395" t="s">
        <v>122</v>
      </c>
      <c r="I9395" t="s">
        <v>15</v>
      </c>
      <c r="J9395" s="10">
        <v>20.622682739999998</v>
      </c>
    </row>
    <row r="9396" spans="1:10" x14ac:dyDescent="0.35">
      <c r="A9396" t="s">
        <v>20</v>
      </c>
      <c r="B9396" t="s">
        <v>59</v>
      </c>
      <c r="C9396" t="s">
        <v>117</v>
      </c>
      <c r="D9396" t="s">
        <v>118</v>
      </c>
      <c r="E9396">
        <v>2015</v>
      </c>
      <c r="F9396">
        <v>2015</v>
      </c>
      <c r="G9396" t="s">
        <v>126</v>
      </c>
      <c r="H9396" t="s">
        <v>123</v>
      </c>
      <c r="I9396" t="s">
        <v>15</v>
      </c>
      <c r="J9396" s="10">
        <v>17.10167702</v>
      </c>
    </row>
    <row r="9397" spans="1:10" x14ac:dyDescent="0.35">
      <c r="A9397" t="s">
        <v>20</v>
      </c>
      <c r="B9397" t="s">
        <v>59</v>
      </c>
      <c r="C9397" t="s">
        <v>117</v>
      </c>
      <c r="D9397" t="s">
        <v>118</v>
      </c>
      <c r="E9397">
        <v>2015</v>
      </c>
      <c r="F9397">
        <v>2015</v>
      </c>
      <c r="G9397" t="s">
        <v>126</v>
      </c>
      <c r="H9397" t="s">
        <v>124</v>
      </c>
      <c r="I9397" t="s">
        <v>15</v>
      </c>
      <c r="J9397" s="10">
        <v>2.327694159</v>
      </c>
    </row>
    <row r="9398" spans="1:10" x14ac:dyDescent="0.35">
      <c r="A9398" t="s">
        <v>20</v>
      </c>
      <c r="B9398" t="s">
        <v>59</v>
      </c>
      <c r="C9398" t="s">
        <v>117</v>
      </c>
      <c r="D9398" t="s">
        <v>118</v>
      </c>
      <c r="E9398">
        <v>2014</v>
      </c>
      <c r="F9398">
        <v>2014</v>
      </c>
      <c r="G9398" t="s">
        <v>14</v>
      </c>
      <c r="H9398" t="s">
        <v>119</v>
      </c>
      <c r="I9398" t="s">
        <v>15</v>
      </c>
      <c r="J9398" s="10">
        <v>17.6358304</v>
      </c>
    </row>
    <row r="9399" spans="1:10" x14ac:dyDescent="0.35">
      <c r="A9399" t="s">
        <v>20</v>
      </c>
      <c r="B9399" t="s">
        <v>59</v>
      </c>
      <c r="C9399" t="s">
        <v>117</v>
      </c>
      <c r="D9399" t="s">
        <v>118</v>
      </c>
      <c r="E9399">
        <v>2014</v>
      </c>
      <c r="F9399">
        <v>2014</v>
      </c>
      <c r="G9399" t="s">
        <v>14</v>
      </c>
      <c r="H9399" t="s">
        <v>120</v>
      </c>
      <c r="I9399" t="s">
        <v>15</v>
      </c>
      <c r="J9399" s="10">
        <v>10.59211691</v>
      </c>
    </row>
    <row r="9400" spans="1:10" x14ac:dyDescent="0.35">
      <c r="A9400" t="s">
        <v>20</v>
      </c>
      <c r="B9400" t="s">
        <v>59</v>
      </c>
      <c r="C9400" t="s">
        <v>117</v>
      </c>
      <c r="D9400" t="s">
        <v>118</v>
      </c>
      <c r="E9400">
        <v>2014</v>
      </c>
      <c r="F9400">
        <v>2014</v>
      </c>
      <c r="G9400" t="s">
        <v>14</v>
      </c>
      <c r="H9400" t="s">
        <v>121</v>
      </c>
      <c r="I9400" t="s">
        <v>15</v>
      </c>
      <c r="J9400" s="10">
        <v>33.356508990000002</v>
      </c>
    </row>
    <row r="9401" spans="1:10" x14ac:dyDescent="0.35">
      <c r="A9401" t="s">
        <v>20</v>
      </c>
      <c r="B9401" t="s">
        <v>59</v>
      </c>
      <c r="C9401" t="s">
        <v>117</v>
      </c>
      <c r="D9401" t="s">
        <v>118</v>
      </c>
      <c r="E9401">
        <v>2014</v>
      </c>
      <c r="F9401">
        <v>2014</v>
      </c>
      <c r="G9401" t="s">
        <v>14</v>
      </c>
      <c r="H9401" t="s">
        <v>122</v>
      </c>
      <c r="I9401" t="s">
        <v>15</v>
      </c>
      <c r="J9401" s="10">
        <v>20.568604149999999</v>
      </c>
    </row>
    <row r="9402" spans="1:10" x14ac:dyDescent="0.35">
      <c r="A9402" t="s">
        <v>20</v>
      </c>
      <c r="B9402" t="s">
        <v>59</v>
      </c>
      <c r="C9402" t="s">
        <v>117</v>
      </c>
      <c r="D9402" t="s">
        <v>118</v>
      </c>
      <c r="E9402">
        <v>2014</v>
      </c>
      <c r="F9402">
        <v>2014</v>
      </c>
      <c r="G9402" t="s">
        <v>14</v>
      </c>
      <c r="H9402" t="s">
        <v>123</v>
      </c>
      <c r="I9402" t="s">
        <v>15</v>
      </c>
      <c r="J9402" s="10">
        <v>16.016484210000002</v>
      </c>
    </row>
    <row r="9403" spans="1:10" x14ac:dyDescent="0.35">
      <c r="A9403" t="s">
        <v>20</v>
      </c>
      <c r="B9403" t="s">
        <v>59</v>
      </c>
      <c r="C9403" t="s">
        <v>117</v>
      </c>
      <c r="D9403" t="s">
        <v>118</v>
      </c>
      <c r="E9403">
        <v>2014</v>
      </c>
      <c r="F9403">
        <v>2014</v>
      </c>
      <c r="G9403" t="s">
        <v>14</v>
      </c>
      <c r="H9403" t="s">
        <v>124</v>
      </c>
      <c r="I9403" t="s">
        <v>15</v>
      </c>
      <c r="J9403" s="10">
        <v>1.8304553379999999</v>
      </c>
    </row>
    <row r="9404" spans="1:10" x14ac:dyDescent="0.35">
      <c r="A9404" t="s">
        <v>20</v>
      </c>
      <c r="B9404" t="s">
        <v>59</v>
      </c>
      <c r="C9404" t="s">
        <v>117</v>
      </c>
      <c r="D9404" t="s">
        <v>118</v>
      </c>
      <c r="E9404">
        <v>2014</v>
      </c>
      <c r="F9404">
        <v>2014</v>
      </c>
      <c r="G9404" t="s">
        <v>125</v>
      </c>
      <c r="H9404" t="s">
        <v>119</v>
      </c>
      <c r="I9404" t="s">
        <v>15</v>
      </c>
      <c r="J9404" s="10">
        <v>18.387615390000001</v>
      </c>
    </row>
    <row r="9405" spans="1:10" x14ac:dyDescent="0.35">
      <c r="A9405" t="s">
        <v>20</v>
      </c>
      <c r="B9405" t="s">
        <v>59</v>
      </c>
      <c r="C9405" t="s">
        <v>117</v>
      </c>
      <c r="D9405" t="s">
        <v>118</v>
      </c>
      <c r="E9405">
        <v>2014</v>
      </c>
      <c r="F9405">
        <v>2014</v>
      </c>
      <c r="G9405" t="s">
        <v>125</v>
      </c>
      <c r="H9405" t="s">
        <v>120</v>
      </c>
      <c r="I9405" t="s">
        <v>15</v>
      </c>
      <c r="J9405" s="10">
        <v>11.48999066</v>
      </c>
    </row>
    <row r="9406" spans="1:10" x14ac:dyDescent="0.35">
      <c r="A9406" t="s">
        <v>20</v>
      </c>
      <c r="B9406" t="s">
        <v>59</v>
      </c>
      <c r="C9406" t="s">
        <v>117</v>
      </c>
      <c r="D9406" t="s">
        <v>118</v>
      </c>
      <c r="E9406">
        <v>2014</v>
      </c>
      <c r="F9406">
        <v>2014</v>
      </c>
      <c r="G9406" t="s">
        <v>125</v>
      </c>
      <c r="H9406" t="s">
        <v>121</v>
      </c>
      <c r="I9406" t="s">
        <v>15</v>
      </c>
      <c r="J9406" s="10">
        <v>33.041178299999999</v>
      </c>
    </row>
    <row r="9407" spans="1:10" x14ac:dyDescent="0.35">
      <c r="A9407" t="s">
        <v>20</v>
      </c>
      <c r="B9407" t="s">
        <v>59</v>
      </c>
      <c r="C9407" t="s">
        <v>117</v>
      </c>
      <c r="D9407" t="s">
        <v>118</v>
      </c>
      <c r="E9407">
        <v>2014</v>
      </c>
      <c r="F9407">
        <v>2014</v>
      </c>
      <c r="G9407" t="s">
        <v>125</v>
      </c>
      <c r="H9407" t="s">
        <v>122</v>
      </c>
      <c r="I9407" t="s">
        <v>15</v>
      </c>
      <c r="J9407" s="10">
        <v>20.648791620000001</v>
      </c>
    </row>
    <row r="9408" spans="1:10" x14ac:dyDescent="0.35">
      <c r="A9408" t="s">
        <v>20</v>
      </c>
      <c r="B9408" t="s">
        <v>59</v>
      </c>
      <c r="C9408" t="s">
        <v>117</v>
      </c>
      <c r="D9408" t="s">
        <v>118</v>
      </c>
      <c r="E9408">
        <v>2014</v>
      </c>
      <c r="F9408">
        <v>2014</v>
      </c>
      <c r="G9408" t="s">
        <v>125</v>
      </c>
      <c r="H9408" t="s">
        <v>123</v>
      </c>
      <c r="I9408" t="s">
        <v>15</v>
      </c>
      <c r="J9408" s="10">
        <v>15.138471109999999</v>
      </c>
    </row>
    <row r="9409" spans="1:10" x14ac:dyDescent="0.35">
      <c r="A9409" t="s">
        <v>20</v>
      </c>
      <c r="B9409" t="s">
        <v>59</v>
      </c>
      <c r="C9409" t="s">
        <v>117</v>
      </c>
      <c r="D9409" t="s">
        <v>118</v>
      </c>
      <c r="E9409">
        <v>2014</v>
      </c>
      <c r="F9409">
        <v>2014</v>
      </c>
      <c r="G9409" t="s">
        <v>125</v>
      </c>
      <c r="H9409" t="s">
        <v>124</v>
      </c>
      <c r="I9409" t="s">
        <v>15</v>
      </c>
      <c r="J9409" s="10">
        <v>1.2939529089999999</v>
      </c>
    </row>
    <row r="9410" spans="1:10" x14ac:dyDescent="0.35">
      <c r="A9410" t="s">
        <v>20</v>
      </c>
      <c r="B9410" t="s">
        <v>59</v>
      </c>
      <c r="C9410" t="s">
        <v>117</v>
      </c>
      <c r="D9410" t="s">
        <v>118</v>
      </c>
      <c r="E9410">
        <v>2014</v>
      </c>
      <c r="F9410">
        <v>2014</v>
      </c>
      <c r="G9410" t="s">
        <v>126</v>
      </c>
      <c r="H9410" t="s">
        <v>119</v>
      </c>
      <c r="I9410" t="s">
        <v>15</v>
      </c>
      <c r="J9410" s="10">
        <v>16.920724190000001</v>
      </c>
    </row>
    <row r="9411" spans="1:10" x14ac:dyDescent="0.35">
      <c r="A9411" t="s">
        <v>20</v>
      </c>
      <c r="B9411" t="s">
        <v>59</v>
      </c>
      <c r="C9411" t="s">
        <v>117</v>
      </c>
      <c r="D9411" t="s">
        <v>118</v>
      </c>
      <c r="E9411">
        <v>2014</v>
      </c>
      <c r="F9411">
        <v>2014</v>
      </c>
      <c r="G9411" t="s">
        <v>126</v>
      </c>
      <c r="H9411" t="s">
        <v>120</v>
      </c>
      <c r="I9411" t="s">
        <v>15</v>
      </c>
      <c r="J9411" s="10">
        <v>9.7380494300000002</v>
      </c>
    </row>
    <row r="9412" spans="1:10" x14ac:dyDescent="0.35">
      <c r="A9412" t="s">
        <v>20</v>
      </c>
      <c r="B9412" t="s">
        <v>59</v>
      </c>
      <c r="C9412" t="s">
        <v>117</v>
      </c>
      <c r="D9412" t="s">
        <v>118</v>
      </c>
      <c r="E9412">
        <v>2014</v>
      </c>
      <c r="F9412">
        <v>2014</v>
      </c>
      <c r="G9412" t="s">
        <v>126</v>
      </c>
      <c r="H9412" t="s">
        <v>121</v>
      </c>
      <c r="I9412" t="s">
        <v>15</v>
      </c>
      <c r="J9412" s="10">
        <v>33.656455029999996</v>
      </c>
    </row>
    <row r="9413" spans="1:10" x14ac:dyDescent="0.35">
      <c r="A9413" t="s">
        <v>20</v>
      </c>
      <c r="B9413" t="s">
        <v>59</v>
      </c>
      <c r="C9413" t="s">
        <v>117</v>
      </c>
      <c r="D9413" t="s">
        <v>118</v>
      </c>
      <c r="E9413">
        <v>2014</v>
      </c>
      <c r="F9413">
        <v>2014</v>
      </c>
      <c r="G9413" t="s">
        <v>126</v>
      </c>
      <c r="H9413" t="s">
        <v>122</v>
      </c>
      <c r="I9413" t="s">
        <v>15</v>
      </c>
      <c r="J9413" s="10">
        <v>20.49232894</v>
      </c>
    </row>
    <row r="9414" spans="1:10" x14ac:dyDescent="0.35">
      <c r="A9414" t="s">
        <v>20</v>
      </c>
      <c r="B9414" t="s">
        <v>59</v>
      </c>
      <c r="C9414" t="s">
        <v>117</v>
      </c>
      <c r="D9414" t="s">
        <v>118</v>
      </c>
      <c r="E9414">
        <v>2014</v>
      </c>
      <c r="F9414">
        <v>2014</v>
      </c>
      <c r="G9414" t="s">
        <v>126</v>
      </c>
      <c r="H9414" t="s">
        <v>123</v>
      </c>
      <c r="I9414" t="s">
        <v>15</v>
      </c>
      <c r="J9414" s="10">
        <v>16.85166001</v>
      </c>
    </row>
    <row r="9415" spans="1:10" x14ac:dyDescent="0.35">
      <c r="A9415" t="s">
        <v>20</v>
      </c>
      <c r="B9415" t="s">
        <v>59</v>
      </c>
      <c r="C9415" t="s">
        <v>117</v>
      </c>
      <c r="D9415" t="s">
        <v>118</v>
      </c>
      <c r="E9415">
        <v>2014</v>
      </c>
      <c r="F9415">
        <v>2014</v>
      </c>
      <c r="G9415" t="s">
        <v>126</v>
      </c>
      <c r="H9415" t="s">
        <v>124</v>
      </c>
      <c r="I9415" t="s">
        <v>15</v>
      </c>
      <c r="J9415" s="10">
        <v>2.3407823990000001</v>
      </c>
    </row>
    <row r="9416" spans="1:10" x14ac:dyDescent="0.35">
      <c r="A9416" t="s">
        <v>20</v>
      </c>
      <c r="B9416" t="s">
        <v>59</v>
      </c>
      <c r="C9416" t="s">
        <v>117</v>
      </c>
      <c r="D9416" t="s">
        <v>118</v>
      </c>
      <c r="E9416">
        <v>2013</v>
      </c>
      <c r="F9416">
        <v>2013</v>
      </c>
      <c r="G9416" t="s">
        <v>14</v>
      </c>
      <c r="H9416" t="s">
        <v>119</v>
      </c>
      <c r="I9416" t="s">
        <v>15</v>
      </c>
      <c r="J9416" s="10">
        <v>17.623719699999999</v>
      </c>
    </row>
    <row r="9417" spans="1:10" x14ac:dyDescent="0.35">
      <c r="A9417" t="s">
        <v>20</v>
      </c>
      <c r="B9417" t="s">
        <v>59</v>
      </c>
      <c r="C9417" t="s">
        <v>117</v>
      </c>
      <c r="D9417" t="s">
        <v>118</v>
      </c>
      <c r="E9417">
        <v>2013</v>
      </c>
      <c r="F9417">
        <v>2013</v>
      </c>
      <c r="G9417" t="s">
        <v>14</v>
      </c>
      <c r="H9417" t="s">
        <v>120</v>
      </c>
      <c r="I9417" t="s">
        <v>15</v>
      </c>
      <c r="J9417" s="10">
        <v>10.58842917</v>
      </c>
    </row>
    <row r="9418" spans="1:10" x14ac:dyDescent="0.35">
      <c r="A9418" t="s">
        <v>20</v>
      </c>
      <c r="B9418" t="s">
        <v>59</v>
      </c>
      <c r="C9418" t="s">
        <v>117</v>
      </c>
      <c r="D9418" t="s">
        <v>118</v>
      </c>
      <c r="E9418">
        <v>2013</v>
      </c>
      <c r="F9418">
        <v>2013</v>
      </c>
      <c r="G9418" t="s">
        <v>14</v>
      </c>
      <c r="H9418" t="s">
        <v>121</v>
      </c>
      <c r="I9418" t="s">
        <v>15</v>
      </c>
      <c r="J9418" s="10">
        <v>33.921508969999998</v>
      </c>
    </row>
    <row r="9419" spans="1:10" x14ac:dyDescent="0.35">
      <c r="A9419" t="s">
        <v>20</v>
      </c>
      <c r="B9419" t="s">
        <v>59</v>
      </c>
      <c r="C9419" t="s">
        <v>117</v>
      </c>
      <c r="D9419" t="s">
        <v>118</v>
      </c>
      <c r="E9419">
        <v>2013</v>
      </c>
      <c r="F9419">
        <v>2013</v>
      </c>
      <c r="G9419" t="s">
        <v>14</v>
      </c>
      <c r="H9419" t="s">
        <v>122</v>
      </c>
      <c r="I9419" t="s">
        <v>15</v>
      </c>
      <c r="J9419" s="10">
        <v>20.454314979999999</v>
      </c>
    </row>
    <row r="9420" spans="1:10" x14ac:dyDescent="0.35">
      <c r="A9420" t="s">
        <v>20</v>
      </c>
      <c r="B9420" t="s">
        <v>59</v>
      </c>
      <c r="C9420" t="s">
        <v>117</v>
      </c>
      <c r="D9420" t="s">
        <v>118</v>
      </c>
      <c r="E9420">
        <v>2013</v>
      </c>
      <c r="F9420">
        <v>2013</v>
      </c>
      <c r="G9420" t="s">
        <v>14</v>
      </c>
      <c r="H9420" t="s">
        <v>123</v>
      </c>
      <c r="I9420" t="s">
        <v>15</v>
      </c>
      <c r="J9420" s="10">
        <v>15.594260220000001</v>
      </c>
    </row>
    <row r="9421" spans="1:10" x14ac:dyDescent="0.35">
      <c r="A9421" t="s">
        <v>20</v>
      </c>
      <c r="B9421" t="s">
        <v>59</v>
      </c>
      <c r="C9421" t="s">
        <v>117</v>
      </c>
      <c r="D9421" t="s">
        <v>118</v>
      </c>
      <c r="E9421">
        <v>2013</v>
      </c>
      <c r="F9421">
        <v>2013</v>
      </c>
      <c r="G9421" t="s">
        <v>14</v>
      </c>
      <c r="H9421" t="s">
        <v>124</v>
      </c>
      <c r="I9421" t="s">
        <v>15</v>
      </c>
      <c r="J9421" s="10">
        <v>1.817766961</v>
      </c>
    </row>
    <row r="9422" spans="1:10" x14ac:dyDescent="0.35">
      <c r="A9422" t="s">
        <v>20</v>
      </c>
      <c r="B9422" t="s">
        <v>59</v>
      </c>
      <c r="C9422" t="s">
        <v>117</v>
      </c>
      <c r="D9422" t="s">
        <v>118</v>
      </c>
      <c r="E9422">
        <v>2013</v>
      </c>
      <c r="F9422">
        <v>2013</v>
      </c>
      <c r="G9422" t="s">
        <v>125</v>
      </c>
      <c r="H9422" t="s">
        <v>119</v>
      </c>
      <c r="I9422" t="s">
        <v>15</v>
      </c>
      <c r="J9422" s="10">
        <v>18.387273149999999</v>
      </c>
    </row>
    <row r="9423" spans="1:10" x14ac:dyDescent="0.35">
      <c r="A9423" t="s">
        <v>20</v>
      </c>
      <c r="B9423" t="s">
        <v>59</v>
      </c>
      <c r="C9423" t="s">
        <v>117</v>
      </c>
      <c r="D9423" t="s">
        <v>118</v>
      </c>
      <c r="E9423">
        <v>2013</v>
      </c>
      <c r="F9423">
        <v>2013</v>
      </c>
      <c r="G9423" t="s">
        <v>125</v>
      </c>
      <c r="H9423" t="s">
        <v>120</v>
      </c>
      <c r="I9423" t="s">
        <v>15</v>
      </c>
      <c r="J9423" s="10">
        <v>11.38854896</v>
      </c>
    </row>
    <row r="9424" spans="1:10" x14ac:dyDescent="0.35">
      <c r="A9424" t="s">
        <v>20</v>
      </c>
      <c r="B9424" t="s">
        <v>59</v>
      </c>
      <c r="C9424" t="s">
        <v>117</v>
      </c>
      <c r="D9424" t="s">
        <v>118</v>
      </c>
      <c r="E9424">
        <v>2013</v>
      </c>
      <c r="F9424">
        <v>2013</v>
      </c>
      <c r="G9424" t="s">
        <v>125</v>
      </c>
      <c r="H9424" t="s">
        <v>121</v>
      </c>
      <c r="I9424" t="s">
        <v>15</v>
      </c>
      <c r="J9424" s="10">
        <v>33.728226630000002</v>
      </c>
    </row>
    <row r="9425" spans="1:10" x14ac:dyDescent="0.35">
      <c r="A9425" t="s">
        <v>20</v>
      </c>
      <c r="B9425" t="s">
        <v>59</v>
      </c>
      <c r="C9425" t="s">
        <v>117</v>
      </c>
      <c r="D9425" t="s">
        <v>118</v>
      </c>
      <c r="E9425">
        <v>2013</v>
      </c>
      <c r="F9425">
        <v>2013</v>
      </c>
      <c r="G9425" t="s">
        <v>125</v>
      </c>
      <c r="H9425" t="s">
        <v>122</v>
      </c>
      <c r="I9425" t="s">
        <v>15</v>
      </c>
      <c r="J9425" s="10">
        <v>20.550941229999999</v>
      </c>
    </row>
    <row r="9426" spans="1:10" x14ac:dyDescent="0.35">
      <c r="A9426" t="s">
        <v>20</v>
      </c>
      <c r="B9426" t="s">
        <v>59</v>
      </c>
      <c r="C9426" t="s">
        <v>117</v>
      </c>
      <c r="D9426" t="s">
        <v>118</v>
      </c>
      <c r="E9426">
        <v>2013</v>
      </c>
      <c r="F9426">
        <v>2013</v>
      </c>
      <c r="G9426" t="s">
        <v>125</v>
      </c>
      <c r="H9426" t="s">
        <v>123</v>
      </c>
      <c r="I9426" t="s">
        <v>15</v>
      </c>
      <c r="J9426" s="10">
        <v>14.697841540000001</v>
      </c>
    </row>
    <row r="9427" spans="1:10" x14ac:dyDescent="0.35">
      <c r="A9427" t="s">
        <v>20</v>
      </c>
      <c r="B9427" t="s">
        <v>59</v>
      </c>
      <c r="C9427" t="s">
        <v>117</v>
      </c>
      <c r="D9427" t="s">
        <v>118</v>
      </c>
      <c r="E9427">
        <v>2013</v>
      </c>
      <c r="F9427">
        <v>2013</v>
      </c>
      <c r="G9427" t="s">
        <v>125</v>
      </c>
      <c r="H9427" t="s">
        <v>124</v>
      </c>
      <c r="I9427" t="s">
        <v>15</v>
      </c>
      <c r="J9427" s="10">
        <v>1.247168485</v>
      </c>
    </row>
    <row r="9428" spans="1:10" x14ac:dyDescent="0.35">
      <c r="A9428" t="s">
        <v>20</v>
      </c>
      <c r="B9428" t="s">
        <v>59</v>
      </c>
      <c r="C9428" t="s">
        <v>117</v>
      </c>
      <c r="D9428" t="s">
        <v>118</v>
      </c>
      <c r="E9428">
        <v>2013</v>
      </c>
      <c r="F9428">
        <v>2013</v>
      </c>
      <c r="G9428" t="s">
        <v>126</v>
      </c>
      <c r="H9428" t="s">
        <v>119</v>
      </c>
      <c r="I9428" t="s">
        <v>15</v>
      </c>
      <c r="J9428" s="10">
        <v>16.89928608</v>
      </c>
    </row>
    <row r="9429" spans="1:10" x14ac:dyDescent="0.35">
      <c r="A9429" t="s">
        <v>20</v>
      </c>
      <c r="B9429" t="s">
        <v>59</v>
      </c>
      <c r="C9429" t="s">
        <v>117</v>
      </c>
      <c r="D9429" t="s">
        <v>118</v>
      </c>
      <c r="E9429">
        <v>2013</v>
      </c>
      <c r="F9429">
        <v>2013</v>
      </c>
      <c r="G9429" t="s">
        <v>126</v>
      </c>
      <c r="H9429" t="s">
        <v>120</v>
      </c>
      <c r="I9429" t="s">
        <v>15</v>
      </c>
      <c r="J9429" s="10">
        <v>9.8293026359999995</v>
      </c>
    </row>
    <row r="9430" spans="1:10" x14ac:dyDescent="0.35">
      <c r="A9430" t="s">
        <v>20</v>
      </c>
      <c r="B9430" t="s">
        <v>59</v>
      </c>
      <c r="C9430" t="s">
        <v>117</v>
      </c>
      <c r="D9430" t="s">
        <v>118</v>
      </c>
      <c r="E9430">
        <v>2013</v>
      </c>
      <c r="F9430">
        <v>2013</v>
      </c>
      <c r="G9430" t="s">
        <v>126</v>
      </c>
      <c r="H9430" t="s">
        <v>121</v>
      </c>
      <c r="I9430" t="s">
        <v>15</v>
      </c>
      <c r="J9430" s="10">
        <v>34.104888709999997</v>
      </c>
    </row>
    <row r="9431" spans="1:10" x14ac:dyDescent="0.35">
      <c r="A9431" t="s">
        <v>20</v>
      </c>
      <c r="B9431" t="s">
        <v>59</v>
      </c>
      <c r="C9431" t="s">
        <v>117</v>
      </c>
      <c r="D9431" t="s">
        <v>118</v>
      </c>
      <c r="E9431">
        <v>2013</v>
      </c>
      <c r="F9431">
        <v>2013</v>
      </c>
      <c r="G9431" t="s">
        <v>126</v>
      </c>
      <c r="H9431" t="s">
        <v>122</v>
      </c>
      <c r="I9431" t="s">
        <v>15</v>
      </c>
      <c r="J9431" s="10">
        <v>20.362639260000002</v>
      </c>
    </row>
    <row r="9432" spans="1:10" x14ac:dyDescent="0.35">
      <c r="A9432" t="s">
        <v>20</v>
      </c>
      <c r="B9432" t="s">
        <v>59</v>
      </c>
      <c r="C9432" t="s">
        <v>117</v>
      </c>
      <c r="D9432" t="s">
        <v>118</v>
      </c>
      <c r="E9432">
        <v>2013</v>
      </c>
      <c r="F9432">
        <v>2013</v>
      </c>
      <c r="G9432" t="s">
        <v>126</v>
      </c>
      <c r="H9432" t="s">
        <v>123</v>
      </c>
      <c r="I9432" t="s">
        <v>15</v>
      </c>
      <c r="J9432" s="10">
        <v>16.44475186</v>
      </c>
    </row>
    <row r="9433" spans="1:10" x14ac:dyDescent="0.35">
      <c r="A9433" t="s">
        <v>20</v>
      </c>
      <c r="B9433" t="s">
        <v>59</v>
      </c>
      <c r="C9433" t="s">
        <v>117</v>
      </c>
      <c r="D9433" t="s">
        <v>118</v>
      </c>
      <c r="E9433">
        <v>2013</v>
      </c>
      <c r="F9433">
        <v>2013</v>
      </c>
      <c r="G9433" t="s">
        <v>126</v>
      </c>
      <c r="H9433" t="s">
        <v>124</v>
      </c>
      <c r="I9433" t="s">
        <v>15</v>
      </c>
      <c r="J9433" s="10">
        <v>2.359131444</v>
      </c>
    </row>
    <row r="9434" spans="1:10" x14ac:dyDescent="0.35">
      <c r="A9434" t="s">
        <v>20</v>
      </c>
      <c r="B9434" t="s">
        <v>59</v>
      </c>
      <c r="C9434" t="s">
        <v>117</v>
      </c>
      <c r="D9434" t="s">
        <v>118</v>
      </c>
      <c r="E9434">
        <v>2012</v>
      </c>
      <c r="F9434">
        <v>2012</v>
      </c>
      <c r="G9434" t="s">
        <v>14</v>
      </c>
      <c r="H9434" t="s">
        <v>119</v>
      </c>
      <c r="I9434" t="s">
        <v>15</v>
      </c>
      <c r="J9434" s="10">
        <v>17.811112659999999</v>
      </c>
    </row>
    <row r="9435" spans="1:10" x14ac:dyDescent="0.35">
      <c r="A9435" t="s">
        <v>20</v>
      </c>
      <c r="B9435" t="s">
        <v>59</v>
      </c>
      <c r="C9435" t="s">
        <v>117</v>
      </c>
      <c r="D9435" t="s">
        <v>118</v>
      </c>
      <c r="E9435">
        <v>2012</v>
      </c>
      <c r="F9435">
        <v>2012</v>
      </c>
      <c r="G9435" t="s">
        <v>14</v>
      </c>
      <c r="H9435" t="s">
        <v>120</v>
      </c>
      <c r="I9435" t="s">
        <v>15</v>
      </c>
      <c r="J9435" s="10">
        <v>10.724359059999999</v>
      </c>
    </row>
    <row r="9436" spans="1:10" x14ac:dyDescent="0.35">
      <c r="A9436" t="s">
        <v>20</v>
      </c>
      <c r="B9436" t="s">
        <v>59</v>
      </c>
      <c r="C9436" t="s">
        <v>117</v>
      </c>
      <c r="D9436" t="s">
        <v>118</v>
      </c>
      <c r="E9436">
        <v>2012</v>
      </c>
      <c r="F9436">
        <v>2012</v>
      </c>
      <c r="G9436" t="s">
        <v>14</v>
      </c>
      <c r="H9436" t="s">
        <v>121</v>
      </c>
      <c r="I9436" t="s">
        <v>15</v>
      </c>
      <c r="J9436" s="10">
        <v>34.248637160000001</v>
      </c>
    </row>
    <row r="9437" spans="1:10" x14ac:dyDescent="0.35">
      <c r="A9437" t="s">
        <v>20</v>
      </c>
      <c r="B9437" t="s">
        <v>59</v>
      </c>
      <c r="C9437" t="s">
        <v>117</v>
      </c>
      <c r="D9437" t="s">
        <v>118</v>
      </c>
      <c r="E9437">
        <v>2012</v>
      </c>
      <c r="F9437">
        <v>2012</v>
      </c>
      <c r="G9437" t="s">
        <v>14</v>
      </c>
      <c r="H9437" t="s">
        <v>122</v>
      </c>
      <c r="I9437" t="s">
        <v>15</v>
      </c>
      <c r="J9437" s="10">
        <v>20.238290979999999</v>
      </c>
    </row>
    <row r="9438" spans="1:10" x14ac:dyDescent="0.35">
      <c r="A9438" t="s">
        <v>20</v>
      </c>
      <c r="B9438" t="s">
        <v>59</v>
      </c>
      <c r="C9438" t="s">
        <v>117</v>
      </c>
      <c r="D9438" t="s">
        <v>118</v>
      </c>
      <c r="E9438">
        <v>2012</v>
      </c>
      <c r="F9438">
        <v>2012</v>
      </c>
      <c r="G9438" t="s">
        <v>14</v>
      </c>
      <c r="H9438" t="s">
        <v>123</v>
      </c>
      <c r="I9438" t="s">
        <v>15</v>
      </c>
      <c r="J9438" s="10">
        <v>15.16765111</v>
      </c>
    </row>
    <row r="9439" spans="1:10" x14ac:dyDescent="0.35">
      <c r="A9439" t="s">
        <v>20</v>
      </c>
      <c r="B9439" t="s">
        <v>59</v>
      </c>
      <c r="C9439" t="s">
        <v>117</v>
      </c>
      <c r="D9439" t="s">
        <v>118</v>
      </c>
      <c r="E9439">
        <v>2012</v>
      </c>
      <c r="F9439">
        <v>2012</v>
      </c>
      <c r="G9439" t="s">
        <v>14</v>
      </c>
      <c r="H9439" t="s">
        <v>124</v>
      </c>
      <c r="I9439" t="s">
        <v>15</v>
      </c>
      <c r="J9439" s="10">
        <v>1.8099490279999999</v>
      </c>
    </row>
    <row r="9440" spans="1:10" x14ac:dyDescent="0.35">
      <c r="A9440" t="s">
        <v>20</v>
      </c>
      <c r="B9440" t="s">
        <v>59</v>
      </c>
      <c r="C9440" t="s">
        <v>117</v>
      </c>
      <c r="D9440" t="s">
        <v>118</v>
      </c>
      <c r="E9440">
        <v>2012</v>
      </c>
      <c r="F9440">
        <v>2012</v>
      </c>
      <c r="G9440" t="s">
        <v>125</v>
      </c>
      <c r="H9440" t="s">
        <v>119</v>
      </c>
      <c r="I9440" t="s">
        <v>15</v>
      </c>
      <c r="J9440" s="10">
        <v>18.554880270000002</v>
      </c>
    </row>
    <row r="9441" spans="1:10" x14ac:dyDescent="0.35">
      <c r="A9441" t="s">
        <v>20</v>
      </c>
      <c r="B9441" t="s">
        <v>59</v>
      </c>
      <c r="C9441" t="s">
        <v>117</v>
      </c>
      <c r="D9441" t="s">
        <v>118</v>
      </c>
      <c r="E9441">
        <v>2012</v>
      </c>
      <c r="F9441">
        <v>2012</v>
      </c>
      <c r="G9441" t="s">
        <v>125</v>
      </c>
      <c r="H9441" t="s">
        <v>120</v>
      </c>
      <c r="I9441" t="s">
        <v>15</v>
      </c>
      <c r="J9441" s="10">
        <v>11.53446574</v>
      </c>
    </row>
    <row r="9442" spans="1:10" x14ac:dyDescent="0.35">
      <c r="A9442" t="s">
        <v>20</v>
      </c>
      <c r="B9442" t="s">
        <v>59</v>
      </c>
      <c r="C9442" t="s">
        <v>117</v>
      </c>
      <c r="D9442" t="s">
        <v>118</v>
      </c>
      <c r="E9442">
        <v>2012</v>
      </c>
      <c r="F9442">
        <v>2012</v>
      </c>
      <c r="G9442" t="s">
        <v>125</v>
      </c>
      <c r="H9442" t="s">
        <v>121</v>
      </c>
      <c r="I9442" t="s">
        <v>15</v>
      </c>
      <c r="J9442" s="10">
        <v>34.09433276</v>
      </c>
    </row>
    <row r="9443" spans="1:10" x14ac:dyDescent="0.35">
      <c r="A9443" t="s">
        <v>20</v>
      </c>
      <c r="B9443" t="s">
        <v>59</v>
      </c>
      <c r="C9443" t="s">
        <v>117</v>
      </c>
      <c r="D9443" t="s">
        <v>118</v>
      </c>
      <c r="E9443">
        <v>2012</v>
      </c>
      <c r="F9443">
        <v>2012</v>
      </c>
      <c r="G9443" t="s">
        <v>125</v>
      </c>
      <c r="H9443" t="s">
        <v>122</v>
      </c>
      <c r="I9443" t="s">
        <v>15</v>
      </c>
      <c r="J9443" s="10">
        <v>20.287257799999999</v>
      </c>
    </row>
    <row r="9444" spans="1:10" x14ac:dyDescent="0.35">
      <c r="A9444" t="s">
        <v>20</v>
      </c>
      <c r="B9444" t="s">
        <v>59</v>
      </c>
      <c r="C9444" t="s">
        <v>117</v>
      </c>
      <c r="D9444" t="s">
        <v>118</v>
      </c>
      <c r="E9444">
        <v>2012</v>
      </c>
      <c r="F9444">
        <v>2012</v>
      </c>
      <c r="G9444" t="s">
        <v>125</v>
      </c>
      <c r="H9444" t="s">
        <v>123</v>
      </c>
      <c r="I9444" t="s">
        <v>15</v>
      </c>
      <c r="J9444" s="10">
        <v>14.25640226</v>
      </c>
    </row>
    <row r="9445" spans="1:10" x14ac:dyDescent="0.35">
      <c r="A9445" t="s">
        <v>20</v>
      </c>
      <c r="B9445" t="s">
        <v>59</v>
      </c>
      <c r="C9445" t="s">
        <v>117</v>
      </c>
      <c r="D9445" t="s">
        <v>118</v>
      </c>
      <c r="E9445">
        <v>2012</v>
      </c>
      <c r="F9445">
        <v>2012</v>
      </c>
      <c r="G9445" t="s">
        <v>125</v>
      </c>
      <c r="H9445" t="s">
        <v>124</v>
      </c>
      <c r="I9445" t="s">
        <v>15</v>
      </c>
      <c r="J9445" s="10">
        <v>1.27266116</v>
      </c>
    </row>
    <row r="9446" spans="1:10" x14ac:dyDescent="0.35">
      <c r="A9446" t="s">
        <v>20</v>
      </c>
      <c r="B9446" t="s">
        <v>59</v>
      </c>
      <c r="C9446" t="s">
        <v>117</v>
      </c>
      <c r="D9446" t="s">
        <v>118</v>
      </c>
      <c r="E9446">
        <v>2012</v>
      </c>
      <c r="F9446">
        <v>2012</v>
      </c>
      <c r="G9446" t="s">
        <v>126</v>
      </c>
      <c r="H9446" t="s">
        <v>119</v>
      </c>
      <c r="I9446" t="s">
        <v>15</v>
      </c>
      <c r="J9446" s="10">
        <v>17.105100960000001</v>
      </c>
    </row>
    <row r="9447" spans="1:10" x14ac:dyDescent="0.35">
      <c r="A9447" t="s">
        <v>20</v>
      </c>
      <c r="B9447" t="s">
        <v>59</v>
      </c>
      <c r="C9447" t="s">
        <v>117</v>
      </c>
      <c r="D9447" t="s">
        <v>118</v>
      </c>
      <c r="E9447">
        <v>2012</v>
      </c>
      <c r="F9447">
        <v>2012</v>
      </c>
      <c r="G9447" t="s">
        <v>126</v>
      </c>
      <c r="H9447" t="s">
        <v>120</v>
      </c>
      <c r="I9447" t="s">
        <v>15</v>
      </c>
      <c r="J9447" s="10">
        <v>9.9553758539999997</v>
      </c>
    </row>
    <row r="9448" spans="1:10" x14ac:dyDescent="0.35">
      <c r="A9448" t="s">
        <v>20</v>
      </c>
      <c r="B9448" t="s">
        <v>59</v>
      </c>
      <c r="C9448" t="s">
        <v>117</v>
      </c>
      <c r="D9448" t="s">
        <v>118</v>
      </c>
      <c r="E9448">
        <v>2012</v>
      </c>
      <c r="F9448">
        <v>2012</v>
      </c>
      <c r="G9448" t="s">
        <v>126</v>
      </c>
      <c r="H9448" t="s">
        <v>121</v>
      </c>
      <c r="I9448" t="s">
        <v>15</v>
      </c>
      <c r="J9448" s="10">
        <v>34.3951086</v>
      </c>
    </row>
    <row r="9449" spans="1:10" x14ac:dyDescent="0.35">
      <c r="A9449" t="s">
        <v>20</v>
      </c>
      <c r="B9449" t="s">
        <v>59</v>
      </c>
      <c r="C9449" t="s">
        <v>117</v>
      </c>
      <c r="D9449" t="s">
        <v>118</v>
      </c>
      <c r="E9449">
        <v>2012</v>
      </c>
      <c r="F9449">
        <v>2012</v>
      </c>
      <c r="G9449" t="s">
        <v>126</v>
      </c>
      <c r="H9449" t="s">
        <v>122</v>
      </c>
      <c r="I9449" t="s">
        <v>15</v>
      </c>
      <c r="J9449" s="10">
        <v>20.19180987</v>
      </c>
    </row>
    <row r="9450" spans="1:10" x14ac:dyDescent="0.35">
      <c r="A9450" t="s">
        <v>20</v>
      </c>
      <c r="B9450" t="s">
        <v>59</v>
      </c>
      <c r="C9450" t="s">
        <v>117</v>
      </c>
      <c r="D9450" t="s">
        <v>118</v>
      </c>
      <c r="E9450">
        <v>2012</v>
      </c>
      <c r="F9450">
        <v>2012</v>
      </c>
      <c r="G9450" t="s">
        <v>126</v>
      </c>
      <c r="H9450" t="s">
        <v>123</v>
      </c>
      <c r="I9450" t="s">
        <v>15</v>
      </c>
      <c r="J9450" s="10">
        <v>16.032642190000001</v>
      </c>
    </row>
    <row r="9451" spans="1:10" x14ac:dyDescent="0.35">
      <c r="A9451" t="s">
        <v>20</v>
      </c>
      <c r="B9451" t="s">
        <v>59</v>
      </c>
      <c r="C9451" t="s">
        <v>117</v>
      </c>
      <c r="D9451" t="s">
        <v>118</v>
      </c>
      <c r="E9451">
        <v>2012</v>
      </c>
      <c r="F9451">
        <v>2012</v>
      </c>
      <c r="G9451" t="s">
        <v>126</v>
      </c>
      <c r="H9451" t="s">
        <v>124</v>
      </c>
      <c r="I9451" t="s">
        <v>15</v>
      </c>
      <c r="J9451" s="10">
        <v>2.3199625259999999</v>
      </c>
    </row>
    <row r="9452" spans="1:10" x14ac:dyDescent="0.35">
      <c r="A9452" t="s">
        <v>20</v>
      </c>
      <c r="B9452" t="s">
        <v>59</v>
      </c>
      <c r="C9452" t="s">
        <v>117</v>
      </c>
      <c r="D9452" t="s">
        <v>118</v>
      </c>
      <c r="E9452">
        <v>2011</v>
      </c>
      <c r="F9452">
        <v>2011</v>
      </c>
      <c r="G9452" t="s">
        <v>14</v>
      </c>
      <c r="H9452" t="s">
        <v>119</v>
      </c>
      <c r="I9452" t="s">
        <v>15</v>
      </c>
      <c r="J9452" s="10">
        <v>17.893856240000002</v>
      </c>
    </row>
    <row r="9453" spans="1:10" x14ac:dyDescent="0.35">
      <c r="A9453" t="s">
        <v>20</v>
      </c>
      <c r="B9453" t="s">
        <v>59</v>
      </c>
      <c r="C9453" t="s">
        <v>117</v>
      </c>
      <c r="D9453" t="s">
        <v>118</v>
      </c>
      <c r="E9453">
        <v>2011</v>
      </c>
      <c r="F9453">
        <v>2011</v>
      </c>
      <c r="G9453" t="s">
        <v>14</v>
      </c>
      <c r="H9453" t="s">
        <v>120</v>
      </c>
      <c r="I9453" t="s">
        <v>15</v>
      </c>
      <c r="J9453" s="10">
        <v>10.903375459999999</v>
      </c>
    </row>
    <row r="9454" spans="1:10" x14ac:dyDescent="0.35">
      <c r="A9454" t="s">
        <v>20</v>
      </c>
      <c r="B9454" t="s">
        <v>59</v>
      </c>
      <c r="C9454" t="s">
        <v>117</v>
      </c>
      <c r="D9454" t="s">
        <v>118</v>
      </c>
      <c r="E9454">
        <v>2011</v>
      </c>
      <c r="F9454">
        <v>2011</v>
      </c>
      <c r="G9454" t="s">
        <v>14</v>
      </c>
      <c r="H9454" t="s">
        <v>121</v>
      </c>
      <c r="I9454" t="s">
        <v>15</v>
      </c>
      <c r="J9454" s="10">
        <v>34.66086979</v>
      </c>
    </row>
    <row r="9455" spans="1:10" x14ac:dyDescent="0.35">
      <c r="A9455" t="s">
        <v>20</v>
      </c>
      <c r="B9455" t="s">
        <v>59</v>
      </c>
      <c r="C9455" t="s">
        <v>117</v>
      </c>
      <c r="D9455" t="s">
        <v>118</v>
      </c>
      <c r="E9455">
        <v>2011</v>
      </c>
      <c r="F9455">
        <v>2011</v>
      </c>
      <c r="G9455" t="s">
        <v>14</v>
      </c>
      <c r="H9455" t="s">
        <v>122</v>
      </c>
      <c r="I9455" t="s">
        <v>15</v>
      </c>
      <c r="J9455" s="10">
        <v>20.208383510000001</v>
      </c>
    </row>
    <row r="9456" spans="1:10" x14ac:dyDescent="0.35">
      <c r="A9456" t="s">
        <v>20</v>
      </c>
      <c r="B9456" t="s">
        <v>59</v>
      </c>
      <c r="C9456" t="s">
        <v>117</v>
      </c>
      <c r="D9456" t="s">
        <v>118</v>
      </c>
      <c r="E9456">
        <v>2011</v>
      </c>
      <c r="F9456">
        <v>2011</v>
      </c>
      <c r="G9456" t="s">
        <v>14</v>
      </c>
      <c r="H9456" t="s">
        <v>123</v>
      </c>
      <c r="I9456" t="s">
        <v>15</v>
      </c>
      <c r="J9456" s="10">
        <v>14.5843104</v>
      </c>
    </row>
    <row r="9457" spans="1:10" x14ac:dyDescent="0.35">
      <c r="A9457" t="s">
        <v>20</v>
      </c>
      <c r="B9457" t="s">
        <v>59</v>
      </c>
      <c r="C9457" t="s">
        <v>117</v>
      </c>
      <c r="D9457" t="s">
        <v>118</v>
      </c>
      <c r="E9457">
        <v>2011</v>
      </c>
      <c r="F9457">
        <v>2011</v>
      </c>
      <c r="G9457" t="s">
        <v>14</v>
      </c>
      <c r="H9457" t="s">
        <v>124</v>
      </c>
      <c r="I9457" t="s">
        <v>15</v>
      </c>
      <c r="J9457" s="10">
        <v>1.7492046189999999</v>
      </c>
    </row>
    <row r="9458" spans="1:10" x14ac:dyDescent="0.35">
      <c r="A9458" t="s">
        <v>20</v>
      </c>
      <c r="B9458" t="s">
        <v>59</v>
      </c>
      <c r="C9458" t="s">
        <v>117</v>
      </c>
      <c r="D9458" t="s">
        <v>118</v>
      </c>
      <c r="E9458">
        <v>2011</v>
      </c>
      <c r="F9458">
        <v>2011</v>
      </c>
      <c r="G9458" t="s">
        <v>125</v>
      </c>
      <c r="H9458" t="s">
        <v>119</v>
      </c>
      <c r="I9458" t="s">
        <v>15</v>
      </c>
      <c r="J9458" s="10">
        <v>18.66247499</v>
      </c>
    </row>
    <row r="9459" spans="1:10" x14ac:dyDescent="0.35">
      <c r="A9459" t="s">
        <v>20</v>
      </c>
      <c r="B9459" t="s">
        <v>59</v>
      </c>
      <c r="C9459" t="s">
        <v>117</v>
      </c>
      <c r="D9459" t="s">
        <v>118</v>
      </c>
      <c r="E9459">
        <v>2011</v>
      </c>
      <c r="F9459">
        <v>2011</v>
      </c>
      <c r="G9459" t="s">
        <v>125</v>
      </c>
      <c r="H9459" t="s">
        <v>120</v>
      </c>
      <c r="I9459" t="s">
        <v>15</v>
      </c>
      <c r="J9459" s="10">
        <v>11.696848449999999</v>
      </c>
    </row>
    <row r="9460" spans="1:10" x14ac:dyDescent="0.35">
      <c r="A9460" t="s">
        <v>20</v>
      </c>
      <c r="B9460" t="s">
        <v>59</v>
      </c>
      <c r="C9460" t="s">
        <v>117</v>
      </c>
      <c r="D9460" t="s">
        <v>118</v>
      </c>
      <c r="E9460">
        <v>2011</v>
      </c>
      <c r="F9460">
        <v>2011</v>
      </c>
      <c r="G9460" t="s">
        <v>125</v>
      </c>
      <c r="H9460" t="s">
        <v>121</v>
      </c>
      <c r="I9460" t="s">
        <v>15</v>
      </c>
      <c r="J9460" s="10">
        <v>34.555327499999997</v>
      </c>
    </row>
    <row r="9461" spans="1:10" x14ac:dyDescent="0.35">
      <c r="A9461" t="s">
        <v>20</v>
      </c>
      <c r="B9461" t="s">
        <v>59</v>
      </c>
      <c r="C9461" t="s">
        <v>117</v>
      </c>
      <c r="D9461" t="s">
        <v>118</v>
      </c>
      <c r="E9461">
        <v>2011</v>
      </c>
      <c r="F9461">
        <v>2011</v>
      </c>
      <c r="G9461" t="s">
        <v>125</v>
      </c>
      <c r="H9461" t="s">
        <v>122</v>
      </c>
      <c r="I9461" t="s">
        <v>15</v>
      </c>
      <c r="J9461" s="10">
        <v>20.26553041</v>
      </c>
    </row>
    <row r="9462" spans="1:10" x14ac:dyDescent="0.35">
      <c r="A9462" t="s">
        <v>20</v>
      </c>
      <c r="B9462" t="s">
        <v>59</v>
      </c>
      <c r="C9462" t="s">
        <v>117</v>
      </c>
      <c r="D9462" t="s">
        <v>118</v>
      </c>
      <c r="E9462">
        <v>2011</v>
      </c>
      <c r="F9462">
        <v>2011</v>
      </c>
      <c r="G9462" t="s">
        <v>125</v>
      </c>
      <c r="H9462" t="s">
        <v>123</v>
      </c>
      <c r="I9462" t="s">
        <v>15</v>
      </c>
      <c r="J9462" s="10">
        <v>13.65065343</v>
      </c>
    </row>
    <row r="9463" spans="1:10" x14ac:dyDescent="0.35">
      <c r="A9463" t="s">
        <v>20</v>
      </c>
      <c r="B9463" t="s">
        <v>59</v>
      </c>
      <c r="C9463" t="s">
        <v>117</v>
      </c>
      <c r="D9463" t="s">
        <v>118</v>
      </c>
      <c r="E9463">
        <v>2011</v>
      </c>
      <c r="F9463">
        <v>2011</v>
      </c>
      <c r="G9463" t="s">
        <v>125</v>
      </c>
      <c r="H9463" t="s">
        <v>124</v>
      </c>
      <c r="I9463" t="s">
        <v>15</v>
      </c>
      <c r="J9463" s="10">
        <v>1.1691652159999999</v>
      </c>
    </row>
    <row r="9464" spans="1:10" x14ac:dyDescent="0.35">
      <c r="A9464" t="s">
        <v>20</v>
      </c>
      <c r="B9464" t="s">
        <v>59</v>
      </c>
      <c r="C9464" t="s">
        <v>117</v>
      </c>
      <c r="D9464" t="s">
        <v>118</v>
      </c>
      <c r="E9464">
        <v>2011</v>
      </c>
      <c r="F9464">
        <v>2011</v>
      </c>
      <c r="G9464" t="s">
        <v>126</v>
      </c>
      <c r="H9464" t="s">
        <v>119</v>
      </c>
      <c r="I9464" t="s">
        <v>15</v>
      </c>
      <c r="J9464" s="10">
        <v>17.16166716</v>
      </c>
    </row>
    <row r="9465" spans="1:10" x14ac:dyDescent="0.35">
      <c r="A9465" t="s">
        <v>20</v>
      </c>
      <c r="B9465" t="s">
        <v>59</v>
      </c>
      <c r="C9465" t="s">
        <v>117</v>
      </c>
      <c r="D9465" t="s">
        <v>118</v>
      </c>
      <c r="E9465">
        <v>2011</v>
      </c>
      <c r="F9465">
        <v>2011</v>
      </c>
      <c r="G9465" t="s">
        <v>126</v>
      </c>
      <c r="H9465" t="s">
        <v>120</v>
      </c>
      <c r="I9465" t="s">
        <v>15</v>
      </c>
      <c r="J9465" s="10">
        <v>10.14751015</v>
      </c>
    </row>
    <row r="9466" spans="1:10" x14ac:dyDescent="0.35">
      <c r="A9466" t="s">
        <v>20</v>
      </c>
      <c r="B9466" t="s">
        <v>59</v>
      </c>
      <c r="C9466" t="s">
        <v>117</v>
      </c>
      <c r="D9466" t="s">
        <v>118</v>
      </c>
      <c r="E9466">
        <v>2011</v>
      </c>
      <c r="F9466">
        <v>2011</v>
      </c>
      <c r="G9466" t="s">
        <v>126</v>
      </c>
      <c r="H9466" t="s">
        <v>121</v>
      </c>
      <c r="I9466" t="s">
        <v>15</v>
      </c>
      <c r="J9466" s="10">
        <v>34.761409759999999</v>
      </c>
    </row>
    <row r="9467" spans="1:10" x14ac:dyDescent="0.35">
      <c r="A9467" t="s">
        <v>20</v>
      </c>
      <c r="B9467" t="s">
        <v>59</v>
      </c>
      <c r="C9467" t="s">
        <v>117</v>
      </c>
      <c r="D9467" t="s">
        <v>118</v>
      </c>
      <c r="E9467">
        <v>2011</v>
      </c>
      <c r="F9467">
        <v>2011</v>
      </c>
      <c r="G9467" t="s">
        <v>126</v>
      </c>
      <c r="H9467" t="s">
        <v>122</v>
      </c>
      <c r="I9467" t="s">
        <v>15</v>
      </c>
      <c r="J9467" s="10">
        <v>20.153945149999998</v>
      </c>
    </row>
    <row r="9468" spans="1:10" x14ac:dyDescent="0.35">
      <c r="A9468" t="s">
        <v>20</v>
      </c>
      <c r="B9468" t="s">
        <v>59</v>
      </c>
      <c r="C9468" t="s">
        <v>117</v>
      </c>
      <c r="D9468" t="s">
        <v>118</v>
      </c>
      <c r="E9468">
        <v>2011</v>
      </c>
      <c r="F9468">
        <v>2011</v>
      </c>
      <c r="G9468" t="s">
        <v>126</v>
      </c>
      <c r="H9468" t="s">
        <v>123</v>
      </c>
      <c r="I9468" t="s">
        <v>15</v>
      </c>
      <c r="J9468" s="10">
        <v>15.47371547</v>
      </c>
    </row>
    <row r="9469" spans="1:10" x14ac:dyDescent="0.35">
      <c r="A9469" t="s">
        <v>20</v>
      </c>
      <c r="B9469" t="s">
        <v>59</v>
      </c>
      <c r="C9469" t="s">
        <v>117</v>
      </c>
      <c r="D9469" t="s">
        <v>118</v>
      </c>
      <c r="E9469">
        <v>2011</v>
      </c>
      <c r="F9469">
        <v>2011</v>
      </c>
      <c r="G9469" t="s">
        <v>126</v>
      </c>
      <c r="H9469" t="s">
        <v>124</v>
      </c>
      <c r="I9469" t="s">
        <v>15</v>
      </c>
      <c r="J9469" s="10">
        <v>2.3017523020000001</v>
      </c>
    </row>
    <row r="9470" spans="1:10" x14ac:dyDescent="0.35">
      <c r="A9470" t="s">
        <v>20</v>
      </c>
      <c r="B9470" t="s">
        <v>60</v>
      </c>
      <c r="C9470" t="s">
        <v>117</v>
      </c>
      <c r="D9470" t="s">
        <v>118</v>
      </c>
      <c r="E9470">
        <v>2020</v>
      </c>
      <c r="F9470">
        <v>2020</v>
      </c>
      <c r="G9470" t="s">
        <v>14</v>
      </c>
      <c r="H9470" t="s">
        <v>119</v>
      </c>
      <c r="I9470" t="s">
        <v>15</v>
      </c>
      <c r="J9470" s="10">
        <v>17.190492280000001</v>
      </c>
    </row>
    <row r="9471" spans="1:10" x14ac:dyDescent="0.35">
      <c r="A9471" t="s">
        <v>20</v>
      </c>
      <c r="B9471" t="s">
        <v>60</v>
      </c>
      <c r="C9471" t="s">
        <v>117</v>
      </c>
      <c r="D9471" t="s">
        <v>118</v>
      </c>
      <c r="E9471">
        <v>2020</v>
      </c>
      <c r="F9471">
        <v>2020</v>
      </c>
      <c r="G9471" t="s">
        <v>14</v>
      </c>
      <c r="H9471" t="s">
        <v>120</v>
      </c>
      <c r="I9471" t="s">
        <v>15</v>
      </c>
      <c r="J9471" s="10">
        <v>9.7230045189999998</v>
      </c>
    </row>
    <row r="9472" spans="1:10" x14ac:dyDescent="0.35">
      <c r="A9472" t="s">
        <v>20</v>
      </c>
      <c r="B9472" t="s">
        <v>60</v>
      </c>
      <c r="C9472" t="s">
        <v>117</v>
      </c>
      <c r="D9472" t="s">
        <v>118</v>
      </c>
      <c r="E9472">
        <v>2020</v>
      </c>
      <c r="F9472">
        <v>2020</v>
      </c>
      <c r="G9472" t="s">
        <v>14</v>
      </c>
      <c r="H9472" t="s">
        <v>121</v>
      </c>
      <c r="I9472" t="s">
        <v>15</v>
      </c>
      <c r="J9472" s="10">
        <v>32.404591140000001</v>
      </c>
    </row>
    <row r="9473" spans="1:10" x14ac:dyDescent="0.35">
      <c r="A9473" t="s">
        <v>20</v>
      </c>
      <c r="B9473" t="s">
        <v>60</v>
      </c>
      <c r="C9473" t="s">
        <v>117</v>
      </c>
      <c r="D9473" t="s">
        <v>118</v>
      </c>
      <c r="E9473">
        <v>2020</v>
      </c>
      <c r="F9473">
        <v>2020</v>
      </c>
      <c r="G9473" t="s">
        <v>14</v>
      </c>
      <c r="H9473" t="s">
        <v>122</v>
      </c>
      <c r="I9473" t="s">
        <v>15</v>
      </c>
      <c r="J9473" s="10">
        <v>21.77161954</v>
      </c>
    </row>
    <row r="9474" spans="1:10" x14ac:dyDescent="0.35">
      <c r="A9474" t="s">
        <v>20</v>
      </c>
      <c r="B9474" t="s">
        <v>60</v>
      </c>
      <c r="C9474" t="s">
        <v>117</v>
      </c>
      <c r="D9474" t="s">
        <v>118</v>
      </c>
      <c r="E9474">
        <v>2020</v>
      </c>
      <c r="F9474">
        <v>2020</v>
      </c>
      <c r="G9474" t="s">
        <v>14</v>
      </c>
      <c r="H9474" t="s">
        <v>123</v>
      </c>
      <c r="I9474" t="s">
        <v>15</v>
      </c>
      <c r="J9474" s="10">
        <v>16.63224563</v>
      </c>
    </row>
    <row r="9475" spans="1:10" x14ac:dyDescent="0.35">
      <c r="A9475" t="s">
        <v>20</v>
      </c>
      <c r="B9475" t="s">
        <v>60</v>
      </c>
      <c r="C9475" t="s">
        <v>117</v>
      </c>
      <c r="D9475" t="s">
        <v>118</v>
      </c>
      <c r="E9475">
        <v>2020</v>
      </c>
      <c r="F9475">
        <v>2020</v>
      </c>
      <c r="G9475" t="s">
        <v>14</v>
      </c>
      <c r="H9475" t="s">
        <v>124</v>
      </c>
      <c r="I9475" t="s">
        <v>15</v>
      </c>
      <c r="J9475" s="10">
        <v>2.278046888</v>
      </c>
    </row>
    <row r="9476" spans="1:10" x14ac:dyDescent="0.35">
      <c r="A9476" t="s">
        <v>20</v>
      </c>
      <c r="B9476" t="s">
        <v>60</v>
      </c>
      <c r="C9476" t="s">
        <v>117</v>
      </c>
      <c r="D9476" t="s">
        <v>118</v>
      </c>
      <c r="E9476">
        <v>2020</v>
      </c>
      <c r="F9476">
        <v>2020</v>
      </c>
      <c r="G9476" t="s">
        <v>125</v>
      </c>
      <c r="H9476" t="s">
        <v>119</v>
      </c>
      <c r="I9476" t="s">
        <v>15</v>
      </c>
      <c r="J9476" s="10">
        <v>18.093083549999999</v>
      </c>
    </row>
    <row r="9477" spans="1:10" x14ac:dyDescent="0.35">
      <c r="A9477" t="s">
        <v>20</v>
      </c>
      <c r="B9477" t="s">
        <v>60</v>
      </c>
      <c r="C9477" t="s">
        <v>117</v>
      </c>
      <c r="D9477" t="s">
        <v>118</v>
      </c>
      <c r="E9477">
        <v>2020</v>
      </c>
      <c r="F9477">
        <v>2020</v>
      </c>
      <c r="G9477" t="s">
        <v>125</v>
      </c>
      <c r="H9477" t="s">
        <v>120</v>
      </c>
      <c r="I9477" t="s">
        <v>15</v>
      </c>
      <c r="J9477" s="10">
        <v>10.436948729999999</v>
      </c>
    </row>
    <row r="9478" spans="1:10" x14ac:dyDescent="0.35">
      <c r="A9478" t="s">
        <v>20</v>
      </c>
      <c r="B9478" t="s">
        <v>60</v>
      </c>
      <c r="C9478" t="s">
        <v>117</v>
      </c>
      <c r="D9478" t="s">
        <v>118</v>
      </c>
      <c r="E9478">
        <v>2020</v>
      </c>
      <c r="F9478">
        <v>2020</v>
      </c>
      <c r="G9478" t="s">
        <v>125</v>
      </c>
      <c r="H9478" t="s">
        <v>121</v>
      </c>
      <c r="I9478" t="s">
        <v>15</v>
      </c>
      <c r="J9478" s="10">
        <v>32.292010879999999</v>
      </c>
    </row>
    <row r="9479" spans="1:10" x14ac:dyDescent="0.35">
      <c r="A9479" t="s">
        <v>20</v>
      </c>
      <c r="B9479" t="s">
        <v>60</v>
      </c>
      <c r="C9479" t="s">
        <v>117</v>
      </c>
      <c r="D9479" t="s">
        <v>118</v>
      </c>
      <c r="E9479">
        <v>2020</v>
      </c>
      <c r="F9479">
        <v>2020</v>
      </c>
      <c r="G9479" t="s">
        <v>125</v>
      </c>
      <c r="H9479" t="s">
        <v>122</v>
      </c>
      <c r="I9479" t="s">
        <v>15</v>
      </c>
      <c r="J9479" s="10">
        <v>21.83726901</v>
      </c>
    </row>
    <row r="9480" spans="1:10" x14ac:dyDescent="0.35">
      <c r="A9480" t="s">
        <v>20</v>
      </c>
      <c r="B9480" t="s">
        <v>60</v>
      </c>
      <c r="C9480" t="s">
        <v>117</v>
      </c>
      <c r="D9480" t="s">
        <v>118</v>
      </c>
      <c r="E9480">
        <v>2020</v>
      </c>
      <c r="F9480">
        <v>2020</v>
      </c>
      <c r="G9480" t="s">
        <v>125</v>
      </c>
      <c r="H9480" t="s">
        <v>123</v>
      </c>
      <c r="I9480" t="s">
        <v>15</v>
      </c>
      <c r="J9480" s="10">
        <v>15.56899926</v>
      </c>
    </row>
    <row r="9481" spans="1:10" x14ac:dyDescent="0.35">
      <c r="A9481" t="s">
        <v>20</v>
      </c>
      <c r="B9481" t="s">
        <v>60</v>
      </c>
      <c r="C9481" t="s">
        <v>117</v>
      </c>
      <c r="D9481" t="s">
        <v>118</v>
      </c>
      <c r="E9481">
        <v>2020</v>
      </c>
      <c r="F9481">
        <v>2020</v>
      </c>
      <c r="G9481" t="s">
        <v>125</v>
      </c>
      <c r="H9481" t="s">
        <v>124</v>
      </c>
      <c r="I9481" t="s">
        <v>15</v>
      </c>
      <c r="J9481" s="10">
        <v>1.7716885689999999</v>
      </c>
    </row>
    <row r="9482" spans="1:10" x14ac:dyDescent="0.35">
      <c r="A9482" t="s">
        <v>20</v>
      </c>
      <c r="B9482" t="s">
        <v>60</v>
      </c>
      <c r="C9482" t="s">
        <v>117</v>
      </c>
      <c r="D9482" t="s">
        <v>118</v>
      </c>
      <c r="E9482">
        <v>2020</v>
      </c>
      <c r="F9482">
        <v>2020</v>
      </c>
      <c r="G9482" t="s">
        <v>126</v>
      </c>
      <c r="H9482" t="s">
        <v>119</v>
      </c>
      <c r="I9482" t="s">
        <v>15</v>
      </c>
      <c r="J9482" s="10">
        <v>16.314855000000001</v>
      </c>
    </row>
    <row r="9483" spans="1:10" x14ac:dyDescent="0.35">
      <c r="A9483" t="s">
        <v>20</v>
      </c>
      <c r="B9483" t="s">
        <v>60</v>
      </c>
      <c r="C9483" t="s">
        <v>117</v>
      </c>
      <c r="D9483" t="s">
        <v>118</v>
      </c>
      <c r="E9483">
        <v>2020</v>
      </c>
      <c r="F9483">
        <v>2020</v>
      </c>
      <c r="G9483" t="s">
        <v>126</v>
      </c>
      <c r="H9483" t="s">
        <v>120</v>
      </c>
      <c r="I9483" t="s">
        <v>15</v>
      </c>
      <c r="J9483" s="10">
        <v>9.0303807460000005</v>
      </c>
    </row>
    <row r="9484" spans="1:10" x14ac:dyDescent="0.35">
      <c r="A9484" t="s">
        <v>20</v>
      </c>
      <c r="B9484" t="s">
        <v>60</v>
      </c>
      <c r="C9484" t="s">
        <v>117</v>
      </c>
      <c r="D9484" t="s">
        <v>118</v>
      </c>
      <c r="E9484">
        <v>2020</v>
      </c>
      <c r="F9484">
        <v>2020</v>
      </c>
      <c r="G9484" t="s">
        <v>126</v>
      </c>
      <c r="H9484" t="s">
        <v>121</v>
      </c>
      <c r="I9484" t="s">
        <v>15</v>
      </c>
      <c r="J9484" s="10">
        <v>32.513809430000002</v>
      </c>
    </row>
    <row r="9485" spans="1:10" x14ac:dyDescent="0.35">
      <c r="A9485" t="s">
        <v>20</v>
      </c>
      <c r="B9485" t="s">
        <v>60</v>
      </c>
      <c r="C9485" t="s">
        <v>117</v>
      </c>
      <c r="D9485" t="s">
        <v>118</v>
      </c>
      <c r="E9485">
        <v>2020</v>
      </c>
      <c r="F9485">
        <v>2020</v>
      </c>
      <c r="G9485" t="s">
        <v>126</v>
      </c>
      <c r="H9485" t="s">
        <v>122</v>
      </c>
      <c r="I9485" t="s">
        <v>15</v>
      </c>
      <c r="J9485" s="10">
        <v>21.707930560000001</v>
      </c>
    </row>
    <row r="9486" spans="1:10" x14ac:dyDescent="0.35">
      <c r="A9486" t="s">
        <v>20</v>
      </c>
      <c r="B9486" t="s">
        <v>60</v>
      </c>
      <c r="C9486" t="s">
        <v>117</v>
      </c>
      <c r="D9486" t="s">
        <v>118</v>
      </c>
      <c r="E9486">
        <v>2020</v>
      </c>
      <c r="F9486">
        <v>2020</v>
      </c>
      <c r="G9486" t="s">
        <v>126</v>
      </c>
      <c r="H9486" t="s">
        <v>123</v>
      </c>
      <c r="I9486" t="s">
        <v>15</v>
      </c>
      <c r="J9486" s="10">
        <v>17.66374038</v>
      </c>
    </row>
    <row r="9487" spans="1:10" x14ac:dyDescent="0.35">
      <c r="A9487" t="s">
        <v>20</v>
      </c>
      <c r="B9487" t="s">
        <v>60</v>
      </c>
      <c r="C9487" t="s">
        <v>117</v>
      </c>
      <c r="D9487" t="s">
        <v>118</v>
      </c>
      <c r="E9487">
        <v>2020</v>
      </c>
      <c r="F9487">
        <v>2020</v>
      </c>
      <c r="G9487" t="s">
        <v>126</v>
      </c>
      <c r="H9487" t="s">
        <v>124</v>
      </c>
      <c r="I9487" t="s">
        <v>15</v>
      </c>
      <c r="J9487" s="10">
        <v>2.7692838819999999</v>
      </c>
    </row>
    <row r="9488" spans="1:10" x14ac:dyDescent="0.35">
      <c r="A9488" t="s">
        <v>20</v>
      </c>
      <c r="B9488" t="s">
        <v>60</v>
      </c>
      <c r="C9488" t="s">
        <v>117</v>
      </c>
      <c r="D9488" t="s">
        <v>118</v>
      </c>
      <c r="E9488">
        <v>2019</v>
      </c>
      <c r="F9488">
        <v>2019</v>
      </c>
      <c r="G9488" t="s">
        <v>14</v>
      </c>
      <c r="H9488" t="s">
        <v>119</v>
      </c>
      <c r="I9488" t="s">
        <v>15</v>
      </c>
      <c r="J9488" s="10">
        <v>17.39689435</v>
      </c>
    </row>
    <row r="9489" spans="1:10" x14ac:dyDescent="0.35">
      <c r="A9489" t="s">
        <v>20</v>
      </c>
      <c r="B9489" t="s">
        <v>60</v>
      </c>
      <c r="C9489" t="s">
        <v>117</v>
      </c>
      <c r="D9489" t="s">
        <v>118</v>
      </c>
      <c r="E9489">
        <v>2019</v>
      </c>
      <c r="F9489">
        <v>2019</v>
      </c>
      <c r="G9489" t="s">
        <v>14</v>
      </c>
      <c r="H9489" t="s">
        <v>120</v>
      </c>
      <c r="I9489" t="s">
        <v>15</v>
      </c>
      <c r="J9489" s="10">
        <v>9.7451068500000009</v>
      </c>
    </row>
    <row r="9490" spans="1:10" x14ac:dyDescent="0.35">
      <c r="A9490" t="s">
        <v>20</v>
      </c>
      <c r="B9490" t="s">
        <v>60</v>
      </c>
      <c r="C9490" t="s">
        <v>117</v>
      </c>
      <c r="D9490" t="s">
        <v>118</v>
      </c>
      <c r="E9490">
        <v>2019</v>
      </c>
      <c r="F9490">
        <v>2019</v>
      </c>
      <c r="G9490" t="s">
        <v>14</v>
      </c>
      <c r="H9490" t="s">
        <v>121</v>
      </c>
      <c r="I9490" t="s">
        <v>15</v>
      </c>
      <c r="J9490" s="10">
        <v>32.700469339999998</v>
      </c>
    </row>
    <row r="9491" spans="1:10" x14ac:dyDescent="0.35">
      <c r="A9491" t="s">
        <v>20</v>
      </c>
      <c r="B9491" t="s">
        <v>60</v>
      </c>
      <c r="C9491" t="s">
        <v>117</v>
      </c>
      <c r="D9491" t="s">
        <v>118</v>
      </c>
      <c r="E9491">
        <v>2019</v>
      </c>
      <c r="F9491">
        <v>2019</v>
      </c>
      <c r="G9491" t="s">
        <v>14</v>
      </c>
      <c r="H9491" t="s">
        <v>122</v>
      </c>
      <c r="I9491" t="s">
        <v>15</v>
      </c>
      <c r="J9491" s="10">
        <v>21.356351109999999</v>
      </c>
    </row>
    <row r="9492" spans="1:10" x14ac:dyDescent="0.35">
      <c r="A9492" t="s">
        <v>20</v>
      </c>
      <c r="B9492" t="s">
        <v>60</v>
      </c>
      <c r="C9492" t="s">
        <v>117</v>
      </c>
      <c r="D9492" t="s">
        <v>118</v>
      </c>
      <c r="E9492">
        <v>2019</v>
      </c>
      <c r="F9492">
        <v>2019</v>
      </c>
      <c r="G9492" t="s">
        <v>14</v>
      </c>
      <c r="H9492" t="s">
        <v>123</v>
      </c>
      <c r="I9492" t="s">
        <v>15</v>
      </c>
      <c r="J9492" s="10">
        <v>16.578040739999999</v>
      </c>
    </row>
    <row r="9493" spans="1:10" x14ac:dyDescent="0.35">
      <c r="A9493" t="s">
        <v>20</v>
      </c>
      <c r="B9493" t="s">
        <v>60</v>
      </c>
      <c r="C9493" t="s">
        <v>117</v>
      </c>
      <c r="D9493" t="s">
        <v>118</v>
      </c>
      <c r="E9493">
        <v>2019</v>
      </c>
      <c r="F9493">
        <v>2019</v>
      </c>
      <c r="G9493" t="s">
        <v>14</v>
      </c>
      <c r="H9493" t="s">
        <v>124</v>
      </c>
      <c r="I9493" t="s">
        <v>15</v>
      </c>
      <c r="J9493" s="10">
        <v>2.223137607</v>
      </c>
    </row>
    <row r="9494" spans="1:10" x14ac:dyDescent="0.35">
      <c r="A9494" t="s">
        <v>20</v>
      </c>
      <c r="B9494" t="s">
        <v>60</v>
      </c>
      <c r="C9494" t="s">
        <v>117</v>
      </c>
      <c r="D9494" t="s">
        <v>118</v>
      </c>
      <c r="E9494">
        <v>2019</v>
      </c>
      <c r="F9494">
        <v>2019</v>
      </c>
      <c r="G9494" t="s">
        <v>125</v>
      </c>
      <c r="H9494" t="s">
        <v>119</v>
      </c>
      <c r="I9494" t="s">
        <v>15</v>
      </c>
      <c r="J9494" s="10">
        <v>18.257103780000001</v>
      </c>
    </row>
    <row r="9495" spans="1:10" x14ac:dyDescent="0.35">
      <c r="A9495" t="s">
        <v>20</v>
      </c>
      <c r="B9495" t="s">
        <v>60</v>
      </c>
      <c r="C9495" t="s">
        <v>117</v>
      </c>
      <c r="D9495" t="s">
        <v>118</v>
      </c>
      <c r="E9495">
        <v>2019</v>
      </c>
      <c r="F9495">
        <v>2019</v>
      </c>
      <c r="G9495" t="s">
        <v>125</v>
      </c>
      <c r="H9495" t="s">
        <v>120</v>
      </c>
      <c r="I9495" t="s">
        <v>15</v>
      </c>
      <c r="J9495" s="10">
        <v>10.51511928</v>
      </c>
    </row>
    <row r="9496" spans="1:10" x14ac:dyDescent="0.35">
      <c r="A9496" t="s">
        <v>20</v>
      </c>
      <c r="B9496" t="s">
        <v>60</v>
      </c>
      <c r="C9496" t="s">
        <v>117</v>
      </c>
      <c r="D9496" t="s">
        <v>118</v>
      </c>
      <c r="E9496">
        <v>2019</v>
      </c>
      <c r="F9496">
        <v>2019</v>
      </c>
      <c r="G9496" t="s">
        <v>125</v>
      </c>
      <c r="H9496" t="s">
        <v>121</v>
      </c>
      <c r="I9496" t="s">
        <v>15</v>
      </c>
      <c r="J9496" s="10">
        <v>32.598895810000002</v>
      </c>
    </row>
    <row r="9497" spans="1:10" x14ac:dyDescent="0.35">
      <c r="A9497" t="s">
        <v>20</v>
      </c>
      <c r="B9497" t="s">
        <v>60</v>
      </c>
      <c r="C9497" t="s">
        <v>117</v>
      </c>
      <c r="D9497" t="s">
        <v>118</v>
      </c>
      <c r="E9497">
        <v>2019</v>
      </c>
      <c r="F9497">
        <v>2019</v>
      </c>
      <c r="G9497" t="s">
        <v>125</v>
      </c>
      <c r="H9497" t="s">
        <v>122</v>
      </c>
      <c r="I9497" t="s">
        <v>15</v>
      </c>
      <c r="J9497" s="10">
        <v>21.359469180000001</v>
      </c>
    </row>
    <row r="9498" spans="1:10" x14ac:dyDescent="0.35">
      <c r="A9498" t="s">
        <v>20</v>
      </c>
      <c r="B9498" t="s">
        <v>60</v>
      </c>
      <c r="C9498" t="s">
        <v>117</v>
      </c>
      <c r="D9498" t="s">
        <v>118</v>
      </c>
      <c r="E9498">
        <v>2019</v>
      </c>
      <c r="F9498">
        <v>2019</v>
      </c>
      <c r="G9498" t="s">
        <v>125</v>
      </c>
      <c r="H9498" t="s">
        <v>123</v>
      </c>
      <c r="I9498" t="s">
        <v>15</v>
      </c>
      <c r="J9498" s="10">
        <v>15.613128700000001</v>
      </c>
    </row>
    <row r="9499" spans="1:10" x14ac:dyDescent="0.35">
      <c r="A9499" t="s">
        <v>20</v>
      </c>
      <c r="B9499" t="s">
        <v>60</v>
      </c>
      <c r="C9499" t="s">
        <v>117</v>
      </c>
      <c r="D9499" t="s">
        <v>118</v>
      </c>
      <c r="E9499">
        <v>2019</v>
      </c>
      <c r="F9499">
        <v>2019</v>
      </c>
      <c r="G9499" t="s">
        <v>125</v>
      </c>
      <c r="H9499" t="s">
        <v>124</v>
      </c>
      <c r="I9499" t="s">
        <v>15</v>
      </c>
      <c r="J9499" s="10">
        <v>1.65628324</v>
      </c>
    </row>
    <row r="9500" spans="1:10" x14ac:dyDescent="0.35">
      <c r="A9500" t="s">
        <v>20</v>
      </c>
      <c r="B9500" t="s">
        <v>60</v>
      </c>
      <c r="C9500" t="s">
        <v>117</v>
      </c>
      <c r="D9500" t="s">
        <v>118</v>
      </c>
      <c r="E9500">
        <v>2019</v>
      </c>
      <c r="F9500">
        <v>2019</v>
      </c>
      <c r="G9500" t="s">
        <v>126</v>
      </c>
      <c r="H9500" t="s">
        <v>119</v>
      </c>
      <c r="I9500" t="s">
        <v>15</v>
      </c>
      <c r="J9500" s="10">
        <v>16.560823119999998</v>
      </c>
    </row>
    <row r="9501" spans="1:10" x14ac:dyDescent="0.35">
      <c r="A9501" t="s">
        <v>20</v>
      </c>
      <c r="B9501" t="s">
        <v>60</v>
      </c>
      <c r="C9501" t="s">
        <v>117</v>
      </c>
      <c r="D9501" t="s">
        <v>118</v>
      </c>
      <c r="E9501">
        <v>2019</v>
      </c>
      <c r="F9501">
        <v>2019</v>
      </c>
      <c r="G9501" t="s">
        <v>126</v>
      </c>
      <c r="H9501" t="s">
        <v>120</v>
      </c>
      <c r="I9501" t="s">
        <v>15</v>
      </c>
      <c r="J9501" s="10">
        <v>8.9967016199999996</v>
      </c>
    </row>
    <row r="9502" spans="1:10" x14ac:dyDescent="0.35">
      <c r="A9502" t="s">
        <v>20</v>
      </c>
      <c r="B9502" t="s">
        <v>60</v>
      </c>
      <c r="C9502" t="s">
        <v>117</v>
      </c>
      <c r="D9502" t="s">
        <v>118</v>
      </c>
      <c r="E9502">
        <v>2019</v>
      </c>
      <c r="F9502">
        <v>2019</v>
      </c>
      <c r="G9502" t="s">
        <v>126</v>
      </c>
      <c r="H9502" t="s">
        <v>121</v>
      </c>
      <c r="I9502" t="s">
        <v>15</v>
      </c>
      <c r="J9502" s="10">
        <v>32.799192640000001</v>
      </c>
    </row>
    <row r="9503" spans="1:10" x14ac:dyDescent="0.35">
      <c r="A9503" t="s">
        <v>20</v>
      </c>
      <c r="B9503" t="s">
        <v>60</v>
      </c>
      <c r="C9503" t="s">
        <v>117</v>
      </c>
      <c r="D9503" t="s">
        <v>118</v>
      </c>
      <c r="E9503">
        <v>2019</v>
      </c>
      <c r="F9503">
        <v>2019</v>
      </c>
      <c r="G9503" t="s">
        <v>126</v>
      </c>
      <c r="H9503" t="s">
        <v>122</v>
      </c>
      <c r="I9503" t="s">
        <v>15</v>
      </c>
      <c r="J9503" s="10">
        <v>21.353320530000001</v>
      </c>
    </row>
    <row r="9504" spans="1:10" x14ac:dyDescent="0.35">
      <c r="A9504" t="s">
        <v>20</v>
      </c>
      <c r="B9504" t="s">
        <v>60</v>
      </c>
      <c r="C9504" t="s">
        <v>117</v>
      </c>
      <c r="D9504" t="s">
        <v>118</v>
      </c>
      <c r="E9504">
        <v>2019</v>
      </c>
      <c r="F9504">
        <v>2019</v>
      </c>
      <c r="G9504" t="s">
        <v>126</v>
      </c>
      <c r="H9504" t="s">
        <v>123</v>
      </c>
      <c r="I9504" t="s">
        <v>15</v>
      </c>
      <c r="J9504" s="10">
        <v>17.51587653</v>
      </c>
    </row>
    <row r="9505" spans="1:10" x14ac:dyDescent="0.35">
      <c r="A9505" t="s">
        <v>20</v>
      </c>
      <c r="B9505" t="s">
        <v>60</v>
      </c>
      <c r="C9505" t="s">
        <v>117</v>
      </c>
      <c r="D9505" t="s">
        <v>118</v>
      </c>
      <c r="E9505">
        <v>2019</v>
      </c>
      <c r="F9505">
        <v>2019</v>
      </c>
      <c r="G9505" t="s">
        <v>126</v>
      </c>
      <c r="H9505" t="s">
        <v>124</v>
      </c>
      <c r="I9505" t="s">
        <v>15</v>
      </c>
      <c r="J9505" s="10">
        <v>2.7740855610000001</v>
      </c>
    </row>
    <row r="9506" spans="1:10" x14ac:dyDescent="0.35">
      <c r="A9506" t="s">
        <v>20</v>
      </c>
      <c r="B9506" t="s">
        <v>60</v>
      </c>
      <c r="C9506" t="s">
        <v>117</v>
      </c>
      <c r="D9506" t="s">
        <v>118</v>
      </c>
      <c r="E9506">
        <v>2018</v>
      </c>
      <c r="F9506">
        <v>2018</v>
      </c>
      <c r="G9506" t="s">
        <v>14</v>
      </c>
      <c r="H9506" t="s">
        <v>119</v>
      </c>
      <c r="I9506" t="s">
        <v>15</v>
      </c>
      <c r="J9506" s="10">
        <v>17.552405520000001</v>
      </c>
    </row>
    <row r="9507" spans="1:10" x14ac:dyDescent="0.35">
      <c r="A9507" t="s">
        <v>20</v>
      </c>
      <c r="B9507" t="s">
        <v>60</v>
      </c>
      <c r="C9507" t="s">
        <v>117</v>
      </c>
      <c r="D9507" t="s">
        <v>118</v>
      </c>
      <c r="E9507">
        <v>2018</v>
      </c>
      <c r="F9507">
        <v>2018</v>
      </c>
      <c r="G9507" t="s">
        <v>14</v>
      </c>
      <c r="H9507" t="s">
        <v>120</v>
      </c>
      <c r="I9507" t="s">
        <v>15</v>
      </c>
      <c r="J9507" s="10">
        <v>9.8261914899999994</v>
      </c>
    </row>
    <row r="9508" spans="1:10" x14ac:dyDescent="0.35">
      <c r="A9508" t="s">
        <v>20</v>
      </c>
      <c r="B9508" t="s">
        <v>60</v>
      </c>
      <c r="C9508" t="s">
        <v>117</v>
      </c>
      <c r="D9508" t="s">
        <v>118</v>
      </c>
      <c r="E9508">
        <v>2018</v>
      </c>
      <c r="F9508">
        <v>2018</v>
      </c>
      <c r="G9508" t="s">
        <v>14</v>
      </c>
      <c r="H9508" t="s">
        <v>121</v>
      </c>
      <c r="I9508" t="s">
        <v>15</v>
      </c>
      <c r="J9508" s="10">
        <v>33.051165820000001</v>
      </c>
    </row>
    <row r="9509" spans="1:10" x14ac:dyDescent="0.35">
      <c r="A9509" t="s">
        <v>20</v>
      </c>
      <c r="B9509" t="s">
        <v>60</v>
      </c>
      <c r="C9509" t="s">
        <v>117</v>
      </c>
      <c r="D9509" t="s">
        <v>118</v>
      </c>
      <c r="E9509">
        <v>2018</v>
      </c>
      <c r="F9509">
        <v>2018</v>
      </c>
      <c r="G9509" t="s">
        <v>14</v>
      </c>
      <c r="H9509" t="s">
        <v>122</v>
      </c>
      <c r="I9509" t="s">
        <v>15</v>
      </c>
      <c r="J9509" s="10">
        <v>20.94718125</v>
      </c>
    </row>
    <row r="9510" spans="1:10" x14ac:dyDescent="0.35">
      <c r="A9510" t="s">
        <v>20</v>
      </c>
      <c r="B9510" t="s">
        <v>60</v>
      </c>
      <c r="C9510" t="s">
        <v>117</v>
      </c>
      <c r="D9510" t="s">
        <v>118</v>
      </c>
      <c r="E9510">
        <v>2018</v>
      </c>
      <c r="F9510">
        <v>2018</v>
      </c>
      <c r="G9510" t="s">
        <v>14</v>
      </c>
      <c r="H9510" t="s">
        <v>123</v>
      </c>
      <c r="I9510" t="s">
        <v>15</v>
      </c>
      <c r="J9510" s="10">
        <v>16.469232890000001</v>
      </c>
    </row>
    <row r="9511" spans="1:10" x14ac:dyDescent="0.35">
      <c r="A9511" t="s">
        <v>20</v>
      </c>
      <c r="B9511" t="s">
        <v>60</v>
      </c>
      <c r="C9511" t="s">
        <v>117</v>
      </c>
      <c r="D9511" t="s">
        <v>118</v>
      </c>
      <c r="E9511">
        <v>2018</v>
      </c>
      <c r="F9511">
        <v>2018</v>
      </c>
      <c r="G9511" t="s">
        <v>14</v>
      </c>
      <c r="H9511" t="s">
        <v>124</v>
      </c>
      <c r="I9511" t="s">
        <v>15</v>
      </c>
      <c r="J9511" s="10">
        <v>2.1538230359999999</v>
      </c>
    </row>
    <row r="9512" spans="1:10" x14ac:dyDescent="0.35">
      <c r="A9512" t="s">
        <v>20</v>
      </c>
      <c r="B9512" t="s">
        <v>60</v>
      </c>
      <c r="C9512" t="s">
        <v>117</v>
      </c>
      <c r="D9512" t="s">
        <v>118</v>
      </c>
      <c r="E9512">
        <v>2018</v>
      </c>
      <c r="F9512">
        <v>2018</v>
      </c>
      <c r="G9512" t="s">
        <v>125</v>
      </c>
      <c r="H9512" t="s">
        <v>119</v>
      </c>
      <c r="I9512" t="s">
        <v>15</v>
      </c>
      <c r="J9512" s="10">
        <v>18.43190147</v>
      </c>
    </row>
    <row r="9513" spans="1:10" x14ac:dyDescent="0.35">
      <c r="A9513" t="s">
        <v>20</v>
      </c>
      <c r="B9513" t="s">
        <v>60</v>
      </c>
      <c r="C9513" t="s">
        <v>117</v>
      </c>
      <c r="D9513" t="s">
        <v>118</v>
      </c>
      <c r="E9513">
        <v>2018</v>
      </c>
      <c r="F9513">
        <v>2018</v>
      </c>
      <c r="G9513" t="s">
        <v>125</v>
      </c>
      <c r="H9513" t="s">
        <v>120</v>
      </c>
      <c r="I9513" t="s">
        <v>15</v>
      </c>
      <c r="J9513" s="10">
        <v>10.469258959999999</v>
      </c>
    </row>
    <row r="9514" spans="1:10" x14ac:dyDescent="0.35">
      <c r="A9514" t="s">
        <v>20</v>
      </c>
      <c r="B9514" t="s">
        <v>60</v>
      </c>
      <c r="C9514" t="s">
        <v>117</v>
      </c>
      <c r="D9514" t="s">
        <v>118</v>
      </c>
      <c r="E9514">
        <v>2018</v>
      </c>
      <c r="F9514">
        <v>2018</v>
      </c>
      <c r="G9514" t="s">
        <v>125</v>
      </c>
      <c r="H9514" t="s">
        <v>121</v>
      </c>
      <c r="I9514" t="s">
        <v>15</v>
      </c>
      <c r="J9514" s="10">
        <v>32.985545600000002</v>
      </c>
    </row>
    <row r="9515" spans="1:10" x14ac:dyDescent="0.35">
      <c r="A9515" t="s">
        <v>20</v>
      </c>
      <c r="B9515" t="s">
        <v>60</v>
      </c>
      <c r="C9515" t="s">
        <v>117</v>
      </c>
      <c r="D9515" t="s">
        <v>118</v>
      </c>
      <c r="E9515">
        <v>2018</v>
      </c>
      <c r="F9515">
        <v>2018</v>
      </c>
      <c r="G9515" t="s">
        <v>125</v>
      </c>
      <c r="H9515" t="s">
        <v>122</v>
      </c>
      <c r="I9515" t="s">
        <v>15</v>
      </c>
      <c r="J9515" s="10">
        <v>20.976689740000001</v>
      </c>
    </row>
    <row r="9516" spans="1:10" x14ac:dyDescent="0.35">
      <c r="A9516" t="s">
        <v>20</v>
      </c>
      <c r="B9516" t="s">
        <v>60</v>
      </c>
      <c r="C9516" t="s">
        <v>117</v>
      </c>
      <c r="D9516" t="s">
        <v>118</v>
      </c>
      <c r="E9516">
        <v>2018</v>
      </c>
      <c r="F9516">
        <v>2018</v>
      </c>
      <c r="G9516" t="s">
        <v>125</v>
      </c>
      <c r="H9516" t="s">
        <v>123</v>
      </c>
      <c r="I9516" t="s">
        <v>15</v>
      </c>
      <c r="J9516" s="10">
        <v>15.57919381</v>
      </c>
    </row>
    <row r="9517" spans="1:10" x14ac:dyDescent="0.35">
      <c r="A9517" t="s">
        <v>20</v>
      </c>
      <c r="B9517" t="s">
        <v>60</v>
      </c>
      <c r="C9517" t="s">
        <v>117</v>
      </c>
      <c r="D9517" t="s">
        <v>118</v>
      </c>
      <c r="E9517">
        <v>2018</v>
      </c>
      <c r="F9517">
        <v>2018</v>
      </c>
      <c r="G9517" t="s">
        <v>125</v>
      </c>
      <c r="H9517" t="s">
        <v>124</v>
      </c>
      <c r="I9517" t="s">
        <v>15</v>
      </c>
      <c r="J9517" s="10">
        <v>1.5574104230000001</v>
      </c>
    </row>
    <row r="9518" spans="1:10" x14ac:dyDescent="0.35">
      <c r="A9518" t="s">
        <v>20</v>
      </c>
      <c r="B9518" t="s">
        <v>60</v>
      </c>
      <c r="C9518" t="s">
        <v>117</v>
      </c>
      <c r="D9518" t="s">
        <v>118</v>
      </c>
      <c r="E9518">
        <v>2018</v>
      </c>
      <c r="F9518">
        <v>2018</v>
      </c>
      <c r="G9518" t="s">
        <v>126</v>
      </c>
      <c r="H9518" t="s">
        <v>119</v>
      </c>
      <c r="I9518" t="s">
        <v>15</v>
      </c>
      <c r="J9518" s="10">
        <v>16.700359939999998</v>
      </c>
    </row>
    <row r="9519" spans="1:10" x14ac:dyDescent="0.35">
      <c r="A9519" t="s">
        <v>20</v>
      </c>
      <c r="B9519" t="s">
        <v>60</v>
      </c>
      <c r="C9519" t="s">
        <v>117</v>
      </c>
      <c r="D9519" t="s">
        <v>118</v>
      </c>
      <c r="E9519">
        <v>2018</v>
      </c>
      <c r="F9519">
        <v>2018</v>
      </c>
      <c r="G9519" t="s">
        <v>126</v>
      </c>
      <c r="H9519" t="s">
        <v>120</v>
      </c>
      <c r="I9519" t="s">
        <v>15</v>
      </c>
      <c r="J9519" s="10">
        <v>9.2031951089999993</v>
      </c>
    </row>
    <row r="9520" spans="1:10" x14ac:dyDescent="0.35">
      <c r="A9520" t="s">
        <v>20</v>
      </c>
      <c r="B9520" t="s">
        <v>60</v>
      </c>
      <c r="C9520" t="s">
        <v>117</v>
      </c>
      <c r="D9520" t="s">
        <v>118</v>
      </c>
      <c r="E9520">
        <v>2018</v>
      </c>
      <c r="F9520">
        <v>2018</v>
      </c>
      <c r="G9520" t="s">
        <v>126</v>
      </c>
      <c r="H9520" t="s">
        <v>121</v>
      </c>
      <c r="I9520" t="s">
        <v>15</v>
      </c>
      <c r="J9520" s="10">
        <v>33.114737929999997</v>
      </c>
    </row>
    <row r="9521" spans="1:10" x14ac:dyDescent="0.35">
      <c r="A9521" t="s">
        <v>20</v>
      </c>
      <c r="B9521" t="s">
        <v>60</v>
      </c>
      <c r="C9521" t="s">
        <v>117</v>
      </c>
      <c r="D9521" t="s">
        <v>118</v>
      </c>
      <c r="E9521">
        <v>2018</v>
      </c>
      <c r="F9521">
        <v>2018</v>
      </c>
      <c r="G9521" t="s">
        <v>126</v>
      </c>
      <c r="H9521" t="s">
        <v>122</v>
      </c>
      <c r="I9521" t="s">
        <v>15</v>
      </c>
      <c r="J9521" s="10">
        <v>20.91859376</v>
      </c>
    </row>
    <row r="9522" spans="1:10" x14ac:dyDescent="0.35">
      <c r="A9522" t="s">
        <v>20</v>
      </c>
      <c r="B9522" t="s">
        <v>60</v>
      </c>
      <c r="C9522" t="s">
        <v>117</v>
      </c>
      <c r="D9522" t="s">
        <v>118</v>
      </c>
      <c r="E9522">
        <v>2018</v>
      </c>
      <c r="F9522">
        <v>2018</v>
      </c>
      <c r="G9522" t="s">
        <v>126</v>
      </c>
      <c r="H9522" t="s">
        <v>123</v>
      </c>
      <c r="I9522" t="s">
        <v>15</v>
      </c>
      <c r="J9522" s="10">
        <v>17.331492529999998</v>
      </c>
    </row>
    <row r="9523" spans="1:10" x14ac:dyDescent="0.35">
      <c r="A9523" t="s">
        <v>20</v>
      </c>
      <c r="B9523" t="s">
        <v>60</v>
      </c>
      <c r="C9523" t="s">
        <v>117</v>
      </c>
      <c r="D9523" t="s">
        <v>118</v>
      </c>
      <c r="E9523">
        <v>2018</v>
      </c>
      <c r="F9523">
        <v>2018</v>
      </c>
      <c r="G9523" t="s">
        <v>126</v>
      </c>
      <c r="H9523" t="s">
        <v>124</v>
      </c>
      <c r="I9523" t="s">
        <v>15</v>
      </c>
      <c r="J9523" s="10">
        <v>2.7316207289999999</v>
      </c>
    </row>
    <row r="9524" spans="1:10" x14ac:dyDescent="0.35">
      <c r="A9524" t="s">
        <v>20</v>
      </c>
      <c r="B9524" t="s">
        <v>60</v>
      </c>
      <c r="C9524" t="s">
        <v>117</v>
      </c>
      <c r="D9524" t="s">
        <v>118</v>
      </c>
      <c r="E9524">
        <v>2017</v>
      </c>
      <c r="F9524">
        <v>2017</v>
      </c>
      <c r="G9524" t="s">
        <v>14</v>
      </c>
      <c r="H9524" t="s">
        <v>119</v>
      </c>
      <c r="I9524" t="s">
        <v>15</v>
      </c>
      <c r="J9524" s="10">
        <v>17.740030659999999</v>
      </c>
    </row>
    <row r="9525" spans="1:10" x14ac:dyDescent="0.35">
      <c r="A9525" t="s">
        <v>20</v>
      </c>
      <c r="B9525" t="s">
        <v>60</v>
      </c>
      <c r="C9525" t="s">
        <v>117</v>
      </c>
      <c r="D9525" t="s">
        <v>118</v>
      </c>
      <c r="E9525">
        <v>2017</v>
      </c>
      <c r="F9525">
        <v>2017</v>
      </c>
      <c r="G9525" t="s">
        <v>14</v>
      </c>
      <c r="H9525" t="s">
        <v>120</v>
      </c>
      <c r="I9525" t="s">
        <v>15</v>
      </c>
      <c r="J9525" s="10">
        <v>9.9806518079999993</v>
      </c>
    </row>
    <row r="9526" spans="1:10" x14ac:dyDescent="0.35">
      <c r="A9526" t="s">
        <v>20</v>
      </c>
      <c r="B9526" t="s">
        <v>60</v>
      </c>
      <c r="C9526" t="s">
        <v>117</v>
      </c>
      <c r="D9526" t="s">
        <v>118</v>
      </c>
      <c r="E9526">
        <v>2017</v>
      </c>
      <c r="F9526">
        <v>2017</v>
      </c>
      <c r="G9526" t="s">
        <v>14</v>
      </c>
      <c r="H9526" t="s">
        <v>121</v>
      </c>
      <c r="I9526" t="s">
        <v>15</v>
      </c>
      <c r="J9526" s="10">
        <v>33.408297109999999</v>
      </c>
    </row>
    <row r="9527" spans="1:10" x14ac:dyDescent="0.35">
      <c r="A9527" t="s">
        <v>20</v>
      </c>
      <c r="B9527" t="s">
        <v>60</v>
      </c>
      <c r="C9527" t="s">
        <v>117</v>
      </c>
      <c r="D9527" t="s">
        <v>118</v>
      </c>
      <c r="E9527">
        <v>2017</v>
      </c>
      <c r="F9527">
        <v>2017</v>
      </c>
      <c r="G9527" t="s">
        <v>14</v>
      </c>
      <c r="H9527" t="s">
        <v>122</v>
      </c>
      <c r="I9527" t="s">
        <v>15</v>
      </c>
      <c r="J9527" s="10">
        <v>20.535467499999999</v>
      </c>
    </row>
    <row r="9528" spans="1:10" x14ac:dyDescent="0.35">
      <c r="A9528" t="s">
        <v>20</v>
      </c>
      <c r="B9528" t="s">
        <v>60</v>
      </c>
      <c r="C9528" t="s">
        <v>117</v>
      </c>
      <c r="D9528" t="s">
        <v>118</v>
      </c>
      <c r="E9528">
        <v>2017</v>
      </c>
      <c r="F9528">
        <v>2017</v>
      </c>
      <c r="G9528" t="s">
        <v>14</v>
      </c>
      <c r="H9528" t="s">
        <v>123</v>
      </c>
      <c r="I9528" t="s">
        <v>15</v>
      </c>
      <c r="J9528" s="10">
        <v>16.218559190000001</v>
      </c>
    </row>
    <row r="9529" spans="1:10" x14ac:dyDescent="0.35">
      <c r="A9529" t="s">
        <v>20</v>
      </c>
      <c r="B9529" t="s">
        <v>60</v>
      </c>
      <c r="C9529" t="s">
        <v>117</v>
      </c>
      <c r="D9529" t="s">
        <v>118</v>
      </c>
      <c r="E9529">
        <v>2017</v>
      </c>
      <c r="F9529">
        <v>2017</v>
      </c>
      <c r="G9529" t="s">
        <v>14</v>
      </c>
      <c r="H9529" t="s">
        <v>124</v>
      </c>
      <c r="I9529" t="s">
        <v>15</v>
      </c>
      <c r="J9529" s="10">
        <v>2.1169937430000001</v>
      </c>
    </row>
    <row r="9530" spans="1:10" x14ac:dyDescent="0.35">
      <c r="A9530" t="s">
        <v>20</v>
      </c>
      <c r="B9530" t="s">
        <v>60</v>
      </c>
      <c r="C9530" t="s">
        <v>117</v>
      </c>
      <c r="D9530" t="s">
        <v>118</v>
      </c>
      <c r="E9530">
        <v>2017</v>
      </c>
      <c r="F9530">
        <v>2017</v>
      </c>
      <c r="G9530" t="s">
        <v>125</v>
      </c>
      <c r="H9530" t="s">
        <v>119</v>
      </c>
      <c r="I9530" t="s">
        <v>15</v>
      </c>
      <c r="J9530" s="10">
        <v>18.6716792</v>
      </c>
    </row>
    <row r="9531" spans="1:10" x14ac:dyDescent="0.35">
      <c r="A9531" t="s">
        <v>20</v>
      </c>
      <c r="B9531" t="s">
        <v>60</v>
      </c>
      <c r="C9531" t="s">
        <v>117</v>
      </c>
      <c r="D9531" t="s">
        <v>118</v>
      </c>
      <c r="E9531">
        <v>2017</v>
      </c>
      <c r="F9531">
        <v>2017</v>
      </c>
      <c r="G9531" t="s">
        <v>125</v>
      </c>
      <c r="H9531" t="s">
        <v>120</v>
      </c>
      <c r="I9531" t="s">
        <v>15</v>
      </c>
      <c r="J9531" s="10">
        <v>10.48028234</v>
      </c>
    </row>
    <row r="9532" spans="1:10" x14ac:dyDescent="0.35">
      <c r="A9532" t="s">
        <v>20</v>
      </c>
      <c r="B9532" t="s">
        <v>60</v>
      </c>
      <c r="C9532" t="s">
        <v>117</v>
      </c>
      <c r="D9532" t="s">
        <v>118</v>
      </c>
      <c r="E9532">
        <v>2017</v>
      </c>
      <c r="F9532">
        <v>2017</v>
      </c>
      <c r="G9532" t="s">
        <v>125</v>
      </c>
      <c r="H9532" t="s">
        <v>121</v>
      </c>
      <c r="I9532" t="s">
        <v>15</v>
      </c>
      <c r="J9532" s="10">
        <v>33.425400240000002</v>
      </c>
    </row>
    <row r="9533" spans="1:10" x14ac:dyDescent="0.35">
      <c r="A9533" t="s">
        <v>20</v>
      </c>
      <c r="B9533" t="s">
        <v>60</v>
      </c>
      <c r="C9533" t="s">
        <v>117</v>
      </c>
      <c r="D9533" t="s">
        <v>118</v>
      </c>
      <c r="E9533">
        <v>2017</v>
      </c>
      <c r="F9533">
        <v>2017</v>
      </c>
      <c r="G9533" t="s">
        <v>125</v>
      </c>
      <c r="H9533" t="s">
        <v>122</v>
      </c>
      <c r="I9533" t="s">
        <v>15</v>
      </c>
      <c r="J9533" s="10">
        <v>20.571837760000001</v>
      </c>
    </row>
    <row r="9534" spans="1:10" x14ac:dyDescent="0.35">
      <c r="A9534" t="s">
        <v>20</v>
      </c>
      <c r="B9534" t="s">
        <v>60</v>
      </c>
      <c r="C9534" t="s">
        <v>117</v>
      </c>
      <c r="D9534" t="s">
        <v>118</v>
      </c>
      <c r="E9534">
        <v>2017</v>
      </c>
      <c r="F9534">
        <v>2017</v>
      </c>
      <c r="G9534" t="s">
        <v>125</v>
      </c>
      <c r="H9534" t="s">
        <v>123</v>
      </c>
      <c r="I9534" t="s">
        <v>15</v>
      </c>
      <c r="J9534" s="10">
        <v>15.36238556</v>
      </c>
    </row>
    <row r="9535" spans="1:10" x14ac:dyDescent="0.35">
      <c r="A9535" t="s">
        <v>20</v>
      </c>
      <c r="B9535" t="s">
        <v>60</v>
      </c>
      <c r="C9535" t="s">
        <v>117</v>
      </c>
      <c r="D9535" t="s">
        <v>118</v>
      </c>
      <c r="E9535">
        <v>2017</v>
      </c>
      <c r="F9535">
        <v>2017</v>
      </c>
      <c r="G9535" t="s">
        <v>125</v>
      </c>
      <c r="H9535" t="s">
        <v>124</v>
      </c>
      <c r="I9535" t="s">
        <v>15</v>
      </c>
      <c r="J9535" s="10">
        <v>1.4884149149999999</v>
      </c>
    </row>
    <row r="9536" spans="1:10" x14ac:dyDescent="0.35">
      <c r="A9536" t="s">
        <v>20</v>
      </c>
      <c r="B9536" t="s">
        <v>60</v>
      </c>
      <c r="C9536" t="s">
        <v>117</v>
      </c>
      <c r="D9536" t="s">
        <v>118</v>
      </c>
      <c r="E9536">
        <v>2017</v>
      </c>
      <c r="F9536">
        <v>2017</v>
      </c>
      <c r="G9536" t="s">
        <v>126</v>
      </c>
      <c r="H9536" t="s">
        <v>119</v>
      </c>
      <c r="I9536" t="s">
        <v>15</v>
      </c>
      <c r="J9536" s="10">
        <v>16.840363530000001</v>
      </c>
    </row>
    <row r="9537" spans="1:10" x14ac:dyDescent="0.35">
      <c r="A9537" t="s">
        <v>20</v>
      </c>
      <c r="B9537" t="s">
        <v>60</v>
      </c>
      <c r="C9537" t="s">
        <v>117</v>
      </c>
      <c r="D9537" t="s">
        <v>118</v>
      </c>
      <c r="E9537">
        <v>2017</v>
      </c>
      <c r="F9537">
        <v>2017</v>
      </c>
      <c r="G9537" t="s">
        <v>126</v>
      </c>
      <c r="H9537" t="s">
        <v>120</v>
      </c>
      <c r="I9537" t="s">
        <v>15</v>
      </c>
      <c r="J9537" s="10">
        <v>9.4981724790000008</v>
      </c>
    </row>
    <row r="9538" spans="1:10" x14ac:dyDescent="0.35">
      <c r="A9538" t="s">
        <v>20</v>
      </c>
      <c r="B9538" t="s">
        <v>60</v>
      </c>
      <c r="C9538" t="s">
        <v>117</v>
      </c>
      <c r="D9538" t="s">
        <v>118</v>
      </c>
      <c r="E9538">
        <v>2017</v>
      </c>
      <c r="F9538">
        <v>2017</v>
      </c>
      <c r="G9538" t="s">
        <v>126</v>
      </c>
      <c r="H9538" t="s">
        <v>121</v>
      </c>
      <c r="I9538" t="s">
        <v>15</v>
      </c>
      <c r="J9538" s="10">
        <v>33.391781090000002</v>
      </c>
    </row>
    <row r="9539" spans="1:10" x14ac:dyDescent="0.35">
      <c r="A9539" t="s">
        <v>20</v>
      </c>
      <c r="B9539" t="s">
        <v>60</v>
      </c>
      <c r="C9539" t="s">
        <v>117</v>
      </c>
      <c r="D9539" t="s">
        <v>118</v>
      </c>
      <c r="E9539">
        <v>2017</v>
      </c>
      <c r="F9539">
        <v>2017</v>
      </c>
      <c r="G9539" t="s">
        <v>126</v>
      </c>
      <c r="H9539" t="s">
        <v>122</v>
      </c>
      <c r="I9539" t="s">
        <v>15</v>
      </c>
      <c r="J9539" s="10">
        <v>20.500345750000001</v>
      </c>
    </row>
    <row r="9540" spans="1:10" x14ac:dyDescent="0.35">
      <c r="A9540" t="s">
        <v>20</v>
      </c>
      <c r="B9540" t="s">
        <v>60</v>
      </c>
      <c r="C9540" t="s">
        <v>117</v>
      </c>
      <c r="D9540" t="s">
        <v>118</v>
      </c>
      <c r="E9540">
        <v>2017</v>
      </c>
      <c r="F9540">
        <v>2017</v>
      </c>
      <c r="G9540" t="s">
        <v>126</v>
      </c>
      <c r="H9540" t="s">
        <v>123</v>
      </c>
      <c r="I9540" t="s">
        <v>15</v>
      </c>
      <c r="J9540" s="10">
        <v>17.045342290000001</v>
      </c>
    </row>
    <row r="9541" spans="1:10" x14ac:dyDescent="0.35">
      <c r="A9541" t="s">
        <v>20</v>
      </c>
      <c r="B9541" t="s">
        <v>60</v>
      </c>
      <c r="C9541" t="s">
        <v>117</v>
      </c>
      <c r="D9541" t="s">
        <v>118</v>
      </c>
      <c r="E9541">
        <v>2017</v>
      </c>
      <c r="F9541">
        <v>2017</v>
      </c>
      <c r="G9541" t="s">
        <v>126</v>
      </c>
      <c r="H9541" t="s">
        <v>124</v>
      </c>
      <c r="I9541" t="s">
        <v>15</v>
      </c>
      <c r="J9541" s="10">
        <v>2.7239948630000002</v>
      </c>
    </row>
    <row r="9542" spans="1:10" x14ac:dyDescent="0.35">
      <c r="A9542" t="s">
        <v>20</v>
      </c>
      <c r="B9542" t="s">
        <v>60</v>
      </c>
      <c r="C9542" t="s">
        <v>117</v>
      </c>
      <c r="D9542" t="s">
        <v>118</v>
      </c>
      <c r="E9542">
        <v>2016</v>
      </c>
      <c r="F9542">
        <v>2016</v>
      </c>
      <c r="G9542" t="s">
        <v>14</v>
      </c>
      <c r="H9542" t="s">
        <v>119</v>
      </c>
      <c r="I9542" t="s">
        <v>15</v>
      </c>
      <c r="J9542" s="10">
        <v>17.93009532</v>
      </c>
    </row>
    <row r="9543" spans="1:10" x14ac:dyDescent="0.35">
      <c r="A9543" t="s">
        <v>20</v>
      </c>
      <c r="B9543" t="s">
        <v>60</v>
      </c>
      <c r="C9543" t="s">
        <v>117</v>
      </c>
      <c r="D9543" t="s">
        <v>118</v>
      </c>
      <c r="E9543">
        <v>2016</v>
      </c>
      <c r="F9543">
        <v>2016</v>
      </c>
      <c r="G9543" t="s">
        <v>14</v>
      </c>
      <c r="H9543" t="s">
        <v>120</v>
      </c>
      <c r="I9543" t="s">
        <v>15</v>
      </c>
      <c r="J9543" s="10">
        <v>10.006556720000001</v>
      </c>
    </row>
    <row r="9544" spans="1:10" x14ac:dyDescent="0.35">
      <c r="A9544" t="s">
        <v>20</v>
      </c>
      <c r="B9544" t="s">
        <v>60</v>
      </c>
      <c r="C9544" t="s">
        <v>117</v>
      </c>
      <c r="D9544" t="s">
        <v>118</v>
      </c>
      <c r="E9544">
        <v>2016</v>
      </c>
      <c r="F9544">
        <v>2016</v>
      </c>
      <c r="G9544" t="s">
        <v>14</v>
      </c>
      <c r="H9544" t="s">
        <v>121</v>
      </c>
      <c r="I9544" t="s">
        <v>15</v>
      </c>
      <c r="J9544" s="10">
        <v>33.751954410000003</v>
      </c>
    </row>
    <row r="9545" spans="1:10" x14ac:dyDescent="0.35">
      <c r="A9545" t="s">
        <v>20</v>
      </c>
      <c r="B9545" t="s">
        <v>60</v>
      </c>
      <c r="C9545" t="s">
        <v>117</v>
      </c>
      <c r="D9545" t="s">
        <v>118</v>
      </c>
      <c r="E9545">
        <v>2016</v>
      </c>
      <c r="F9545">
        <v>2016</v>
      </c>
      <c r="G9545" t="s">
        <v>14</v>
      </c>
      <c r="H9545" t="s">
        <v>122</v>
      </c>
      <c r="I9545" t="s">
        <v>15</v>
      </c>
      <c r="J9545" s="10">
        <v>20.12533414</v>
      </c>
    </row>
    <row r="9546" spans="1:10" x14ac:dyDescent="0.35">
      <c r="A9546" t="s">
        <v>20</v>
      </c>
      <c r="B9546" t="s">
        <v>60</v>
      </c>
      <c r="C9546" t="s">
        <v>117</v>
      </c>
      <c r="D9546" t="s">
        <v>118</v>
      </c>
      <c r="E9546">
        <v>2016</v>
      </c>
      <c r="F9546">
        <v>2016</v>
      </c>
      <c r="G9546" t="s">
        <v>14</v>
      </c>
      <c r="H9546" t="s">
        <v>123</v>
      </c>
      <c r="I9546" t="s">
        <v>15</v>
      </c>
      <c r="J9546" s="10">
        <v>16.076562259999999</v>
      </c>
    </row>
    <row r="9547" spans="1:10" x14ac:dyDescent="0.35">
      <c r="A9547" t="s">
        <v>20</v>
      </c>
      <c r="B9547" t="s">
        <v>60</v>
      </c>
      <c r="C9547" t="s">
        <v>117</v>
      </c>
      <c r="D9547" t="s">
        <v>118</v>
      </c>
      <c r="E9547">
        <v>2016</v>
      </c>
      <c r="F9547">
        <v>2016</v>
      </c>
      <c r="G9547" t="s">
        <v>14</v>
      </c>
      <c r="H9547" t="s">
        <v>124</v>
      </c>
      <c r="I9547" t="s">
        <v>15</v>
      </c>
      <c r="J9547" s="10">
        <v>2.1094971500000002</v>
      </c>
    </row>
    <row r="9548" spans="1:10" x14ac:dyDescent="0.35">
      <c r="A9548" t="s">
        <v>20</v>
      </c>
      <c r="B9548" t="s">
        <v>60</v>
      </c>
      <c r="C9548" t="s">
        <v>117</v>
      </c>
      <c r="D9548" t="s">
        <v>118</v>
      </c>
      <c r="E9548">
        <v>2016</v>
      </c>
      <c r="F9548">
        <v>2016</v>
      </c>
      <c r="G9548" t="s">
        <v>125</v>
      </c>
      <c r="H9548" t="s">
        <v>119</v>
      </c>
      <c r="I9548" t="s">
        <v>15</v>
      </c>
      <c r="J9548" s="10">
        <v>18.79089579</v>
      </c>
    </row>
    <row r="9549" spans="1:10" x14ac:dyDescent="0.35">
      <c r="A9549" t="s">
        <v>20</v>
      </c>
      <c r="B9549" t="s">
        <v>60</v>
      </c>
      <c r="C9549" t="s">
        <v>117</v>
      </c>
      <c r="D9549" t="s">
        <v>118</v>
      </c>
      <c r="E9549">
        <v>2016</v>
      </c>
      <c r="F9549">
        <v>2016</v>
      </c>
      <c r="G9549" t="s">
        <v>125</v>
      </c>
      <c r="H9549" t="s">
        <v>120</v>
      </c>
      <c r="I9549" t="s">
        <v>15</v>
      </c>
      <c r="J9549" s="10">
        <v>10.47188935</v>
      </c>
    </row>
    <row r="9550" spans="1:10" x14ac:dyDescent="0.35">
      <c r="A9550" t="s">
        <v>20</v>
      </c>
      <c r="B9550" t="s">
        <v>60</v>
      </c>
      <c r="C9550" t="s">
        <v>117</v>
      </c>
      <c r="D9550" t="s">
        <v>118</v>
      </c>
      <c r="E9550">
        <v>2016</v>
      </c>
      <c r="F9550">
        <v>2016</v>
      </c>
      <c r="G9550" t="s">
        <v>125</v>
      </c>
      <c r="H9550" t="s">
        <v>121</v>
      </c>
      <c r="I9550" t="s">
        <v>15</v>
      </c>
      <c r="J9550" s="10">
        <v>33.861076179999998</v>
      </c>
    </row>
    <row r="9551" spans="1:10" x14ac:dyDescent="0.35">
      <c r="A9551" t="s">
        <v>20</v>
      </c>
      <c r="B9551" t="s">
        <v>60</v>
      </c>
      <c r="C9551" t="s">
        <v>117</v>
      </c>
      <c r="D9551" t="s">
        <v>118</v>
      </c>
      <c r="E9551">
        <v>2016</v>
      </c>
      <c r="F9551">
        <v>2016</v>
      </c>
      <c r="G9551" t="s">
        <v>125</v>
      </c>
      <c r="H9551" t="s">
        <v>122</v>
      </c>
      <c r="I9551" t="s">
        <v>15</v>
      </c>
      <c r="J9551" s="10">
        <v>20.232993759999999</v>
      </c>
    </row>
    <row r="9552" spans="1:10" x14ac:dyDescent="0.35">
      <c r="A9552" t="s">
        <v>20</v>
      </c>
      <c r="B9552" t="s">
        <v>60</v>
      </c>
      <c r="C9552" t="s">
        <v>117</v>
      </c>
      <c r="D9552" t="s">
        <v>118</v>
      </c>
      <c r="E9552">
        <v>2016</v>
      </c>
      <c r="F9552">
        <v>2016</v>
      </c>
      <c r="G9552" t="s">
        <v>125</v>
      </c>
      <c r="H9552" t="s">
        <v>123</v>
      </c>
      <c r="I9552" t="s">
        <v>15</v>
      </c>
      <c r="J9552" s="10">
        <v>15.195914910000001</v>
      </c>
    </row>
    <row r="9553" spans="1:10" x14ac:dyDescent="0.35">
      <c r="A9553" t="s">
        <v>20</v>
      </c>
      <c r="B9553" t="s">
        <v>60</v>
      </c>
      <c r="C9553" t="s">
        <v>117</v>
      </c>
      <c r="D9553" t="s">
        <v>118</v>
      </c>
      <c r="E9553">
        <v>2016</v>
      </c>
      <c r="F9553">
        <v>2016</v>
      </c>
      <c r="G9553" t="s">
        <v>125</v>
      </c>
      <c r="H9553" t="s">
        <v>124</v>
      </c>
      <c r="I9553" t="s">
        <v>15</v>
      </c>
      <c r="J9553" s="10">
        <v>1.447229992</v>
      </c>
    </row>
    <row r="9554" spans="1:10" x14ac:dyDescent="0.35">
      <c r="A9554" t="s">
        <v>20</v>
      </c>
      <c r="B9554" t="s">
        <v>60</v>
      </c>
      <c r="C9554" t="s">
        <v>117</v>
      </c>
      <c r="D9554" t="s">
        <v>118</v>
      </c>
      <c r="E9554">
        <v>2016</v>
      </c>
      <c r="F9554">
        <v>2016</v>
      </c>
      <c r="G9554" t="s">
        <v>126</v>
      </c>
      <c r="H9554" t="s">
        <v>119</v>
      </c>
      <c r="I9554" t="s">
        <v>15</v>
      </c>
      <c r="J9554" s="10">
        <v>17.098445600000002</v>
      </c>
    </row>
    <row r="9555" spans="1:10" x14ac:dyDescent="0.35">
      <c r="A9555" t="s">
        <v>20</v>
      </c>
      <c r="B9555" t="s">
        <v>60</v>
      </c>
      <c r="C9555" t="s">
        <v>117</v>
      </c>
      <c r="D9555" t="s">
        <v>118</v>
      </c>
      <c r="E9555">
        <v>2016</v>
      </c>
      <c r="F9555">
        <v>2016</v>
      </c>
      <c r="G9555" t="s">
        <v>126</v>
      </c>
      <c r="H9555" t="s">
        <v>120</v>
      </c>
      <c r="I9555" t="s">
        <v>15</v>
      </c>
      <c r="J9555" s="10">
        <v>9.5569824229999991</v>
      </c>
    </row>
    <row r="9556" spans="1:10" x14ac:dyDescent="0.35">
      <c r="A9556" t="s">
        <v>20</v>
      </c>
      <c r="B9556" t="s">
        <v>60</v>
      </c>
      <c r="C9556" t="s">
        <v>117</v>
      </c>
      <c r="D9556" t="s">
        <v>118</v>
      </c>
      <c r="E9556">
        <v>2016</v>
      </c>
      <c r="F9556">
        <v>2016</v>
      </c>
      <c r="G9556" t="s">
        <v>126</v>
      </c>
      <c r="H9556" t="s">
        <v>121</v>
      </c>
      <c r="I9556" t="s">
        <v>15</v>
      </c>
      <c r="J9556" s="10">
        <v>33.646528000000004</v>
      </c>
    </row>
    <row r="9557" spans="1:10" x14ac:dyDescent="0.35">
      <c r="A9557" t="s">
        <v>20</v>
      </c>
      <c r="B9557" t="s">
        <v>60</v>
      </c>
      <c r="C9557" t="s">
        <v>117</v>
      </c>
      <c r="D9557" t="s">
        <v>118</v>
      </c>
      <c r="E9557">
        <v>2016</v>
      </c>
      <c r="F9557">
        <v>2016</v>
      </c>
      <c r="G9557" t="s">
        <v>126</v>
      </c>
      <c r="H9557" t="s">
        <v>122</v>
      </c>
      <c r="I9557" t="s">
        <v>15</v>
      </c>
      <c r="J9557" s="10">
        <v>20.021320379999999</v>
      </c>
    </row>
    <row r="9558" spans="1:10" x14ac:dyDescent="0.35">
      <c r="A9558" t="s">
        <v>20</v>
      </c>
      <c r="B9558" t="s">
        <v>60</v>
      </c>
      <c r="C9558" t="s">
        <v>117</v>
      </c>
      <c r="D9558" t="s">
        <v>118</v>
      </c>
      <c r="E9558">
        <v>2016</v>
      </c>
      <c r="F9558">
        <v>2016</v>
      </c>
      <c r="G9558" t="s">
        <v>126</v>
      </c>
      <c r="H9558" t="s">
        <v>123</v>
      </c>
      <c r="I9558" t="s">
        <v>15</v>
      </c>
      <c r="J9558" s="10">
        <v>16.927386769999998</v>
      </c>
    </row>
    <row r="9559" spans="1:10" x14ac:dyDescent="0.35">
      <c r="A9559" t="s">
        <v>20</v>
      </c>
      <c r="B9559" t="s">
        <v>60</v>
      </c>
      <c r="C9559" t="s">
        <v>117</v>
      </c>
      <c r="D9559" t="s">
        <v>118</v>
      </c>
      <c r="E9559">
        <v>2016</v>
      </c>
      <c r="F9559">
        <v>2016</v>
      </c>
      <c r="G9559" t="s">
        <v>126</v>
      </c>
      <c r="H9559" t="s">
        <v>124</v>
      </c>
      <c r="I9559" t="s">
        <v>15</v>
      </c>
      <c r="J9559" s="10">
        <v>2.749336837</v>
      </c>
    </row>
    <row r="9560" spans="1:10" x14ac:dyDescent="0.35">
      <c r="A9560" t="s">
        <v>20</v>
      </c>
      <c r="B9560" t="s">
        <v>60</v>
      </c>
      <c r="C9560" t="s">
        <v>117</v>
      </c>
      <c r="D9560" t="s">
        <v>118</v>
      </c>
      <c r="E9560">
        <v>2015</v>
      </c>
      <c r="F9560">
        <v>2015</v>
      </c>
      <c r="G9560" t="s">
        <v>14</v>
      </c>
      <c r="H9560" t="s">
        <v>119</v>
      </c>
      <c r="I9560" t="s">
        <v>15</v>
      </c>
      <c r="J9560" s="10">
        <v>18.11447385</v>
      </c>
    </row>
    <row r="9561" spans="1:10" x14ac:dyDescent="0.35">
      <c r="A9561" t="s">
        <v>20</v>
      </c>
      <c r="B9561" t="s">
        <v>60</v>
      </c>
      <c r="C9561" t="s">
        <v>117</v>
      </c>
      <c r="D9561" t="s">
        <v>118</v>
      </c>
      <c r="E9561">
        <v>2015</v>
      </c>
      <c r="F9561">
        <v>2015</v>
      </c>
      <c r="G9561" t="s">
        <v>14</v>
      </c>
      <c r="H9561" t="s">
        <v>120</v>
      </c>
      <c r="I9561" t="s">
        <v>15</v>
      </c>
      <c r="J9561" s="10">
        <v>10.113967329999999</v>
      </c>
    </row>
    <row r="9562" spans="1:10" x14ac:dyDescent="0.35">
      <c r="A9562" t="s">
        <v>20</v>
      </c>
      <c r="B9562" t="s">
        <v>60</v>
      </c>
      <c r="C9562" t="s">
        <v>117</v>
      </c>
      <c r="D9562" t="s">
        <v>118</v>
      </c>
      <c r="E9562">
        <v>2015</v>
      </c>
      <c r="F9562">
        <v>2015</v>
      </c>
      <c r="G9562" t="s">
        <v>14</v>
      </c>
      <c r="H9562" t="s">
        <v>121</v>
      </c>
      <c r="I9562" t="s">
        <v>15</v>
      </c>
      <c r="J9562" s="10">
        <v>34.071166269999999</v>
      </c>
    </row>
    <row r="9563" spans="1:10" x14ac:dyDescent="0.35">
      <c r="A9563" t="s">
        <v>20</v>
      </c>
      <c r="B9563" t="s">
        <v>60</v>
      </c>
      <c r="C9563" t="s">
        <v>117</v>
      </c>
      <c r="D9563" t="s">
        <v>118</v>
      </c>
      <c r="E9563">
        <v>2015</v>
      </c>
      <c r="F9563">
        <v>2015</v>
      </c>
      <c r="G9563" t="s">
        <v>14</v>
      </c>
      <c r="H9563" t="s">
        <v>122</v>
      </c>
      <c r="I9563" t="s">
        <v>15</v>
      </c>
      <c r="J9563" s="10">
        <v>19.85057617</v>
      </c>
    </row>
    <row r="9564" spans="1:10" x14ac:dyDescent="0.35">
      <c r="A9564" t="s">
        <v>20</v>
      </c>
      <c r="B9564" t="s">
        <v>60</v>
      </c>
      <c r="C9564" t="s">
        <v>117</v>
      </c>
      <c r="D9564" t="s">
        <v>118</v>
      </c>
      <c r="E9564">
        <v>2015</v>
      </c>
      <c r="F9564">
        <v>2015</v>
      </c>
      <c r="G9564" t="s">
        <v>14</v>
      </c>
      <c r="H9564" t="s">
        <v>123</v>
      </c>
      <c r="I9564" t="s">
        <v>15</v>
      </c>
      <c r="J9564" s="10">
        <v>15.79333924</v>
      </c>
    </row>
    <row r="9565" spans="1:10" x14ac:dyDescent="0.35">
      <c r="A9565" t="s">
        <v>20</v>
      </c>
      <c r="B9565" t="s">
        <v>60</v>
      </c>
      <c r="C9565" t="s">
        <v>117</v>
      </c>
      <c r="D9565" t="s">
        <v>118</v>
      </c>
      <c r="E9565">
        <v>2015</v>
      </c>
      <c r="F9565">
        <v>2015</v>
      </c>
      <c r="G9565" t="s">
        <v>14</v>
      </c>
      <c r="H9565" t="s">
        <v>124</v>
      </c>
      <c r="I9565" t="s">
        <v>15</v>
      </c>
      <c r="J9565" s="10">
        <v>2.056477143</v>
      </c>
    </row>
    <row r="9566" spans="1:10" x14ac:dyDescent="0.35">
      <c r="A9566" t="s">
        <v>20</v>
      </c>
      <c r="B9566" t="s">
        <v>60</v>
      </c>
      <c r="C9566" t="s">
        <v>117</v>
      </c>
      <c r="D9566" t="s">
        <v>118</v>
      </c>
      <c r="E9566">
        <v>2015</v>
      </c>
      <c r="F9566">
        <v>2015</v>
      </c>
      <c r="G9566" t="s">
        <v>125</v>
      </c>
      <c r="H9566" t="s">
        <v>119</v>
      </c>
      <c r="I9566" t="s">
        <v>15</v>
      </c>
      <c r="J9566" s="10">
        <v>18.943481970000001</v>
      </c>
    </row>
    <row r="9567" spans="1:10" x14ac:dyDescent="0.35">
      <c r="A9567" t="s">
        <v>20</v>
      </c>
      <c r="B9567" t="s">
        <v>60</v>
      </c>
      <c r="C9567" t="s">
        <v>117</v>
      </c>
      <c r="D9567" t="s">
        <v>118</v>
      </c>
      <c r="E9567">
        <v>2015</v>
      </c>
      <c r="F9567">
        <v>2015</v>
      </c>
      <c r="G9567" t="s">
        <v>125</v>
      </c>
      <c r="H9567" t="s">
        <v>120</v>
      </c>
      <c r="I9567" t="s">
        <v>15</v>
      </c>
      <c r="J9567" s="10">
        <v>10.58325372</v>
      </c>
    </row>
    <row r="9568" spans="1:10" x14ac:dyDescent="0.35">
      <c r="A9568" t="s">
        <v>20</v>
      </c>
      <c r="B9568" t="s">
        <v>60</v>
      </c>
      <c r="C9568" t="s">
        <v>117</v>
      </c>
      <c r="D9568" t="s">
        <v>118</v>
      </c>
      <c r="E9568">
        <v>2015</v>
      </c>
      <c r="F9568">
        <v>2015</v>
      </c>
      <c r="G9568" t="s">
        <v>125</v>
      </c>
      <c r="H9568" t="s">
        <v>121</v>
      </c>
      <c r="I9568" t="s">
        <v>15</v>
      </c>
      <c r="J9568" s="10">
        <v>34.192249099999998</v>
      </c>
    </row>
    <row r="9569" spans="1:10" x14ac:dyDescent="0.35">
      <c r="A9569" t="s">
        <v>20</v>
      </c>
      <c r="B9569" t="s">
        <v>60</v>
      </c>
      <c r="C9569" t="s">
        <v>117</v>
      </c>
      <c r="D9569" t="s">
        <v>118</v>
      </c>
      <c r="E9569">
        <v>2015</v>
      </c>
      <c r="F9569">
        <v>2015</v>
      </c>
      <c r="G9569" t="s">
        <v>125</v>
      </c>
      <c r="H9569" t="s">
        <v>122</v>
      </c>
      <c r="I9569" t="s">
        <v>15</v>
      </c>
      <c r="J9569" s="10">
        <v>19.981410239999999</v>
      </c>
    </row>
    <row r="9570" spans="1:10" x14ac:dyDescent="0.35">
      <c r="A9570" t="s">
        <v>20</v>
      </c>
      <c r="B9570" t="s">
        <v>60</v>
      </c>
      <c r="C9570" t="s">
        <v>117</v>
      </c>
      <c r="D9570" t="s">
        <v>118</v>
      </c>
      <c r="E9570">
        <v>2015</v>
      </c>
      <c r="F9570">
        <v>2015</v>
      </c>
      <c r="G9570" t="s">
        <v>125</v>
      </c>
      <c r="H9570" t="s">
        <v>123</v>
      </c>
      <c r="I9570" t="s">
        <v>15</v>
      </c>
      <c r="J9570" s="10">
        <v>14.8924634</v>
      </c>
    </row>
    <row r="9571" spans="1:10" x14ac:dyDescent="0.35">
      <c r="A9571" t="s">
        <v>20</v>
      </c>
      <c r="B9571" t="s">
        <v>60</v>
      </c>
      <c r="C9571" t="s">
        <v>117</v>
      </c>
      <c r="D9571" t="s">
        <v>118</v>
      </c>
      <c r="E9571">
        <v>2015</v>
      </c>
      <c r="F9571">
        <v>2015</v>
      </c>
      <c r="G9571" t="s">
        <v>125</v>
      </c>
      <c r="H9571" t="s">
        <v>124</v>
      </c>
      <c r="I9571" t="s">
        <v>15</v>
      </c>
      <c r="J9571" s="10">
        <v>1.407141566</v>
      </c>
    </row>
    <row r="9572" spans="1:10" x14ac:dyDescent="0.35">
      <c r="A9572" t="s">
        <v>20</v>
      </c>
      <c r="B9572" t="s">
        <v>60</v>
      </c>
      <c r="C9572" t="s">
        <v>117</v>
      </c>
      <c r="D9572" t="s">
        <v>118</v>
      </c>
      <c r="E9572">
        <v>2015</v>
      </c>
      <c r="F9572">
        <v>2015</v>
      </c>
      <c r="G9572" t="s">
        <v>126</v>
      </c>
      <c r="H9572" t="s">
        <v>119</v>
      </c>
      <c r="I9572" t="s">
        <v>15</v>
      </c>
      <c r="J9572" s="10">
        <v>17.316533710000002</v>
      </c>
    </row>
    <row r="9573" spans="1:10" x14ac:dyDescent="0.35">
      <c r="A9573" t="s">
        <v>20</v>
      </c>
      <c r="B9573" t="s">
        <v>60</v>
      </c>
      <c r="C9573" t="s">
        <v>117</v>
      </c>
      <c r="D9573" t="s">
        <v>118</v>
      </c>
      <c r="E9573">
        <v>2015</v>
      </c>
      <c r="F9573">
        <v>2015</v>
      </c>
      <c r="G9573" t="s">
        <v>126</v>
      </c>
      <c r="H9573" t="s">
        <v>120</v>
      </c>
      <c r="I9573" t="s">
        <v>15</v>
      </c>
      <c r="J9573" s="10">
        <v>9.6622679490000003</v>
      </c>
    </row>
    <row r="9574" spans="1:10" x14ac:dyDescent="0.35">
      <c r="A9574" t="s">
        <v>20</v>
      </c>
      <c r="B9574" t="s">
        <v>60</v>
      </c>
      <c r="C9574" t="s">
        <v>117</v>
      </c>
      <c r="D9574" t="s">
        <v>118</v>
      </c>
      <c r="E9574">
        <v>2015</v>
      </c>
      <c r="F9574">
        <v>2015</v>
      </c>
      <c r="G9574" t="s">
        <v>126</v>
      </c>
      <c r="H9574" t="s">
        <v>121</v>
      </c>
      <c r="I9574" t="s">
        <v>15</v>
      </c>
      <c r="J9574" s="10">
        <v>33.95462114</v>
      </c>
    </row>
    <row r="9575" spans="1:10" x14ac:dyDescent="0.35">
      <c r="A9575" t="s">
        <v>20</v>
      </c>
      <c r="B9575" t="s">
        <v>60</v>
      </c>
      <c r="C9575" t="s">
        <v>117</v>
      </c>
      <c r="D9575" t="s">
        <v>118</v>
      </c>
      <c r="E9575">
        <v>2015</v>
      </c>
      <c r="F9575">
        <v>2015</v>
      </c>
      <c r="G9575" t="s">
        <v>126</v>
      </c>
      <c r="H9575" t="s">
        <v>122</v>
      </c>
      <c r="I9575" t="s">
        <v>15</v>
      </c>
      <c r="J9575" s="10">
        <v>19.724645240000001</v>
      </c>
    </row>
    <row r="9576" spans="1:10" x14ac:dyDescent="0.35">
      <c r="A9576" t="s">
        <v>20</v>
      </c>
      <c r="B9576" t="s">
        <v>60</v>
      </c>
      <c r="C9576" t="s">
        <v>117</v>
      </c>
      <c r="D9576" t="s">
        <v>118</v>
      </c>
      <c r="E9576">
        <v>2015</v>
      </c>
      <c r="F9576">
        <v>2015</v>
      </c>
      <c r="G9576" t="s">
        <v>126</v>
      </c>
      <c r="H9576" t="s">
        <v>123</v>
      </c>
      <c r="I9576" t="s">
        <v>15</v>
      </c>
      <c r="J9576" s="10">
        <v>16.660453789999998</v>
      </c>
    </row>
    <row r="9577" spans="1:10" x14ac:dyDescent="0.35">
      <c r="A9577" t="s">
        <v>20</v>
      </c>
      <c r="B9577" t="s">
        <v>60</v>
      </c>
      <c r="C9577" t="s">
        <v>117</v>
      </c>
      <c r="D9577" t="s">
        <v>118</v>
      </c>
      <c r="E9577">
        <v>2015</v>
      </c>
      <c r="F9577">
        <v>2015</v>
      </c>
      <c r="G9577" t="s">
        <v>126</v>
      </c>
      <c r="H9577" t="s">
        <v>124</v>
      </c>
      <c r="I9577" t="s">
        <v>15</v>
      </c>
      <c r="J9577" s="10">
        <v>2.6814781679999999</v>
      </c>
    </row>
    <row r="9578" spans="1:10" x14ac:dyDescent="0.35">
      <c r="A9578" t="s">
        <v>20</v>
      </c>
      <c r="B9578" t="s">
        <v>60</v>
      </c>
      <c r="C9578" t="s">
        <v>117</v>
      </c>
      <c r="D9578" t="s">
        <v>118</v>
      </c>
      <c r="E9578">
        <v>2014</v>
      </c>
      <c r="F9578">
        <v>2014</v>
      </c>
      <c r="G9578" t="s">
        <v>14</v>
      </c>
      <c r="H9578" t="s">
        <v>119</v>
      </c>
      <c r="I9578" t="s">
        <v>15</v>
      </c>
      <c r="J9578" s="10">
        <v>18.24417184</v>
      </c>
    </row>
    <row r="9579" spans="1:10" x14ac:dyDescent="0.35">
      <c r="A9579" t="s">
        <v>20</v>
      </c>
      <c r="B9579" t="s">
        <v>60</v>
      </c>
      <c r="C9579" t="s">
        <v>117</v>
      </c>
      <c r="D9579" t="s">
        <v>118</v>
      </c>
      <c r="E9579">
        <v>2014</v>
      </c>
      <c r="F9579">
        <v>2014</v>
      </c>
      <c r="G9579" t="s">
        <v>14</v>
      </c>
      <c r="H9579" t="s">
        <v>120</v>
      </c>
      <c r="I9579" t="s">
        <v>15</v>
      </c>
      <c r="J9579" s="10">
        <v>10.11529064</v>
      </c>
    </row>
    <row r="9580" spans="1:10" x14ac:dyDescent="0.35">
      <c r="A9580" t="s">
        <v>20</v>
      </c>
      <c r="B9580" t="s">
        <v>60</v>
      </c>
      <c r="C9580" t="s">
        <v>117</v>
      </c>
      <c r="D9580" t="s">
        <v>118</v>
      </c>
      <c r="E9580">
        <v>2014</v>
      </c>
      <c r="F9580">
        <v>2014</v>
      </c>
      <c r="G9580" t="s">
        <v>14</v>
      </c>
      <c r="H9580" t="s">
        <v>121</v>
      </c>
      <c r="I9580" t="s">
        <v>15</v>
      </c>
      <c r="J9580" s="10">
        <v>34.610098749999999</v>
      </c>
    </row>
    <row r="9581" spans="1:10" x14ac:dyDescent="0.35">
      <c r="A9581" t="s">
        <v>20</v>
      </c>
      <c r="B9581" t="s">
        <v>60</v>
      </c>
      <c r="C9581" t="s">
        <v>117</v>
      </c>
      <c r="D9581" t="s">
        <v>118</v>
      </c>
      <c r="E9581">
        <v>2014</v>
      </c>
      <c r="F9581">
        <v>2014</v>
      </c>
      <c r="G9581" t="s">
        <v>14</v>
      </c>
      <c r="H9581" t="s">
        <v>122</v>
      </c>
      <c r="I9581" t="s">
        <v>15</v>
      </c>
      <c r="J9581" s="10">
        <v>19.436526520000001</v>
      </c>
    </row>
    <row r="9582" spans="1:10" x14ac:dyDescent="0.35">
      <c r="A9582" t="s">
        <v>20</v>
      </c>
      <c r="B9582" t="s">
        <v>60</v>
      </c>
      <c r="C9582" t="s">
        <v>117</v>
      </c>
      <c r="D9582" t="s">
        <v>118</v>
      </c>
      <c r="E9582">
        <v>2014</v>
      </c>
      <c r="F9582">
        <v>2014</v>
      </c>
      <c r="G9582" t="s">
        <v>14</v>
      </c>
      <c r="H9582" t="s">
        <v>123</v>
      </c>
      <c r="I9582" t="s">
        <v>15</v>
      </c>
      <c r="J9582" s="10">
        <v>15.589687469999999</v>
      </c>
    </row>
    <row r="9583" spans="1:10" x14ac:dyDescent="0.35">
      <c r="A9583" t="s">
        <v>20</v>
      </c>
      <c r="B9583" t="s">
        <v>60</v>
      </c>
      <c r="C9583" t="s">
        <v>117</v>
      </c>
      <c r="D9583" t="s">
        <v>118</v>
      </c>
      <c r="E9583">
        <v>2014</v>
      </c>
      <c r="F9583">
        <v>2014</v>
      </c>
      <c r="G9583" t="s">
        <v>14</v>
      </c>
      <c r="H9583" t="s">
        <v>124</v>
      </c>
      <c r="I9583" t="s">
        <v>15</v>
      </c>
      <c r="J9583" s="10">
        <v>2.0042247789999998</v>
      </c>
    </row>
    <row r="9584" spans="1:10" x14ac:dyDescent="0.35">
      <c r="A9584" t="s">
        <v>20</v>
      </c>
      <c r="B9584" t="s">
        <v>60</v>
      </c>
      <c r="C9584" t="s">
        <v>117</v>
      </c>
      <c r="D9584" t="s">
        <v>118</v>
      </c>
      <c r="E9584">
        <v>2014</v>
      </c>
      <c r="F9584">
        <v>2014</v>
      </c>
      <c r="G9584" t="s">
        <v>125</v>
      </c>
      <c r="H9584" t="s">
        <v>119</v>
      </c>
      <c r="I9584" t="s">
        <v>15</v>
      </c>
      <c r="J9584" s="10">
        <v>18.97819703</v>
      </c>
    </row>
    <row r="9585" spans="1:10" x14ac:dyDescent="0.35">
      <c r="A9585" t="s">
        <v>20</v>
      </c>
      <c r="B9585" t="s">
        <v>60</v>
      </c>
      <c r="C9585" t="s">
        <v>117</v>
      </c>
      <c r="D9585" t="s">
        <v>118</v>
      </c>
      <c r="E9585">
        <v>2014</v>
      </c>
      <c r="F9585">
        <v>2014</v>
      </c>
      <c r="G9585" t="s">
        <v>125</v>
      </c>
      <c r="H9585" t="s">
        <v>120</v>
      </c>
      <c r="I9585" t="s">
        <v>15</v>
      </c>
      <c r="J9585" s="10">
        <v>10.677996930000001</v>
      </c>
    </row>
    <row r="9586" spans="1:10" x14ac:dyDescent="0.35">
      <c r="A9586" t="s">
        <v>20</v>
      </c>
      <c r="B9586" t="s">
        <v>60</v>
      </c>
      <c r="C9586" t="s">
        <v>117</v>
      </c>
      <c r="D9586" t="s">
        <v>118</v>
      </c>
      <c r="E9586">
        <v>2014</v>
      </c>
      <c r="F9586">
        <v>2014</v>
      </c>
      <c r="G9586" t="s">
        <v>125</v>
      </c>
      <c r="H9586" t="s">
        <v>121</v>
      </c>
      <c r="I9586" t="s">
        <v>15</v>
      </c>
      <c r="J9586" s="10">
        <v>34.765208800000003</v>
      </c>
    </row>
    <row r="9587" spans="1:10" x14ac:dyDescent="0.35">
      <c r="A9587" t="s">
        <v>20</v>
      </c>
      <c r="B9587" t="s">
        <v>60</v>
      </c>
      <c r="C9587" t="s">
        <v>117</v>
      </c>
      <c r="D9587" t="s">
        <v>118</v>
      </c>
      <c r="E9587">
        <v>2014</v>
      </c>
      <c r="F9587">
        <v>2014</v>
      </c>
      <c r="G9587" t="s">
        <v>125</v>
      </c>
      <c r="H9587" t="s">
        <v>122</v>
      </c>
      <c r="I9587" t="s">
        <v>15</v>
      </c>
      <c r="J9587" s="10">
        <v>19.53951301</v>
      </c>
    </row>
    <row r="9588" spans="1:10" x14ac:dyDescent="0.35">
      <c r="A9588" t="s">
        <v>20</v>
      </c>
      <c r="B9588" t="s">
        <v>60</v>
      </c>
      <c r="C9588" t="s">
        <v>117</v>
      </c>
      <c r="D9588" t="s">
        <v>118</v>
      </c>
      <c r="E9588">
        <v>2014</v>
      </c>
      <c r="F9588">
        <v>2014</v>
      </c>
      <c r="G9588" t="s">
        <v>125</v>
      </c>
      <c r="H9588" t="s">
        <v>123</v>
      </c>
      <c r="I9588" t="s">
        <v>15</v>
      </c>
      <c r="J9588" s="10">
        <v>14.656583769999999</v>
      </c>
    </row>
    <row r="9589" spans="1:10" x14ac:dyDescent="0.35">
      <c r="A9589" t="s">
        <v>20</v>
      </c>
      <c r="B9589" t="s">
        <v>60</v>
      </c>
      <c r="C9589" t="s">
        <v>117</v>
      </c>
      <c r="D9589" t="s">
        <v>118</v>
      </c>
      <c r="E9589">
        <v>2014</v>
      </c>
      <c r="F9589">
        <v>2014</v>
      </c>
      <c r="G9589" t="s">
        <v>125</v>
      </c>
      <c r="H9589" t="s">
        <v>124</v>
      </c>
      <c r="I9589" t="s">
        <v>15</v>
      </c>
      <c r="J9589" s="10">
        <v>1.382500455</v>
      </c>
    </row>
    <row r="9590" spans="1:10" x14ac:dyDescent="0.35">
      <c r="A9590" t="s">
        <v>20</v>
      </c>
      <c r="B9590" t="s">
        <v>60</v>
      </c>
      <c r="C9590" t="s">
        <v>117</v>
      </c>
      <c r="D9590" t="s">
        <v>118</v>
      </c>
      <c r="E9590">
        <v>2014</v>
      </c>
      <c r="F9590">
        <v>2014</v>
      </c>
      <c r="G9590" t="s">
        <v>126</v>
      </c>
      <c r="H9590" t="s">
        <v>119</v>
      </c>
      <c r="I9590" t="s">
        <v>15</v>
      </c>
      <c r="J9590" s="10">
        <v>17.539834930000001</v>
      </c>
    </row>
    <row r="9591" spans="1:10" x14ac:dyDescent="0.35">
      <c r="A9591" t="s">
        <v>20</v>
      </c>
      <c r="B9591" t="s">
        <v>60</v>
      </c>
      <c r="C9591" t="s">
        <v>117</v>
      </c>
      <c r="D9591" t="s">
        <v>118</v>
      </c>
      <c r="E9591">
        <v>2014</v>
      </c>
      <c r="F9591">
        <v>2014</v>
      </c>
      <c r="G9591" t="s">
        <v>126</v>
      </c>
      <c r="H9591" t="s">
        <v>120</v>
      </c>
      <c r="I9591" t="s">
        <v>15</v>
      </c>
      <c r="J9591" s="10">
        <v>9.5753434909999999</v>
      </c>
    </row>
    <row r="9592" spans="1:10" x14ac:dyDescent="0.35">
      <c r="A9592" t="s">
        <v>20</v>
      </c>
      <c r="B9592" t="s">
        <v>60</v>
      </c>
      <c r="C9592" t="s">
        <v>117</v>
      </c>
      <c r="D9592" t="s">
        <v>118</v>
      </c>
      <c r="E9592">
        <v>2014</v>
      </c>
      <c r="F9592">
        <v>2014</v>
      </c>
      <c r="G9592" t="s">
        <v>126</v>
      </c>
      <c r="H9592" t="s">
        <v>121</v>
      </c>
      <c r="I9592" t="s">
        <v>15</v>
      </c>
      <c r="J9592" s="10">
        <v>34.461262249999997</v>
      </c>
    </row>
    <row r="9593" spans="1:10" x14ac:dyDescent="0.35">
      <c r="A9593" t="s">
        <v>20</v>
      </c>
      <c r="B9593" t="s">
        <v>60</v>
      </c>
      <c r="C9593" t="s">
        <v>117</v>
      </c>
      <c r="D9593" t="s">
        <v>118</v>
      </c>
      <c r="E9593">
        <v>2014</v>
      </c>
      <c r="F9593">
        <v>2014</v>
      </c>
      <c r="G9593" t="s">
        <v>126</v>
      </c>
      <c r="H9593" t="s">
        <v>122</v>
      </c>
      <c r="I9593" t="s">
        <v>15</v>
      </c>
      <c r="J9593" s="10">
        <v>19.337705410000002</v>
      </c>
    </row>
    <row r="9594" spans="1:10" x14ac:dyDescent="0.35">
      <c r="A9594" t="s">
        <v>20</v>
      </c>
      <c r="B9594" t="s">
        <v>60</v>
      </c>
      <c r="C9594" t="s">
        <v>117</v>
      </c>
      <c r="D9594" t="s">
        <v>118</v>
      </c>
      <c r="E9594">
        <v>2014</v>
      </c>
      <c r="F9594">
        <v>2014</v>
      </c>
      <c r="G9594" t="s">
        <v>126</v>
      </c>
      <c r="H9594" t="s">
        <v>123</v>
      </c>
      <c r="I9594" t="s">
        <v>15</v>
      </c>
      <c r="J9594" s="10">
        <v>16.485050990000001</v>
      </c>
    </row>
    <row r="9595" spans="1:10" x14ac:dyDescent="0.35">
      <c r="A9595" t="s">
        <v>20</v>
      </c>
      <c r="B9595" t="s">
        <v>60</v>
      </c>
      <c r="C9595" t="s">
        <v>117</v>
      </c>
      <c r="D9595" t="s">
        <v>118</v>
      </c>
      <c r="E9595">
        <v>2014</v>
      </c>
      <c r="F9595">
        <v>2014</v>
      </c>
      <c r="G9595" t="s">
        <v>126</v>
      </c>
      <c r="H9595" t="s">
        <v>124</v>
      </c>
      <c r="I9595" t="s">
        <v>15</v>
      </c>
      <c r="J9595" s="10">
        <v>2.6008029320000001</v>
      </c>
    </row>
    <row r="9596" spans="1:10" x14ac:dyDescent="0.35">
      <c r="A9596" t="s">
        <v>20</v>
      </c>
      <c r="B9596" t="s">
        <v>60</v>
      </c>
      <c r="C9596" t="s">
        <v>117</v>
      </c>
      <c r="D9596" t="s">
        <v>118</v>
      </c>
      <c r="E9596">
        <v>2013</v>
      </c>
      <c r="F9596">
        <v>2013</v>
      </c>
      <c r="G9596" t="s">
        <v>14</v>
      </c>
      <c r="H9596" t="s">
        <v>119</v>
      </c>
      <c r="I9596" t="s">
        <v>15</v>
      </c>
      <c r="J9596" s="10">
        <v>18.40504906</v>
      </c>
    </row>
    <row r="9597" spans="1:10" x14ac:dyDescent="0.35">
      <c r="A9597" t="s">
        <v>20</v>
      </c>
      <c r="B9597" t="s">
        <v>60</v>
      </c>
      <c r="C9597" t="s">
        <v>117</v>
      </c>
      <c r="D9597" t="s">
        <v>118</v>
      </c>
      <c r="E9597">
        <v>2013</v>
      </c>
      <c r="F9597">
        <v>2013</v>
      </c>
      <c r="G9597" t="s">
        <v>14</v>
      </c>
      <c r="H9597" t="s">
        <v>120</v>
      </c>
      <c r="I9597" t="s">
        <v>15</v>
      </c>
      <c r="J9597" s="10">
        <v>10.09684178</v>
      </c>
    </row>
    <row r="9598" spans="1:10" x14ac:dyDescent="0.35">
      <c r="A9598" t="s">
        <v>20</v>
      </c>
      <c r="B9598" t="s">
        <v>60</v>
      </c>
      <c r="C9598" t="s">
        <v>117</v>
      </c>
      <c r="D9598" t="s">
        <v>118</v>
      </c>
      <c r="E9598">
        <v>2013</v>
      </c>
      <c r="F9598">
        <v>2013</v>
      </c>
      <c r="G9598" t="s">
        <v>14</v>
      </c>
      <c r="H9598" t="s">
        <v>121</v>
      </c>
      <c r="I9598" t="s">
        <v>15</v>
      </c>
      <c r="J9598" s="10">
        <v>35.122393700000003</v>
      </c>
    </row>
    <row r="9599" spans="1:10" x14ac:dyDescent="0.35">
      <c r="A9599" t="s">
        <v>20</v>
      </c>
      <c r="B9599" t="s">
        <v>60</v>
      </c>
      <c r="C9599" t="s">
        <v>117</v>
      </c>
      <c r="D9599" t="s">
        <v>118</v>
      </c>
      <c r="E9599">
        <v>2013</v>
      </c>
      <c r="F9599">
        <v>2013</v>
      </c>
      <c r="G9599" t="s">
        <v>14</v>
      </c>
      <c r="H9599" t="s">
        <v>122</v>
      </c>
      <c r="I9599" t="s">
        <v>15</v>
      </c>
      <c r="J9599" s="10">
        <v>19.192048239999998</v>
      </c>
    </row>
    <row r="9600" spans="1:10" x14ac:dyDescent="0.35">
      <c r="A9600" t="s">
        <v>20</v>
      </c>
      <c r="B9600" t="s">
        <v>60</v>
      </c>
      <c r="C9600" t="s">
        <v>117</v>
      </c>
      <c r="D9600" t="s">
        <v>118</v>
      </c>
      <c r="E9600">
        <v>2013</v>
      </c>
      <c r="F9600">
        <v>2013</v>
      </c>
      <c r="G9600" t="s">
        <v>14</v>
      </c>
      <c r="H9600" t="s">
        <v>123</v>
      </c>
      <c r="I9600" t="s">
        <v>15</v>
      </c>
      <c r="J9600" s="10">
        <v>15.28899223</v>
      </c>
    </row>
    <row r="9601" spans="1:10" x14ac:dyDescent="0.35">
      <c r="A9601" t="s">
        <v>20</v>
      </c>
      <c r="B9601" t="s">
        <v>60</v>
      </c>
      <c r="C9601" t="s">
        <v>117</v>
      </c>
      <c r="D9601" t="s">
        <v>118</v>
      </c>
      <c r="E9601">
        <v>2013</v>
      </c>
      <c r="F9601">
        <v>2013</v>
      </c>
      <c r="G9601" t="s">
        <v>14</v>
      </c>
      <c r="H9601" t="s">
        <v>124</v>
      </c>
      <c r="I9601" t="s">
        <v>15</v>
      </c>
      <c r="J9601" s="10">
        <v>1.89467498</v>
      </c>
    </row>
    <row r="9602" spans="1:10" x14ac:dyDescent="0.35">
      <c r="A9602" t="s">
        <v>20</v>
      </c>
      <c r="B9602" t="s">
        <v>60</v>
      </c>
      <c r="C9602" t="s">
        <v>117</v>
      </c>
      <c r="D9602" t="s">
        <v>118</v>
      </c>
      <c r="E9602">
        <v>2013</v>
      </c>
      <c r="F9602">
        <v>2013</v>
      </c>
      <c r="G9602" t="s">
        <v>125</v>
      </c>
      <c r="H9602" t="s">
        <v>119</v>
      </c>
      <c r="I9602" t="s">
        <v>15</v>
      </c>
      <c r="J9602" s="10">
        <v>19.197476139999999</v>
      </c>
    </row>
    <row r="9603" spans="1:10" x14ac:dyDescent="0.35">
      <c r="A9603" t="s">
        <v>20</v>
      </c>
      <c r="B9603" t="s">
        <v>60</v>
      </c>
      <c r="C9603" t="s">
        <v>117</v>
      </c>
      <c r="D9603" t="s">
        <v>118</v>
      </c>
      <c r="E9603">
        <v>2013</v>
      </c>
      <c r="F9603">
        <v>2013</v>
      </c>
      <c r="G9603" t="s">
        <v>125</v>
      </c>
      <c r="H9603" t="s">
        <v>120</v>
      </c>
      <c r="I9603" t="s">
        <v>15</v>
      </c>
      <c r="J9603" s="10">
        <v>10.606455649999999</v>
      </c>
    </row>
    <row r="9604" spans="1:10" x14ac:dyDescent="0.35">
      <c r="A9604" t="s">
        <v>20</v>
      </c>
      <c r="B9604" t="s">
        <v>60</v>
      </c>
      <c r="C9604" t="s">
        <v>117</v>
      </c>
      <c r="D9604" t="s">
        <v>118</v>
      </c>
      <c r="E9604">
        <v>2013</v>
      </c>
      <c r="F9604">
        <v>2013</v>
      </c>
      <c r="G9604" t="s">
        <v>125</v>
      </c>
      <c r="H9604" t="s">
        <v>121</v>
      </c>
      <c r="I9604" t="s">
        <v>15</v>
      </c>
      <c r="J9604" s="10">
        <v>35.307920950000003</v>
      </c>
    </row>
    <row r="9605" spans="1:10" x14ac:dyDescent="0.35">
      <c r="A9605" t="s">
        <v>20</v>
      </c>
      <c r="B9605" t="s">
        <v>60</v>
      </c>
      <c r="C9605" t="s">
        <v>117</v>
      </c>
      <c r="D9605" t="s">
        <v>118</v>
      </c>
      <c r="E9605">
        <v>2013</v>
      </c>
      <c r="F9605">
        <v>2013</v>
      </c>
      <c r="G9605" t="s">
        <v>125</v>
      </c>
      <c r="H9605" t="s">
        <v>122</v>
      </c>
      <c r="I9605" t="s">
        <v>15</v>
      </c>
      <c r="J9605" s="10">
        <v>19.320018770000001</v>
      </c>
    </row>
    <row r="9606" spans="1:10" x14ac:dyDescent="0.35">
      <c r="A9606" t="s">
        <v>20</v>
      </c>
      <c r="B9606" t="s">
        <v>60</v>
      </c>
      <c r="C9606" t="s">
        <v>117</v>
      </c>
      <c r="D9606" t="s">
        <v>118</v>
      </c>
      <c r="E9606">
        <v>2013</v>
      </c>
      <c r="F9606">
        <v>2013</v>
      </c>
      <c r="G9606" t="s">
        <v>125</v>
      </c>
      <c r="H9606" t="s">
        <v>123</v>
      </c>
      <c r="I9606" t="s">
        <v>15</v>
      </c>
      <c r="J9606" s="10">
        <v>14.30620014</v>
      </c>
    </row>
    <row r="9607" spans="1:10" x14ac:dyDescent="0.35">
      <c r="A9607" t="s">
        <v>20</v>
      </c>
      <c r="B9607" t="s">
        <v>60</v>
      </c>
      <c r="C9607" t="s">
        <v>117</v>
      </c>
      <c r="D9607" t="s">
        <v>118</v>
      </c>
      <c r="E9607">
        <v>2013</v>
      </c>
      <c r="F9607">
        <v>2013</v>
      </c>
      <c r="G9607" t="s">
        <v>125</v>
      </c>
      <c r="H9607" t="s">
        <v>124</v>
      </c>
      <c r="I9607" t="s">
        <v>15</v>
      </c>
      <c r="J9607" s="10">
        <v>1.261928352</v>
      </c>
    </row>
    <row r="9608" spans="1:10" x14ac:dyDescent="0.35">
      <c r="A9608" t="s">
        <v>20</v>
      </c>
      <c r="B9608" t="s">
        <v>60</v>
      </c>
      <c r="C9608" t="s">
        <v>117</v>
      </c>
      <c r="D9608" t="s">
        <v>118</v>
      </c>
      <c r="E9608">
        <v>2013</v>
      </c>
      <c r="F9608">
        <v>2013</v>
      </c>
      <c r="G9608" t="s">
        <v>126</v>
      </c>
      <c r="H9608" t="s">
        <v>119</v>
      </c>
      <c r="I9608" t="s">
        <v>15</v>
      </c>
      <c r="J9608" s="10">
        <v>17.64366952</v>
      </c>
    </row>
    <row r="9609" spans="1:10" x14ac:dyDescent="0.35">
      <c r="A9609" t="s">
        <v>20</v>
      </c>
      <c r="B9609" t="s">
        <v>60</v>
      </c>
      <c r="C9609" t="s">
        <v>117</v>
      </c>
      <c r="D9609" t="s">
        <v>118</v>
      </c>
      <c r="E9609">
        <v>2013</v>
      </c>
      <c r="F9609">
        <v>2013</v>
      </c>
      <c r="G9609" t="s">
        <v>126</v>
      </c>
      <c r="H9609" t="s">
        <v>120</v>
      </c>
      <c r="I9609" t="s">
        <v>15</v>
      </c>
      <c r="J9609" s="10">
        <v>9.6071947489999996</v>
      </c>
    </row>
    <row r="9610" spans="1:10" x14ac:dyDescent="0.35">
      <c r="A9610" t="s">
        <v>20</v>
      </c>
      <c r="B9610" t="s">
        <v>60</v>
      </c>
      <c r="C9610" t="s">
        <v>117</v>
      </c>
      <c r="D9610" t="s">
        <v>118</v>
      </c>
      <c r="E9610">
        <v>2013</v>
      </c>
      <c r="F9610">
        <v>2013</v>
      </c>
      <c r="G9610" t="s">
        <v>126</v>
      </c>
      <c r="H9610" t="s">
        <v>121</v>
      </c>
      <c r="I9610" t="s">
        <v>15</v>
      </c>
      <c r="J9610" s="10">
        <v>34.94413548</v>
      </c>
    </row>
    <row r="9611" spans="1:10" x14ac:dyDescent="0.35">
      <c r="A9611" t="s">
        <v>20</v>
      </c>
      <c r="B9611" t="s">
        <v>60</v>
      </c>
      <c r="C9611" t="s">
        <v>117</v>
      </c>
      <c r="D9611" t="s">
        <v>118</v>
      </c>
      <c r="E9611">
        <v>2013</v>
      </c>
      <c r="F9611">
        <v>2013</v>
      </c>
      <c r="G9611" t="s">
        <v>126</v>
      </c>
      <c r="H9611" t="s">
        <v>122</v>
      </c>
      <c r="I9611" t="s">
        <v>15</v>
      </c>
      <c r="J9611" s="10">
        <v>19.06909164</v>
      </c>
    </row>
    <row r="9612" spans="1:10" x14ac:dyDescent="0.35">
      <c r="A9612" t="s">
        <v>20</v>
      </c>
      <c r="B9612" t="s">
        <v>60</v>
      </c>
      <c r="C9612" t="s">
        <v>117</v>
      </c>
      <c r="D9612" t="s">
        <v>118</v>
      </c>
      <c r="E9612">
        <v>2013</v>
      </c>
      <c r="F9612">
        <v>2013</v>
      </c>
      <c r="G9612" t="s">
        <v>126</v>
      </c>
      <c r="H9612" t="s">
        <v>123</v>
      </c>
      <c r="I9612" t="s">
        <v>15</v>
      </c>
      <c r="J9612" s="10">
        <v>16.233278219999999</v>
      </c>
    </row>
    <row r="9613" spans="1:10" x14ac:dyDescent="0.35">
      <c r="A9613" t="s">
        <v>20</v>
      </c>
      <c r="B9613" t="s">
        <v>60</v>
      </c>
      <c r="C9613" t="s">
        <v>117</v>
      </c>
      <c r="D9613" t="s">
        <v>118</v>
      </c>
      <c r="E9613">
        <v>2013</v>
      </c>
      <c r="F9613">
        <v>2013</v>
      </c>
      <c r="G9613" t="s">
        <v>126</v>
      </c>
      <c r="H9613" t="s">
        <v>124</v>
      </c>
      <c r="I9613" t="s">
        <v>15</v>
      </c>
      <c r="J9613" s="10">
        <v>2.5026303919999999</v>
      </c>
    </row>
    <row r="9614" spans="1:10" x14ac:dyDescent="0.35">
      <c r="A9614" t="s">
        <v>20</v>
      </c>
      <c r="B9614" t="s">
        <v>60</v>
      </c>
      <c r="C9614" t="s">
        <v>117</v>
      </c>
      <c r="D9614" t="s">
        <v>118</v>
      </c>
      <c r="E9614">
        <v>2012</v>
      </c>
      <c r="F9614">
        <v>2012</v>
      </c>
      <c r="G9614" t="s">
        <v>14</v>
      </c>
      <c r="H9614" t="s">
        <v>119</v>
      </c>
      <c r="I9614" t="s">
        <v>15</v>
      </c>
      <c r="J9614" s="10">
        <v>18.439095930000001</v>
      </c>
    </row>
    <row r="9615" spans="1:10" x14ac:dyDescent="0.35">
      <c r="A9615" t="s">
        <v>20</v>
      </c>
      <c r="B9615" t="s">
        <v>60</v>
      </c>
      <c r="C9615" t="s">
        <v>117</v>
      </c>
      <c r="D9615" t="s">
        <v>118</v>
      </c>
      <c r="E9615">
        <v>2012</v>
      </c>
      <c r="F9615">
        <v>2012</v>
      </c>
      <c r="G9615" t="s">
        <v>14</v>
      </c>
      <c r="H9615" t="s">
        <v>120</v>
      </c>
      <c r="I9615" t="s">
        <v>15</v>
      </c>
      <c r="J9615" s="10">
        <v>10.165043669999999</v>
      </c>
    </row>
    <row r="9616" spans="1:10" x14ac:dyDescent="0.35">
      <c r="A9616" t="s">
        <v>20</v>
      </c>
      <c r="B9616" t="s">
        <v>60</v>
      </c>
      <c r="C9616" t="s">
        <v>117</v>
      </c>
      <c r="D9616" t="s">
        <v>118</v>
      </c>
      <c r="E9616">
        <v>2012</v>
      </c>
      <c r="F9616">
        <v>2012</v>
      </c>
      <c r="G9616" t="s">
        <v>14</v>
      </c>
      <c r="H9616" t="s">
        <v>121</v>
      </c>
      <c r="I9616" t="s">
        <v>15</v>
      </c>
      <c r="J9616" s="10">
        <v>35.580225630000001</v>
      </c>
    </row>
    <row r="9617" spans="1:10" x14ac:dyDescent="0.35">
      <c r="A9617" t="s">
        <v>20</v>
      </c>
      <c r="B9617" t="s">
        <v>60</v>
      </c>
      <c r="C9617" t="s">
        <v>117</v>
      </c>
      <c r="D9617" t="s">
        <v>118</v>
      </c>
      <c r="E9617">
        <v>2012</v>
      </c>
      <c r="F9617">
        <v>2012</v>
      </c>
      <c r="G9617" t="s">
        <v>14</v>
      </c>
      <c r="H9617" t="s">
        <v>122</v>
      </c>
      <c r="I9617" t="s">
        <v>15</v>
      </c>
      <c r="J9617" s="10">
        <v>19.064280839999999</v>
      </c>
    </row>
    <row r="9618" spans="1:10" x14ac:dyDescent="0.35">
      <c r="A9618" t="s">
        <v>20</v>
      </c>
      <c r="B9618" t="s">
        <v>60</v>
      </c>
      <c r="C9618" t="s">
        <v>117</v>
      </c>
      <c r="D9618" t="s">
        <v>118</v>
      </c>
      <c r="E9618">
        <v>2012</v>
      </c>
      <c r="F9618">
        <v>2012</v>
      </c>
      <c r="G9618" t="s">
        <v>14</v>
      </c>
      <c r="H9618" t="s">
        <v>123</v>
      </c>
      <c r="I9618" t="s">
        <v>15</v>
      </c>
      <c r="J9618" s="10">
        <v>14.90538611</v>
      </c>
    </row>
    <row r="9619" spans="1:10" x14ac:dyDescent="0.35">
      <c r="A9619" t="s">
        <v>20</v>
      </c>
      <c r="B9619" t="s">
        <v>60</v>
      </c>
      <c r="C9619" t="s">
        <v>117</v>
      </c>
      <c r="D9619" t="s">
        <v>118</v>
      </c>
      <c r="E9619">
        <v>2012</v>
      </c>
      <c r="F9619">
        <v>2012</v>
      </c>
      <c r="G9619" t="s">
        <v>14</v>
      </c>
      <c r="H9619" t="s">
        <v>124</v>
      </c>
      <c r="I9619" t="s">
        <v>15</v>
      </c>
      <c r="J9619" s="10">
        <v>1.8459678150000001</v>
      </c>
    </row>
    <row r="9620" spans="1:10" x14ac:dyDescent="0.35">
      <c r="A9620" t="s">
        <v>20</v>
      </c>
      <c r="B9620" t="s">
        <v>60</v>
      </c>
      <c r="C9620" t="s">
        <v>117</v>
      </c>
      <c r="D9620" t="s">
        <v>118</v>
      </c>
      <c r="E9620">
        <v>2012</v>
      </c>
      <c r="F9620">
        <v>2012</v>
      </c>
      <c r="G9620" t="s">
        <v>125</v>
      </c>
      <c r="H9620" t="s">
        <v>119</v>
      </c>
      <c r="I9620" t="s">
        <v>15</v>
      </c>
      <c r="J9620" s="10">
        <v>19.357212310000001</v>
      </c>
    </row>
    <row r="9621" spans="1:10" x14ac:dyDescent="0.35">
      <c r="A9621" t="s">
        <v>20</v>
      </c>
      <c r="B9621" t="s">
        <v>60</v>
      </c>
      <c r="C9621" t="s">
        <v>117</v>
      </c>
      <c r="D9621" t="s">
        <v>118</v>
      </c>
      <c r="E9621">
        <v>2012</v>
      </c>
      <c r="F9621">
        <v>2012</v>
      </c>
      <c r="G9621" t="s">
        <v>125</v>
      </c>
      <c r="H9621" t="s">
        <v>120</v>
      </c>
      <c r="I9621" t="s">
        <v>15</v>
      </c>
      <c r="J9621" s="10">
        <v>10.556329330000001</v>
      </c>
    </row>
    <row r="9622" spans="1:10" x14ac:dyDescent="0.35">
      <c r="A9622" t="s">
        <v>20</v>
      </c>
      <c r="B9622" t="s">
        <v>60</v>
      </c>
      <c r="C9622" t="s">
        <v>117</v>
      </c>
      <c r="D9622" t="s">
        <v>118</v>
      </c>
      <c r="E9622">
        <v>2012</v>
      </c>
      <c r="F9622">
        <v>2012</v>
      </c>
      <c r="G9622" t="s">
        <v>125</v>
      </c>
      <c r="H9622" t="s">
        <v>121</v>
      </c>
      <c r="I9622" t="s">
        <v>15</v>
      </c>
      <c r="J9622" s="10">
        <v>35.952487320000003</v>
      </c>
    </row>
    <row r="9623" spans="1:10" x14ac:dyDescent="0.35">
      <c r="A9623" t="s">
        <v>20</v>
      </c>
      <c r="B9623" t="s">
        <v>60</v>
      </c>
      <c r="C9623" t="s">
        <v>117</v>
      </c>
      <c r="D9623" t="s">
        <v>118</v>
      </c>
      <c r="E9623">
        <v>2012</v>
      </c>
      <c r="F9623">
        <v>2012</v>
      </c>
      <c r="G9623" t="s">
        <v>125</v>
      </c>
      <c r="H9623" t="s">
        <v>122</v>
      </c>
      <c r="I9623" t="s">
        <v>15</v>
      </c>
      <c r="J9623" s="10">
        <v>19.160118780000001</v>
      </c>
    </row>
    <row r="9624" spans="1:10" x14ac:dyDescent="0.35">
      <c r="A9624" t="s">
        <v>20</v>
      </c>
      <c r="B9624" t="s">
        <v>60</v>
      </c>
      <c r="C9624" t="s">
        <v>117</v>
      </c>
      <c r="D9624" t="s">
        <v>118</v>
      </c>
      <c r="E9624">
        <v>2012</v>
      </c>
      <c r="F9624">
        <v>2012</v>
      </c>
      <c r="G9624" t="s">
        <v>125</v>
      </c>
      <c r="H9624" t="s">
        <v>123</v>
      </c>
      <c r="I9624" t="s">
        <v>15</v>
      </c>
      <c r="J9624" s="10">
        <v>13.78077944</v>
      </c>
    </row>
    <row r="9625" spans="1:10" x14ac:dyDescent="0.35">
      <c r="A9625" t="s">
        <v>20</v>
      </c>
      <c r="B9625" t="s">
        <v>60</v>
      </c>
      <c r="C9625" t="s">
        <v>117</v>
      </c>
      <c r="D9625" t="s">
        <v>118</v>
      </c>
      <c r="E9625">
        <v>2012</v>
      </c>
      <c r="F9625">
        <v>2012</v>
      </c>
      <c r="G9625" t="s">
        <v>125</v>
      </c>
      <c r="H9625" t="s">
        <v>124</v>
      </c>
      <c r="I9625" t="s">
        <v>15</v>
      </c>
      <c r="J9625" s="10">
        <v>1.193072819</v>
      </c>
    </row>
    <row r="9626" spans="1:10" x14ac:dyDescent="0.35">
      <c r="A9626" t="s">
        <v>20</v>
      </c>
      <c r="B9626" t="s">
        <v>60</v>
      </c>
      <c r="C9626" t="s">
        <v>117</v>
      </c>
      <c r="D9626" t="s">
        <v>118</v>
      </c>
      <c r="E9626">
        <v>2012</v>
      </c>
      <c r="F9626">
        <v>2012</v>
      </c>
      <c r="G9626" t="s">
        <v>126</v>
      </c>
      <c r="H9626" t="s">
        <v>119</v>
      </c>
      <c r="I9626" t="s">
        <v>15</v>
      </c>
      <c r="J9626" s="10">
        <v>17.558713839999999</v>
      </c>
    </row>
    <row r="9627" spans="1:10" x14ac:dyDescent="0.35">
      <c r="A9627" t="s">
        <v>20</v>
      </c>
      <c r="B9627" t="s">
        <v>60</v>
      </c>
      <c r="C9627" t="s">
        <v>117</v>
      </c>
      <c r="D9627" t="s">
        <v>118</v>
      </c>
      <c r="E9627">
        <v>2012</v>
      </c>
      <c r="F9627">
        <v>2012</v>
      </c>
      <c r="G9627" t="s">
        <v>126</v>
      </c>
      <c r="H9627" t="s">
        <v>120</v>
      </c>
      <c r="I9627" t="s">
        <v>15</v>
      </c>
      <c r="J9627" s="10">
        <v>9.7898397339999992</v>
      </c>
    </row>
    <row r="9628" spans="1:10" x14ac:dyDescent="0.35">
      <c r="A9628" t="s">
        <v>20</v>
      </c>
      <c r="B9628" t="s">
        <v>60</v>
      </c>
      <c r="C9628" t="s">
        <v>117</v>
      </c>
      <c r="D9628" t="s">
        <v>118</v>
      </c>
      <c r="E9628">
        <v>2012</v>
      </c>
      <c r="F9628">
        <v>2012</v>
      </c>
      <c r="G9628" t="s">
        <v>126</v>
      </c>
      <c r="H9628" t="s">
        <v>121</v>
      </c>
      <c r="I9628" t="s">
        <v>15</v>
      </c>
      <c r="J9628" s="10">
        <v>35.223263780000003</v>
      </c>
    </row>
    <row r="9629" spans="1:10" x14ac:dyDescent="0.35">
      <c r="A9629" t="s">
        <v>20</v>
      </c>
      <c r="B9629" t="s">
        <v>60</v>
      </c>
      <c r="C9629" t="s">
        <v>117</v>
      </c>
      <c r="D9629" t="s">
        <v>118</v>
      </c>
      <c r="E9629">
        <v>2012</v>
      </c>
      <c r="F9629">
        <v>2012</v>
      </c>
      <c r="G9629" t="s">
        <v>126</v>
      </c>
      <c r="H9629" t="s">
        <v>122</v>
      </c>
      <c r="I9629" t="s">
        <v>15</v>
      </c>
      <c r="J9629" s="10">
        <v>18.972381819999999</v>
      </c>
    </row>
    <row r="9630" spans="1:10" x14ac:dyDescent="0.35">
      <c r="A9630" t="s">
        <v>20</v>
      </c>
      <c r="B9630" t="s">
        <v>60</v>
      </c>
      <c r="C9630" t="s">
        <v>117</v>
      </c>
      <c r="D9630" t="s">
        <v>118</v>
      </c>
      <c r="E9630">
        <v>2012</v>
      </c>
      <c r="F9630">
        <v>2012</v>
      </c>
      <c r="G9630" t="s">
        <v>126</v>
      </c>
      <c r="H9630" t="s">
        <v>123</v>
      </c>
      <c r="I9630" t="s">
        <v>15</v>
      </c>
      <c r="J9630" s="10">
        <v>15.9837718</v>
      </c>
    </row>
    <row r="9631" spans="1:10" x14ac:dyDescent="0.35">
      <c r="A9631" t="s">
        <v>20</v>
      </c>
      <c r="B9631" t="s">
        <v>60</v>
      </c>
      <c r="C9631" t="s">
        <v>117</v>
      </c>
      <c r="D9631" t="s">
        <v>118</v>
      </c>
      <c r="E9631">
        <v>2012</v>
      </c>
      <c r="F9631">
        <v>2012</v>
      </c>
      <c r="G9631" t="s">
        <v>126</v>
      </c>
      <c r="H9631" t="s">
        <v>124</v>
      </c>
      <c r="I9631" t="s">
        <v>15</v>
      </c>
      <c r="J9631" s="10">
        <v>2.4720290290000002</v>
      </c>
    </row>
    <row r="9632" spans="1:10" x14ac:dyDescent="0.35">
      <c r="A9632" t="s">
        <v>20</v>
      </c>
      <c r="B9632" t="s">
        <v>60</v>
      </c>
      <c r="C9632" t="s">
        <v>117</v>
      </c>
      <c r="D9632" t="s">
        <v>118</v>
      </c>
      <c r="E9632">
        <v>2011</v>
      </c>
      <c r="F9632">
        <v>2011</v>
      </c>
      <c r="G9632" t="s">
        <v>14</v>
      </c>
      <c r="H9632" t="s">
        <v>119</v>
      </c>
      <c r="I9632" t="s">
        <v>15</v>
      </c>
      <c r="J9632" s="10">
        <v>18.461160589999999</v>
      </c>
    </row>
    <row r="9633" spans="1:10" x14ac:dyDescent="0.35">
      <c r="A9633" t="s">
        <v>20</v>
      </c>
      <c r="B9633" t="s">
        <v>60</v>
      </c>
      <c r="C9633" t="s">
        <v>117</v>
      </c>
      <c r="D9633" t="s">
        <v>118</v>
      </c>
      <c r="E9633">
        <v>2011</v>
      </c>
      <c r="F9633">
        <v>2011</v>
      </c>
      <c r="G9633" t="s">
        <v>14</v>
      </c>
      <c r="H9633" t="s">
        <v>120</v>
      </c>
      <c r="I9633" t="s">
        <v>15</v>
      </c>
      <c r="J9633" s="10">
        <v>10.07795028</v>
      </c>
    </row>
    <row r="9634" spans="1:10" x14ac:dyDescent="0.35">
      <c r="A9634" t="s">
        <v>20</v>
      </c>
      <c r="B9634" t="s">
        <v>60</v>
      </c>
      <c r="C9634" t="s">
        <v>117</v>
      </c>
      <c r="D9634" t="s">
        <v>118</v>
      </c>
      <c r="E9634">
        <v>2011</v>
      </c>
      <c r="F9634">
        <v>2011</v>
      </c>
      <c r="G9634" t="s">
        <v>14</v>
      </c>
      <c r="H9634" t="s">
        <v>121</v>
      </c>
      <c r="I9634" t="s">
        <v>15</v>
      </c>
      <c r="J9634" s="10">
        <v>36.131183989999997</v>
      </c>
    </row>
    <row r="9635" spans="1:10" x14ac:dyDescent="0.35">
      <c r="A9635" t="s">
        <v>20</v>
      </c>
      <c r="B9635" t="s">
        <v>60</v>
      </c>
      <c r="C9635" t="s">
        <v>117</v>
      </c>
      <c r="D9635" t="s">
        <v>118</v>
      </c>
      <c r="E9635">
        <v>2011</v>
      </c>
      <c r="F9635">
        <v>2011</v>
      </c>
      <c r="G9635" t="s">
        <v>14</v>
      </c>
      <c r="H9635" t="s">
        <v>122</v>
      </c>
      <c r="I9635" t="s">
        <v>15</v>
      </c>
      <c r="J9635" s="10">
        <v>19.05322078</v>
      </c>
    </row>
    <row r="9636" spans="1:10" x14ac:dyDescent="0.35">
      <c r="A9636" t="s">
        <v>20</v>
      </c>
      <c r="B9636" t="s">
        <v>60</v>
      </c>
      <c r="C9636" t="s">
        <v>117</v>
      </c>
      <c r="D9636" t="s">
        <v>118</v>
      </c>
      <c r="E9636">
        <v>2011</v>
      </c>
      <c r="F9636">
        <v>2011</v>
      </c>
      <c r="G9636" t="s">
        <v>14</v>
      </c>
      <c r="H9636" t="s">
        <v>123</v>
      </c>
      <c r="I9636" t="s">
        <v>15</v>
      </c>
      <c r="J9636" s="10">
        <v>14.448595470000001</v>
      </c>
    </row>
    <row r="9637" spans="1:10" x14ac:dyDescent="0.35">
      <c r="A9637" t="s">
        <v>20</v>
      </c>
      <c r="B9637" t="s">
        <v>60</v>
      </c>
      <c r="C9637" t="s">
        <v>117</v>
      </c>
      <c r="D9637" t="s">
        <v>118</v>
      </c>
      <c r="E9637">
        <v>2011</v>
      </c>
      <c r="F9637">
        <v>2011</v>
      </c>
      <c r="G9637" t="s">
        <v>14</v>
      </c>
      <c r="H9637" t="s">
        <v>124</v>
      </c>
      <c r="I9637" t="s">
        <v>15</v>
      </c>
      <c r="J9637" s="10">
        <v>1.8278888790000001</v>
      </c>
    </row>
    <row r="9638" spans="1:10" x14ac:dyDescent="0.35">
      <c r="A9638" t="s">
        <v>20</v>
      </c>
      <c r="B9638" t="s">
        <v>60</v>
      </c>
      <c r="C9638" t="s">
        <v>117</v>
      </c>
      <c r="D9638" t="s">
        <v>118</v>
      </c>
      <c r="E9638">
        <v>2011</v>
      </c>
      <c r="F9638">
        <v>2011</v>
      </c>
      <c r="G9638" t="s">
        <v>125</v>
      </c>
      <c r="H9638" t="s">
        <v>119</v>
      </c>
      <c r="I9638" t="s">
        <v>15</v>
      </c>
      <c r="J9638" s="10">
        <v>19.404802879999998</v>
      </c>
    </row>
    <row r="9639" spans="1:10" x14ac:dyDescent="0.35">
      <c r="A9639" t="s">
        <v>20</v>
      </c>
      <c r="B9639" t="s">
        <v>60</v>
      </c>
      <c r="C9639" t="s">
        <v>117</v>
      </c>
      <c r="D9639" t="s">
        <v>118</v>
      </c>
      <c r="E9639">
        <v>2011</v>
      </c>
      <c r="F9639">
        <v>2011</v>
      </c>
      <c r="G9639" t="s">
        <v>125</v>
      </c>
      <c r="H9639" t="s">
        <v>120</v>
      </c>
      <c r="I9639" t="s">
        <v>15</v>
      </c>
      <c r="J9639" s="10">
        <v>10.352405409999999</v>
      </c>
    </row>
    <row r="9640" spans="1:10" x14ac:dyDescent="0.35">
      <c r="A9640" t="s">
        <v>20</v>
      </c>
      <c r="B9640" t="s">
        <v>60</v>
      </c>
      <c r="C9640" t="s">
        <v>117</v>
      </c>
      <c r="D9640" t="s">
        <v>118</v>
      </c>
      <c r="E9640">
        <v>2011</v>
      </c>
      <c r="F9640">
        <v>2011</v>
      </c>
      <c r="G9640" t="s">
        <v>125</v>
      </c>
      <c r="H9640" t="s">
        <v>121</v>
      </c>
      <c r="I9640" t="s">
        <v>15</v>
      </c>
      <c r="J9640" s="10">
        <v>36.51936774</v>
      </c>
    </row>
    <row r="9641" spans="1:10" x14ac:dyDescent="0.35">
      <c r="A9641" t="s">
        <v>20</v>
      </c>
      <c r="B9641" t="s">
        <v>60</v>
      </c>
      <c r="C9641" t="s">
        <v>117</v>
      </c>
      <c r="D9641" t="s">
        <v>118</v>
      </c>
      <c r="E9641">
        <v>2011</v>
      </c>
      <c r="F9641">
        <v>2011</v>
      </c>
      <c r="G9641" t="s">
        <v>125</v>
      </c>
      <c r="H9641" t="s">
        <v>122</v>
      </c>
      <c r="I9641" t="s">
        <v>15</v>
      </c>
      <c r="J9641" s="10">
        <v>19.296248250000001</v>
      </c>
    </row>
    <row r="9642" spans="1:10" x14ac:dyDescent="0.35">
      <c r="A9642" t="s">
        <v>20</v>
      </c>
      <c r="B9642" t="s">
        <v>60</v>
      </c>
      <c r="C9642" t="s">
        <v>117</v>
      </c>
      <c r="D9642" t="s">
        <v>118</v>
      </c>
      <c r="E9642">
        <v>2011</v>
      </c>
      <c r="F9642">
        <v>2011</v>
      </c>
      <c r="G9642" t="s">
        <v>125</v>
      </c>
      <c r="H9642" t="s">
        <v>123</v>
      </c>
      <c r="I9642" t="s">
        <v>15</v>
      </c>
      <c r="J9642" s="10">
        <v>13.288675899999999</v>
      </c>
    </row>
    <row r="9643" spans="1:10" x14ac:dyDescent="0.35">
      <c r="A9643" t="s">
        <v>20</v>
      </c>
      <c r="B9643" t="s">
        <v>60</v>
      </c>
      <c r="C9643" t="s">
        <v>117</v>
      </c>
      <c r="D9643" t="s">
        <v>118</v>
      </c>
      <c r="E9643">
        <v>2011</v>
      </c>
      <c r="F9643">
        <v>2011</v>
      </c>
      <c r="G9643" t="s">
        <v>125</v>
      </c>
      <c r="H9643" t="s">
        <v>124</v>
      </c>
      <c r="I9643" t="s">
        <v>15</v>
      </c>
      <c r="J9643" s="10">
        <v>1.138499828</v>
      </c>
    </row>
    <row r="9644" spans="1:10" x14ac:dyDescent="0.35">
      <c r="A9644" t="s">
        <v>20</v>
      </c>
      <c r="B9644" t="s">
        <v>60</v>
      </c>
      <c r="C9644" t="s">
        <v>117</v>
      </c>
      <c r="D9644" t="s">
        <v>118</v>
      </c>
      <c r="E9644">
        <v>2011</v>
      </c>
      <c r="F9644">
        <v>2011</v>
      </c>
      <c r="G9644" t="s">
        <v>126</v>
      </c>
      <c r="H9644" t="s">
        <v>119</v>
      </c>
      <c r="I9644" t="s">
        <v>15</v>
      </c>
      <c r="J9644" s="10">
        <v>17.56087703</v>
      </c>
    </row>
    <row r="9645" spans="1:10" x14ac:dyDescent="0.35">
      <c r="A9645" t="s">
        <v>20</v>
      </c>
      <c r="B9645" t="s">
        <v>60</v>
      </c>
      <c r="C9645" t="s">
        <v>117</v>
      </c>
      <c r="D9645" t="s">
        <v>118</v>
      </c>
      <c r="E9645">
        <v>2011</v>
      </c>
      <c r="F9645">
        <v>2011</v>
      </c>
      <c r="G9645" t="s">
        <v>126</v>
      </c>
      <c r="H9645" t="s">
        <v>120</v>
      </c>
      <c r="I9645" t="s">
        <v>15</v>
      </c>
      <c r="J9645" s="10">
        <v>9.8161058909999994</v>
      </c>
    </row>
    <row r="9646" spans="1:10" x14ac:dyDescent="0.35">
      <c r="A9646" t="s">
        <v>20</v>
      </c>
      <c r="B9646" t="s">
        <v>60</v>
      </c>
      <c r="C9646" t="s">
        <v>117</v>
      </c>
      <c r="D9646" t="s">
        <v>118</v>
      </c>
      <c r="E9646">
        <v>2011</v>
      </c>
      <c r="F9646">
        <v>2011</v>
      </c>
      <c r="G9646" t="s">
        <v>126</v>
      </c>
      <c r="H9646" t="s">
        <v>121</v>
      </c>
      <c r="I9646" t="s">
        <v>15</v>
      </c>
      <c r="J9646" s="10">
        <v>35.760836619999999</v>
      </c>
    </row>
    <row r="9647" spans="1:10" x14ac:dyDescent="0.35">
      <c r="A9647" t="s">
        <v>20</v>
      </c>
      <c r="B9647" t="s">
        <v>60</v>
      </c>
      <c r="C9647" t="s">
        <v>117</v>
      </c>
      <c r="D9647" t="s">
        <v>118</v>
      </c>
      <c r="E9647">
        <v>2011</v>
      </c>
      <c r="F9647">
        <v>2011</v>
      </c>
      <c r="G9647" t="s">
        <v>126</v>
      </c>
      <c r="H9647" t="s">
        <v>122</v>
      </c>
      <c r="I9647" t="s">
        <v>15</v>
      </c>
      <c r="J9647" s="10">
        <v>18.821360009999999</v>
      </c>
    </row>
    <row r="9648" spans="1:10" x14ac:dyDescent="0.35">
      <c r="A9648" t="s">
        <v>20</v>
      </c>
      <c r="B9648" t="s">
        <v>60</v>
      </c>
      <c r="C9648" t="s">
        <v>117</v>
      </c>
      <c r="D9648" t="s">
        <v>118</v>
      </c>
      <c r="E9648">
        <v>2011</v>
      </c>
      <c r="F9648">
        <v>2011</v>
      </c>
      <c r="G9648" t="s">
        <v>126</v>
      </c>
      <c r="H9648" t="s">
        <v>123</v>
      </c>
      <c r="I9648" t="s">
        <v>15</v>
      </c>
      <c r="J9648" s="10">
        <v>15.55521875</v>
      </c>
    </row>
    <row r="9649" spans="1:10" x14ac:dyDescent="0.35">
      <c r="A9649" t="s">
        <v>20</v>
      </c>
      <c r="B9649" t="s">
        <v>60</v>
      </c>
      <c r="C9649" t="s">
        <v>117</v>
      </c>
      <c r="D9649" t="s">
        <v>118</v>
      </c>
      <c r="E9649">
        <v>2011</v>
      </c>
      <c r="F9649">
        <v>2011</v>
      </c>
      <c r="G9649" t="s">
        <v>126</v>
      </c>
      <c r="H9649" t="s">
        <v>124</v>
      </c>
      <c r="I9649" t="s">
        <v>15</v>
      </c>
      <c r="J9649" s="10">
        <v>2.4856016969999999</v>
      </c>
    </row>
    <row r="9650" spans="1:10" x14ac:dyDescent="0.35">
      <c r="A9650" t="s">
        <v>28</v>
      </c>
      <c r="B9650" t="s">
        <v>61</v>
      </c>
      <c r="C9650" t="s">
        <v>117</v>
      </c>
      <c r="D9650" t="s">
        <v>118</v>
      </c>
      <c r="E9650">
        <v>2020</v>
      </c>
      <c r="F9650">
        <v>2020</v>
      </c>
      <c r="G9650" t="s">
        <v>14</v>
      </c>
      <c r="H9650" t="s">
        <v>119</v>
      </c>
      <c r="I9650" t="s">
        <v>15</v>
      </c>
      <c r="J9650" s="10">
        <v>15.63499945</v>
      </c>
    </row>
    <row r="9651" spans="1:10" x14ac:dyDescent="0.35">
      <c r="A9651" t="s">
        <v>28</v>
      </c>
      <c r="B9651" t="s">
        <v>61</v>
      </c>
      <c r="C9651" t="s">
        <v>117</v>
      </c>
      <c r="D9651" t="s">
        <v>118</v>
      </c>
      <c r="E9651">
        <v>2020</v>
      </c>
      <c r="F9651">
        <v>2020</v>
      </c>
      <c r="G9651" t="s">
        <v>14</v>
      </c>
      <c r="H9651" t="s">
        <v>120</v>
      </c>
      <c r="I9651" t="s">
        <v>15</v>
      </c>
      <c r="J9651" s="10">
        <v>8.6477987420000009</v>
      </c>
    </row>
    <row r="9652" spans="1:10" x14ac:dyDescent="0.35">
      <c r="A9652" t="s">
        <v>28</v>
      </c>
      <c r="B9652" t="s">
        <v>61</v>
      </c>
      <c r="C9652" t="s">
        <v>117</v>
      </c>
      <c r="D9652" t="s">
        <v>118</v>
      </c>
      <c r="E9652">
        <v>2020</v>
      </c>
      <c r="F9652">
        <v>2020</v>
      </c>
      <c r="G9652" t="s">
        <v>14</v>
      </c>
      <c r="H9652" t="s">
        <v>121</v>
      </c>
      <c r="I9652" t="s">
        <v>15</v>
      </c>
      <c r="J9652" s="10">
        <v>25.543418290000002</v>
      </c>
    </row>
    <row r="9653" spans="1:10" x14ac:dyDescent="0.35">
      <c r="A9653" t="s">
        <v>28</v>
      </c>
      <c r="B9653" t="s">
        <v>61</v>
      </c>
      <c r="C9653" t="s">
        <v>117</v>
      </c>
      <c r="D9653" t="s">
        <v>118</v>
      </c>
      <c r="E9653">
        <v>2020</v>
      </c>
      <c r="F9653">
        <v>2020</v>
      </c>
      <c r="G9653" t="s">
        <v>14</v>
      </c>
      <c r="H9653" t="s">
        <v>122</v>
      </c>
      <c r="I9653" t="s">
        <v>15</v>
      </c>
      <c r="J9653" s="10">
        <v>23.33940196</v>
      </c>
    </row>
    <row r="9654" spans="1:10" x14ac:dyDescent="0.35">
      <c r="A9654" t="s">
        <v>28</v>
      </c>
      <c r="B9654" t="s">
        <v>61</v>
      </c>
      <c r="C9654" t="s">
        <v>117</v>
      </c>
      <c r="D9654" t="s">
        <v>118</v>
      </c>
      <c r="E9654">
        <v>2020</v>
      </c>
      <c r="F9654">
        <v>2020</v>
      </c>
      <c r="G9654" t="s">
        <v>14</v>
      </c>
      <c r="H9654" t="s">
        <v>123</v>
      </c>
      <c r="I9654" t="s">
        <v>15</v>
      </c>
      <c r="J9654" s="10">
        <v>23.58766413</v>
      </c>
    </row>
    <row r="9655" spans="1:10" x14ac:dyDescent="0.35">
      <c r="A9655" t="s">
        <v>28</v>
      </c>
      <c r="B9655" t="s">
        <v>61</v>
      </c>
      <c r="C9655" t="s">
        <v>117</v>
      </c>
      <c r="D9655" t="s">
        <v>118</v>
      </c>
      <c r="E9655">
        <v>2020</v>
      </c>
      <c r="F9655">
        <v>2020</v>
      </c>
      <c r="G9655" t="s">
        <v>14</v>
      </c>
      <c r="H9655" t="s">
        <v>124</v>
      </c>
      <c r="I9655" t="s">
        <v>15</v>
      </c>
      <c r="J9655" s="10">
        <v>3.2467174220000001</v>
      </c>
    </row>
    <row r="9656" spans="1:10" x14ac:dyDescent="0.35">
      <c r="A9656" t="s">
        <v>28</v>
      </c>
      <c r="B9656" t="s">
        <v>61</v>
      </c>
      <c r="C9656" t="s">
        <v>117</v>
      </c>
      <c r="D9656" t="s">
        <v>118</v>
      </c>
      <c r="E9656">
        <v>2020</v>
      </c>
      <c r="F9656">
        <v>2020</v>
      </c>
      <c r="G9656" t="s">
        <v>125</v>
      </c>
      <c r="H9656" t="s">
        <v>119</v>
      </c>
      <c r="I9656" t="s">
        <v>15</v>
      </c>
      <c r="J9656" s="10">
        <v>16.339608670000001</v>
      </c>
    </row>
    <row r="9657" spans="1:10" x14ac:dyDescent="0.35">
      <c r="A9657" t="s">
        <v>28</v>
      </c>
      <c r="B9657" t="s">
        <v>61</v>
      </c>
      <c r="C9657" t="s">
        <v>117</v>
      </c>
      <c r="D9657" t="s">
        <v>118</v>
      </c>
      <c r="E9657">
        <v>2020</v>
      </c>
      <c r="F9657">
        <v>2020</v>
      </c>
      <c r="G9657" t="s">
        <v>125</v>
      </c>
      <c r="H9657" t="s">
        <v>120</v>
      </c>
      <c r="I9657" t="s">
        <v>15</v>
      </c>
      <c r="J9657" s="10">
        <v>9.3759790380000005</v>
      </c>
    </row>
    <row r="9658" spans="1:10" x14ac:dyDescent="0.35">
      <c r="A9658" t="s">
        <v>28</v>
      </c>
      <c r="B9658" t="s">
        <v>61</v>
      </c>
      <c r="C9658" t="s">
        <v>117</v>
      </c>
      <c r="D9658" t="s">
        <v>118</v>
      </c>
      <c r="E9658">
        <v>2020</v>
      </c>
      <c r="F9658">
        <v>2020</v>
      </c>
      <c r="G9658" t="s">
        <v>125</v>
      </c>
      <c r="H9658" t="s">
        <v>121</v>
      </c>
      <c r="I9658" t="s">
        <v>15</v>
      </c>
      <c r="J9658" s="10">
        <v>25.570334079999999</v>
      </c>
    </row>
    <row r="9659" spans="1:10" x14ac:dyDescent="0.35">
      <c r="A9659" t="s">
        <v>28</v>
      </c>
      <c r="B9659" t="s">
        <v>61</v>
      </c>
      <c r="C9659" t="s">
        <v>117</v>
      </c>
      <c r="D9659" t="s">
        <v>118</v>
      </c>
      <c r="E9659">
        <v>2020</v>
      </c>
      <c r="F9659">
        <v>2020</v>
      </c>
      <c r="G9659" t="s">
        <v>125</v>
      </c>
      <c r="H9659" t="s">
        <v>122</v>
      </c>
      <c r="I9659" t="s">
        <v>15</v>
      </c>
      <c r="J9659" s="10">
        <v>22.964313180000001</v>
      </c>
    </row>
    <row r="9660" spans="1:10" x14ac:dyDescent="0.35">
      <c r="A9660" t="s">
        <v>28</v>
      </c>
      <c r="B9660" t="s">
        <v>61</v>
      </c>
      <c r="C9660" t="s">
        <v>117</v>
      </c>
      <c r="D9660" t="s">
        <v>118</v>
      </c>
      <c r="E9660">
        <v>2020</v>
      </c>
      <c r="F9660">
        <v>2020</v>
      </c>
      <c r="G9660" t="s">
        <v>125</v>
      </c>
      <c r="H9660" t="s">
        <v>123</v>
      </c>
      <c r="I9660" t="s">
        <v>15</v>
      </c>
      <c r="J9660" s="10">
        <v>23.232035539999998</v>
      </c>
    </row>
    <row r="9661" spans="1:10" x14ac:dyDescent="0.35">
      <c r="A9661" t="s">
        <v>28</v>
      </c>
      <c r="B9661" t="s">
        <v>61</v>
      </c>
      <c r="C9661" t="s">
        <v>117</v>
      </c>
      <c r="D9661" t="s">
        <v>118</v>
      </c>
      <c r="E9661">
        <v>2020</v>
      </c>
      <c r="F9661">
        <v>2020</v>
      </c>
      <c r="G9661" t="s">
        <v>125</v>
      </c>
      <c r="H9661" t="s">
        <v>124</v>
      </c>
      <c r="I9661" t="s">
        <v>15</v>
      </c>
      <c r="J9661" s="10">
        <v>2.5177294859999999</v>
      </c>
    </row>
    <row r="9662" spans="1:10" x14ac:dyDescent="0.35">
      <c r="A9662" t="s">
        <v>28</v>
      </c>
      <c r="B9662" t="s">
        <v>61</v>
      </c>
      <c r="C9662" t="s">
        <v>117</v>
      </c>
      <c r="D9662" t="s">
        <v>118</v>
      </c>
      <c r="E9662">
        <v>2020</v>
      </c>
      <c r="F9662">
        <v>2020</v>
      </c>
      <c r="G9662" t="s">
        <v>126</v>
      </c>
      <c r="H9662" t="s">
        <v>119</v>
      </c>
      <c r="I9662" t="s">
        <v>15</v>
      </c>
      <c r="J9662" s="10">
        <v>14.973390739999999</v>
      </c>
    </row>
    <row r="9663" spans="1:10" x14ac:dyDescent="0.35">
      <c r="A9663" t="s">
        <v>28</v>
      </c>
      <c r="B9663" t="s">
        <v>61</v>
      </c>
      <c r="C9663" t="s">
        <v>117</v>
      </c>
      <c r="D9663" t="s">
        <v>118</v>
      </c>
      <c r="E9663">
        <v>2020</v>
      </c>
      <c r="F9663">
        <v>2020</v>
      </c>
      <c r="G9663" t="s">
        <v>126</v>
      </c>
      <c r="H9663" t="s">
        <v>120</v>
      </c>
      <c r="I9663" t="s">
        <v>15</v>
      </c>
      <c r="J9663" s="10">
        <v>7.9640574439999998</v>
      </c>
    </row>
    <row r="9664" spans="1:10" x14ac:dyDescent="0.35">
      <c r="A9664" t="s">
        <v>28</v>
      </c>
      <c r="B9664" t="s">
        <v>61</v>
      </c>
      <c r="C9664" t="s">
        <v>117</v>
      </c>
      <c r="D9664" t="s">
        <v>118</v>
      </c>
      <c r="E9664">
        <v>2020</v>
      </c>
      <c r="F9664">
        <v>2020</v>
      </c>
      <c r="G9664" t="s">
        <v>126</v>
      </c>
      <c r="H9664" t="s">
        <v>121</v>
      </c>
      <c r="I9664" t="s">
        <v>15</v>
      </c>
      <c r="J9664" s="10">
        <v>25.518145109999999</v>
      </c>
    </row>
    <row r="9665" spans="1:10" x14ac:dyDescent="0.35">
      <c r="A9665" t="s">
        <v>28</v>
      </c>
      <c r="B9665" t="s">
        <v>61</v>
      </c>
      <c r="C9665" t="s">
        <v>117</v>
      </c>
      <c r="D9665" t="s">
        <v>118</v>
      </c>
      <c r="E9665">
        <v>2020</v>
      </c>
      <c r="F9665">
        <v>2020</v>
      </c>
      <c r="G9665" t="s">
        <v>126</v>
      </c>
      <c r="H9665" t="s">
        <v>122</v>
      </c>
      <c r="I9665" t="s">
        <v>15</v>
      </c>
      <c r="J9665" s="10">
        <v>23.69160003</v>
      </c>
    </row>
    <row r="9666" spans="1:10" x14ac:dyDescent="0.35">
      <c r="A9666" t="s">
        <v>28</v>
      </c>
      <c r="B9666" t="s">
        <v>61</v>
      </c>
      <c r="C9666" t="s">
        <v>117</v>
      </c>
      <c r="D9666" t="s">
        <v>118</v>
      </c>
      <c r="E9666">
        <v>2020</v>
      </c>
      <c r="F9666">
        <v>2020</v>
      </c>
      <c r="G9666" t="s">
        <v>126</v>
      </c>
      <c r="H9666" t="s">
        <v>123</v>
      </c>
      <c r="I9666" t="s">
        <v>15</v>
      </c>
      <c r="J9666" s="10">
        <v>23.921589600000001</v>
      </c>
    </row>
    <row r="9667" spans="1:10" x14ac:dyDescent="0.35">
      <c r="A9667" t="s">
        <v>28</v>
      </c>
      <c r="B9667" t="s">
        <v>61</v>
      </c>
      <c r="C9667" t="s">
        <v>117</v>
      </c>
      <c r="D9667" t="s">
        <v>118</v>
      </c>
      <c r="E9667">
        <v>2020</v>
      </c>
      <c r="F9667">
        <v>2020</v>
      </c>
      <c r="G9667" t="s">
        <v>126</v>
      </c>
      <c r="H9667" t="s">
        <v>124</v>
      </c>
      <c r="I9667" t="s">
        <v>15</v>
      </c>
      <c r="J9667" s="10">
        <v>3.931217073</v>
      </c>
    </row>
    <row r="9668" spans="1:10" x14ac:dyDescent="0.35">
      <c r="A9668" t="s">
        <v>28</v>
      </c>
      <c r="B9668" t="s">
        <v>61</v>
      </c>
      <c r="C9668" t="s">
        <v>117</v>
      </c>
      <c r="D9668" t="s">
        <v>118</v>
      </c>
      <c r="E9668">
        <v>2019</v>
      </c>
      <c r="F9668">
        <v>2019</v>
      </c>
      <c r="G9668" t="s">
        <v>14</v>
      </c>
      <c r="H9668" t="s">
        <v>119</v>
      </c>
      <c r="I9668" t="s">
        <v>15</v>
      </c>
      <c r="J9668" s="10">
        <v>15.773891109999999</v>
      </c>
    </row>
    <row r="9669" spans="1:10" x14ac:dyDescent="0.35">
      <c r="A9669" t="s">
        <v>28</v>
      </c>
      <c r="B9669" t="s">
        <v>61</v>
      </c>
      <c r="C9669" t="s">
        <v>117</v>
      </c>
      <c r="D9669" t="s">
        <v>118</v>
      </c>
      <c r="E9669">
        <v>2019</v>
      </c>
      <c r="F9669">
        <v>2019</v>
      </c>
      <c r="G9669" t="s">
        <v>14</v>
      </c>
      <c r="H9669" t="s">
        <v>120</v>
      </c>
      <c r="I9669" t="s">
        <v>15</v>
      </c>
      <c r="J9669" s="10">
        <v>8.8121607540000007</v>
      </c>
    </row>
    <row r="9670" spans="1:10" x14ac:dyDescent="0.35">
      <c r="A9670" t="s">
        <v>28</v>
      </c>
      <c r="B9670" t="s">
        <v>61</v>
      </c>
      <c r="C9670" t="s">
        <v>117</v>
      </c>
      <c r="D9670" t="s">
        <v>118</v>
      </c>
      <c r="E9670">
        <v>2019</v>
      </c>
      <c r="F9670">
        <v>2019</v>
      </c>
      <c r="G9670" t="s">
        <v>14</v>
      </c>
      <c r="H9670" t="s">
        <v>121</v>
      </c>
      <c r="I9670" t="s">
        <v>15</v>
      </c>
      <c r="J9670" s="10">
        <v>25.66752563</v>
      </c>
    </row>
    <row r="9671" spans="1:10" x14ac:dyDescent="0.35">
      <c r="A9671" t="s">
        <v>28</v>
      </c>
      <c r="B9671" t="s">
        <v>61</v>
      </c>
      <c r="C9671" t="s">
        <v>117</v>
      </c>
      <c r="D9671" t="s">
        <v>118</v>
      </c>
      <c r="E9671">
        <v>2019</v>
      </c>
      <c r="F9671">
        <v>2019</v>
      </c>
      <c r="G9671" t="s">
        <v>14</v>
      </c>
      <c r="H9671" t="s">
        <v>122</v>
      </c>
      <c r="I9671" t="s">
        <v>15</v>
      </c>
      <c r="J9671" s="10">
        <v>23.300345409999998</v>
      </c>
    </row>
    <row r="9672" spans="1:10" x14ac:dyDescent="0.35">
      <c r="A9672" t="s">
        <v>28</v>
      </c>
      <c r="B9672" t="s">
        <v>61</v>
      </c>
      <c r="C9672" t="s">
        <v>117</v>
      </c>
      <c r="D9672" t="s">
        <v>118</v>
      </c>
      <c r="E9672">
        <v>2019</v>
      </c>
      <c r="F9672">
        <v>2019</v>
      </c>
      <c r="G9672" t="s">
        <v>14</v>
      </c>
      <c r="H9672" t="s">
        <v>123</v>
      </c>
      <c r="I9672" t="s">
        <v>15</v>
      </c>
      <c r="J9672" s="10">
        <v>23.251000600000001</v>
      </c>
    </row>
    <row r="9673" spans="1:10" x14ac:dyDescent="0.35">
      <c r="A9673" t="s">
        <v>28</v>
      </c>
      <c r="B9673" t="s">
        <v>61</v>
      </c>
      <c r="C9673" t="s">
        <v>117</v>
      </c>
      <c r="D9673" t="s">
        <v>118</v>
      </c>
      <c r="E9673">
        <v>2019</v>
      </c>
      <c r="F9673">
        <v>2019</v>
      </c>
      <c r="G9673" t="s">
        <v>14</v>
      </c>
      <c r="H9673" t="s">
        <v>124</v>
      </c>
      <c r="I9673" t="s">
        <v>15</v>
      </c>
      <c r="J9673" s="10">
        <v>3.1950764839999999</v>
      </c>
    </row>
    <row r="9674" spans="1:10" x14ac:dyDescent="0.35">
      <c r="A9674" t="s">
        <v>28</v>
      </c>
      <c r="B9674" t="s">
        <v>61</v>
      </c>
      <c r="C9674" t="s">
        <v>117</v>
      </c>
      <c r="D9674" t="s">
        <v>118</v>
      </c>
      <c r="E9674">
        <v>2019</v>
      </c>
      <c r="F9674">
        <v>2019</v>
      </c>
      <c r="G9674" t="s">
        <v>125</v>
      </c>
      <c r="H9674" t="s">
        <v>119</v>
      </c>
      <c r="I9674" t="s">
        <v>15</v>
      </c>
      <c r="J9674" s="10">
        <v>16.306655719999998</v>
      </c>
    </row>
    <row r="9675" spans="1:10" x14ac:dyDescent="0.35">
      <c r="A9675" t="s">
        <v>28</v>
      </c>
      <c r="B9675" t="s">
        <v>61</v>
      </c>
      <c r="C9675" t="s">
        <v>117</v>
      </c>
      <c r="D9675" t="s">
        <v>118</v>
      </c>
      <c r="E9675">
        <v>2019</v>
      </c>
      <c r="F9675">
        <v>2019</v>
      </c>
      <c r="G9675" t="s">
        <v>125</v>
      </c>
      <c r="H9675" t="s">
        <v>120</v>
      </c>
      <c r="I9675" t="s">
        <v>15</v>
      </c>
      <c r="J9675" s="10">
        <v>9.6424426010000008</v>
      </c>
    </row>
    <row r="9676" spans="1:10" x14ac:dyDescent="0.35">
      <c r="A9676" t="s">
        <v>28</v>
      </c>
      <c r="B9676" t="s">
        <v>61</v>
      </c>
      <c r="C9676" t="s">
        <v>117</v>
      </c>
      <c r="D9676" t="s">
        <v>118</v>
      </c>
      <c r="E9676">
        <v>2019</v>
      </c>
      <c r="F9676">
        <v>2019</v>
      </c>
      <c r="G9676" t="s">
        <v>125</v>
      </c>
      <c r="H9676" t="s">
        <v>121</v>
      </c>
      <c r="I9676" t="s">
        <v>15</v>
      </c>
      <c r="J9676" s="10">
        <v>25.69147581</v>
      </c>
    </row>
    <row r="9677" spans="1:10" x14ac:dyDescent="0.35">
      <c r="A9677" t="s">
        <v>28</v>
      </c>
      <c r="B9677" t="s">
        <v>61</v>
      </c>
      <c r="C9677" t="s">
        <v>117</v>
      </c>
      <c r="D9677" t="s">
        <v>118</v>
      </c>
      <c r="E9677">
        <v>2019</v>
      </c>
      <c r="F9677">
        <v>2019</v>
      </c>
      <c r="G9677" t="s">
        <v>125</v>
      </c>
      <c r="H9677" t="s">
        <v>122</v>
      </c>
      <c r="I9677" t="s">
        <v>15</v>
      </c>
      <c r="J9677" s="10">
        <v>22.976530870000001</v>
      </c>
    </row>
    <row r="9678" spans="1:10" x14ac:dyDescent="0.35">
      <c r="A9678" t="s">
        <v>28</v>
      </c>
      <c r="B9678" t="s">
        <v>61</v>
      </c>
      <c r="C9678" t="s">
        <v>117</v>
      </c>
      <c r="D9678" t="s">
        <v>118</v>
      </c>
      <c r="E9678">
        <v>2019</v>
      </c>
      <c r="F9678">
        <v>2019</v>
      </c>
      <c r="G9678" t="s">
        <v>125</v>
      </c>
      <c r="H9678" t="s">
        <v>123</v>
      </c>
      <c r="I9678" t="s">
        <v>15</v>
      </c>
      <c r="J9678" s="10">
        <v>22.900093420000001</v>
      </c>
    </row>
    <row r="9679" spans="1:10" x14ac:dyDescent="0.35">
      <c r="A9679" t="s">
        <v>28</v>
      </c>
      <c r="B9679" t="s">
        <v>61</v>
      </c>
      <c r="C9679" t="s">
        <v>117</v>
      </c>
      <c r="D9679" t="s">
        <v>118</v>
      </c>
      <c r="E9679">
        <v>2019</v>
      </c>
      <c r="F9679">
        <v>2019</v>
      </c>
      <c r="G9679" t="s">
        <v>125</v>
      </c>
      <c r="H9679" t="s">
        <v>124</v>
      </c>
      <c r="I9679" t="s">
        <v>15</v>
      </c>
      <c r="J9679" s="10">
        <v>2.4828015739999998</v>
      </c>
    </row>
    <row r="9680" spans="1:10" x14ac:dyDescent="0.35">
      <c r="A9680" t="s">
        <v>28</v>
      </c>
      <c r="B9680" t="s">
        <v>61</v>
      </c>
      <c r="C9680" t="s">
        <v>117</v>
      </c>
      <c r="D9680" t="s">
        <v>118</v>
      </c>
      <c r="E9680">
        <v>2019</v>
      </c>
      <c r="F9680">
        <v>2019</v>
      </c>
      <c r="G9680" t="s">
        <v>126</v>
      </c>
      <c r="H9680" t="s">
        <v>119</v>
      </c>
      <c r="I9680" t="s">
        <v>15</v>
      </c>
      <c r="J9680" s="10">
        <v>15.27382882</v>
      </c>
    </row>
    <row r="9681" spans="1:10" x14ac:dyDescent="0.35">
      <c r="A9681" t="s">
        <v>28</v>
      </c>
      <c r="B9681" t="s">
        <v>61</v>
      </c>
      <c r="C9681" t="s">
        <v>117</v>
      </c>
      <c r="D9681" t="s">
        <v>118</v>
      </c>
      <c r="E9681">
        <v>2019</v>
      </c>
      <c r="F9681">
        <v>2019</v>
      </c>
      <c r="G9681" t="s">
        <v>126</v>
      </c>
      <c r="H9681" t="s">
        <v>120</v>
      </c>
      <c r="I9681" t="s">
        <v>15</v>
      </c>
      <c r="J9681" s="10">
        <v>8.0328435149999997</v>
      </c>
    </row>
    <row r="9682" spans="1:10" x14ac:dyDescent="0.35">
      <c r="A9682" t="s">
        <v>28</v>
      </c>
      <c r="B9682" t="s">
        <v>61</v>
      </c>
      <c r="C9682" t="s">
        <v>117</v>
      </c>
      <c r="D9682" t="s">
        <v>118</v>
      </c>
      <c r="E9682">
        <v>2019</v>
      </c>
      <c r="F9682">
        <v>2019</v>
      </c>
      <c r="G9682" t="s">
        <v>126</v>
      </c>
      <c r="H9682" t="s">
        <v>121</v>
      </c>
      <c r="I9682" t="s">
        <v>15</v>
      </c>
      <c r="J9682" s="10">
        <v>25.645045570000001</v>
      </c>
    </row>
    <row r="9683" spans="1:10" x14ac:dyDescent="0.35">
      <c r="A9683" t="s">
        <v>28</v>
      </c>
      <c r="B9683" t="s">
        <v>61</v>
      </c>
      <c r="C9683" t="s">
        <v>117</v>
      </c>
      <c r="D9683" t="s">
        <v>118</v>
      </c>
      <c r="E9683">
        <v>2019</v>
      </c>
      <c r="F9683">
        <v>2019</v>
      </c>
      <c r="G9683" t="s">
        <v>126</v>
      </c>
      <c r="H9683" t="s">
        <v>122</v>
      </c>
      <c r="I9683" t="s">
        <v>15</v>
      </c>
      <c r="J9683" s="10">
        <v>23.604283469999999</v>
      </c>
    </row>
    <row r="9684" spans="1:10" x14ac:dyDescent="0.35">
      <c r="A9684" t="s">
        <v>28</v>
      </c>
      <c r="B9684" t="s">
        <v>61</v>
      </c>
      <c r="C9684" t="s">
        <v>117</v>
      </c>
      <c r="D9684" t="s">
        <v>118</v>
      </c>
      <c r="E9684">
        <v>2019</v>
      </c>
      <c r="F9684">
        <v>2019</v>
      </c>
      <c r="G9684" t="s">
        <v>126</v>
      </c>
      <c r="H9684" t="s">
        <v>123</v>
      </c>
      <c r="I9684" t="s">
        <v>15</v>
      </c>
      <c r="J9684" s="10">
        <v>23.580368289999999</v>
      </c>
    </row>
    <row r="9685" spans="1:10" x14ac:dyDescent="0.35">
      <c r="A9685" t="s">
        <v>28</v>
      </c>
      <c r="B9685" t="s">
        <v>61</v>
      </c>
      <c r="C9685" t="s">
        <v>117</v>
      </c>
      <c r="D9685" t="s">
        <v>118</v>
      </c>
      <c r="E9685">
        <v>2019</v>
      </c>
      <c r="F9685">
        <v>2019</v>
      </c>
      <c r="G9685" t="s">
        <v>126</v>
      </c>
      <c r="H9685" t="s">
        <v>124</v>
      </c>
      <c r="I9685" t="s">
        <v>15</v>
      </c>
      <c r="J9685" s="10">
        <v>3.8636303239999998</v>
      </c>
    </row>
    <row r="9686" spans="1:10" x14ac:dyDescent="0.35">
      <c r="A9686" t="s">
        <v>28</v>
      </c>
      <c r="B9686" t="s">
        <v>61</v>
      </c>
      <c r="C9686" t="s">
        <v>117</v>
      </c>
      <c r="D9686" t="s">
        <v>118</v>
      </c>
      <c r="E9686">
        <v>2018</v>
      </c>
      <c r="F9686">
        <v>2018</v>
      </c>
      <c r="G9686" t="s">
        <v>14</v>
      </c>
      <c r="H9686" t="s">
        <v>119</v>
      </c>
      <c r="I9686" t="s">
        <v>15</v>
      </c>
      <c r="J9686" s="10">
        <v>15.962216039999999</v>
      </c>
    </row>
    <row r="9687" spans="1:10" x14ac:dyDescent="0.35">
      <c r="A9687" t="s">
        <v>28</v>
      </c>
      <c r="B9687" t="s">
        <v>61</v>
      </c>
      <c r="C9687" t="s">
        <v>117</v>
      </c>
      <c r="D9687" t="s">
        <v>118</v>
      </c>
      <c r="E9687">
        <v>2018</v>
      </c>
      <c r="F9687">
        <v>2018</v>
      </c>
      <c r="G9687" t="s">
        <v>14</v>
      </c>
      <c r="H9687" t="s">
        <v>120</v>
      </c>
      <c r="I9687" t="s">
        <v>15</v>
      </c>
      <c r="J9687" s="10">
        <v>8.9538119849999998</v>
      </c>
    </row>
    <row r="9688" spans="1:10" x14ac:dyDescent="0.35">
      <c r="A9688" t="s">
        <v>28</v>
      </c>
      <c r="B9688" t="s">
        <v>61</v>
      </c>
      <c r="C9688" t="s">
        <v>117</v>
      </c>
      <c r="D9688" t="s">
        <v>118</v>
      </c>
      <c r="E9688">
        <v>2018</v>
      </c>
      <c r="F9688">
        <v>2018</v>
      </c>
      <c r="G9688" t="s">
        <v>14</v>
      </c>
      <c r="H9688" t="s">
        <v>121</v>
      </c>
      <c r="I9688" t="s">
        <v>15</v>
      </c>
      <c r="J9688" s="10">
        <v>26.004579039999999</v>
      </c>
    </row>
    <row r="9689" spans="1:10" x14ac:dyDescent="0.35">
      <c r="A9689" t="s">
        <v>28</v>
      </c>
      <c r="B9689" t="s">
        <v>61</v>
      </c>
      <c r="C9689" t="s">
        <v>117</v>
      </c>
      <c r="D9689" t="s">
        <v>118</v>
      </c>
      <c r="E9689">
        <v>2018</v>
      </c>
      <c r="F9689">
        <v>2018</v>
      </c>
      <c r="G9689" t="s">
        <v>14</v>
      </c>
      <c r="H9689" t="s">
        <v>122</v>
      </c>
      <c r="I9689" t="s">
        <v>15</v>
      </c>
      <c r="J9689" s="10">
        <v>23.083039719999999</v>
      </c>
    </row>
    <row r="9690" spans="1:10" x14ac:dyDescent="0.35">
      <c r="A9690" t="s">
        <v>28</v>
      </c>
      <c r="B9690" t="s">
        <v>61</v>
      </c>
      <c r="C9690" t="s">
        <v>117</v>
      </c>
      <c r="D9690" t="s">
        <v>118</v>
      </c>
      <c r="E9690">
        <v>2018</v>
      </c>
      <c r="F9690">
        <v>2018</v>
      </c>
      <c r="G9690" t="s">
        <v>14</v>
      </c>
      <c r="H9690" t="s">
        <v>123</v>
      </c>
      <c r="I9690" t="s">
        <v>15</v>
      </c>
      <c r="J9690" s="10">
        <v>22.87602309</v>
      </c>
    </row>
    <row r="9691" spans="1:10" x14ac:dyDescent="0.35">
      <c r="A9691" t="s">
        <v>28</v>
      </c>
      <c r="B9691" t="s">
        <v>61</v>
      </c>
      <c r="C9691" t="s">
        <v>117</v>
      </c>
      <c r="D9691" t="s">
        <v>118</v>
      </c>
      <c r="E9691">
        <v>2018</v>
      </c>
      <c r="F9691">
        <v>2018</v>
      </c>
      <c r="G9691" t="s">
        <v>14</v>
      </c>
      <c r="H9691" t="s">
        <v>124</v>
      </c>
      <c r="I9691" t="s">
        <v>15</v>
      </c>
      <c r="J9691" s="10">
        <v>3.1203301300000001</v>
      </c>
    </row>
    <row r="9692" spans="1:10" x14ac:dyDescent="0.35">
      <c r="A9692" t="s">
        <v>28</v>
      </c>
      <c r="B9692" t="s">
        <v>61</v>
      </c>
      <c r="C9692" t="s">
        <v>117</v>
      </c>
      <c r="D9692" t="s">
        <v>118</v>
      </c>
      <c r="E9692">
        <v>2018</v>
      </c>
      <c r="F9692">
        <v>2018</v>
      </c>
      <c r="G9692" t="s">
        <v>125</v>
      </c>
      <c r="H9692" t="s">
        <v>119</v>
      </c>
      <c r="I9692" t="s">
        <v>15</v>
      </c>
      <c r="J9692" s="10">
        <v>16.672819700000002</v>
      </c>
    </row>
    <row r="9693" spans="1:10" x14ac:dyDescent="0.35">
      <c r="A9693" t="s">
        <v>28</v>
      </c>
      <c r="B9693" t="s">
        <v>61</v>
      </c>
      <c r="C9693" t="s">
        <v>117</v>
      </c>
      <c r="D9693" t="s">
        <v>118</v>
      </c>
      <c r="E9693">
        <v>2018</v>
      </c>
      <c r="F9693">
        <v>2018</v>
      </c>
      <c r="G9693" t="s">
        <v>125</v>
      </c>
      <c r="H9693" t="s">
        <v>120</v>
      </c>
      <c r="I9693" t="s">
        <v>15</v>
      </c>
      <c r="J9693" s="10">
        <v>9.7407207570000001</v>
      </c>
    </row>
    <row r="9694" spans="1:10" x14ac:dyDescent="0.35">
      <c r="A9694" t="s">
        <v>28</v>
      </c>
      <c r="B9694" t="s">
        <v>61</v>
      </c>
      <c r="C9694" t="s">
        <v>117</v>
      </c>
      <c r="D9694" t="s">
        <v>118</v>
      </c>
      <c r="E9694">
        <v>2018</v>
      </c>
      <c r="F9694">
        <v>2018</v>
      </c>
      <c r="G9694" t="s">
        <v>125</v>
      </c>
      <c r="H9694" t="s">
        <v>121</v>
      </c>
      <c r="I9694" t="s">
        <v>15</v>
      </c>
      <c r="J9694" s="10">
        <v>25.905205460000001</v>
      </c>
    </row>
    <row r="9695" spans="1:10" x14ac:dyDescent="0.35">
      <c r="A9695" t="s">
        <v>28</v>
      </c>
      <c r="B9695" t="s">
        <v>61</v>
      </c>
      <c r="C9695" t="s">
        <v>117</v>
      </c>
      <c r="D9695" t="s">
        <v>118</v>
      </c>
      <c r="E9695">
        <v>2018</v>
      </c>
      <c r="F9695">
        <v>2018</v>
      </c>
      <c r="G9695" t="s">
        <v>125</v>
      </c>
      <c r="H9695" t="s">
        <v>122</v>
      </c>
      <c r="I9695" t="s">
        <v>15</v>
      </c>
      <c r="J9695" s="10">
        <v>22.76715986</v>
      </c>
    </row>
    <row r="9696" spans="1:10" x14ac:dyDescent="0.35">
      <c r="A9696" t="s">
        <v>28</v>
      </c>
      <c r="B9696" t="s">
        <v>61</v>
      </c>
      <c r="C9696" t="s">
        <v>117</v>
      </c>
      <c r="D9696" t="s">
        <v>118</v>
      </c>
      <c r="E9696">
        <v>2018</v>
      </c>
      <c r="F9696">
        <v>2018</v>
      </c>
      <c r="G9696" t="s">
        <v>125</v>
      </c>
      <c r="H9696" t="s">
        <v>123</v>
      </c>
      <c r="I9696" t="s">
        <v>15</v>
      </c>
      <c r="J9696" s="10">
        <v>22.500212990000001</v>
      </c>
    </row>
    <row r="9697" spans="1:10" x14ac:dyDescent="0.35">
      <c r="A9697" t="s">
        <v>28</v>
      </c>
      <c r="B9697" t="s">
        <v>61</v>
      </c>
      <c r="C9697" t="s">
        <v>117</v>
      </c>
      <c r="D9697" t="s">
        <v>118</v>
      </c>
      <c r="E9697">
        <v>2018</v>
      </c>
      <c r="F9697">
        <v>2018</v>
      </c>
      <c r="G9697" t="s">
        <v>125</v>
      </c>
      <c r="H9697" t="s">
        <v>124</v>
      </c>
      <c r="I9697" t="s">
        <v>15</v>
      </c>
      <c r="J9697" s="10">
        <v>2.413881237</v>
      </c>
    </row>
    <row r="9698" spans="1:10" x14ac:dyDescent="0.35">
      <c r="A9698" t="s">
        <v>28</v>
      </c>
      <c r="B9698" t="s">
        <v>61</v>
      </c>
      <c r="C9698" t="s">
        <v>117</v>
      </c>
      <c r="D9698" t="s">
        <v>118</v>
      </c>
      <c r="E9698">
        <v>2018</v>
      </c>
      <c r="F9698">
        <v>2018</v>
      </c>
      <c r="G9698" t="s">
        <v>126</v>
      </c>
      <c r="H9698" t="s">
        <v>119</v>
      </c>
      <c r="I9698" t="s">
        <v>15</v>
      </c>
      <c r="J9698" s="10">
        <v>15.29898219</v>
      </c>
    </row>
    <row r="9699" spans="1:10" x14ac:dyDescent="0.35">
      <c r="A9699" t="s">
        <v>28</v>
      </c>
      <c r="B9699" t="s">
        <v>61</v>
      </c>
      <c r="C9699" t="s">
        <v>117</v>
      </c>
      <c r="D9699" t="s">
        <v>118</v>
      </c>
      <c r="E9699">
        <v>2018</v>
      </c>
      <c r="F9699">
        <v>2018</v>
      </c>
      <c r="G9699" t="s">
        <v>126</v>
      </c>
      <c r="H9699" t="s">
        <v>120</v>
      </c>
      <c r="I9699" t="s">
        <v>15</v>
      </c>
      <c r="J9699" s="10">
        <v>8.2193596269999993</v>
      </c>
    </row>
    <row r="9700" spans="1:10" x14ac:dyDescent="0.35">
      <c r="A9700" t="s">
        <v>28</v>
      </c>
      <c r="B9700" t="s">
        <v>61</v>
      </c>
      <c r="C9700" t="s">
        <v>117</v>
      </c>
      <c r="D9700" t="s">
        <v>118</v>
      </c>
      <c r="E9700">
        <v>2018</v>
      </c>
      <c r="F9700">
        <v>2018</v>
      </c>
      <c r="G9700" t="s">
        <v>126</v>
      </c>
      <c r="H9700" t="s">
        <v>121</v>
      </c>
      <c r="I9700" t="s">
        <v>15</v>
      </c>
      <c r="J9700" s="10">
        <v>26.09732824</v>
      </c>
    </row>
    <row r="9701" spans="1:10" x14ac:dyDescent="0.35">
      <c r="A9701" t="s">
        <v>28</v>
      </c>
      <c r="B9701" t="s">
        <v>61</v>
      </c>
      <c r="C9701" t="s">
        <v>117</v>
      </c>
      <c r="D9701" t="s">
        <v>118</v>
      </c>
      <c r="E9701">
        <v>2018</v>
      </c>
      <c r="F9701">
        <v>2018</v>
      </c>
      <c r="G9701" t="s">
        <v>126</v>
      </c>
      <c r="H9701" t="s">
        <v>122</v>
      </c>
      <c r="I9701" t="s">
        <v>15</v>
      </c>
      <c r="J9701" s="10">
        <v>23.3778626</v>
      </c>
    </row>
    <row r="9702" spans="1:10" x14ac:dyDescent="0.35">
      <c r="A9702" t="s">
        <v>28</v>
      </c>
      <c r="B9702" t="s">
        <v>61</v>
      </c>
      <c r="C9702" t="s">
        <v>117</v>
      </c>
      <c r="D9702" t="s">
        <v>118</v>
      </c>
      <c r="E9702">
        <v>2018</v>
      </c>
      <c r="F9702">
        <v>2018</v>
      </c>
      <c r="G9702" t="s">
        <v>126</v>
      </c>
      <c r="H9702" t="s">
        <v>123</v>
      </c>
      <c r="I9702" t="s">
        <v>15</v>
      </c>
      <c r="J9702" s="10">
        <v>23.226781169999999</v>
      </c>
    </row>
    <row r="9703" spans="1:10" x14ac:dyDescent="0.35">
      <c r="A9703" t="s">
        <v>28</v>
      </c>
      <c r="B9703" t="s">
        <v>61</v>
      </c>
      <c r="C9703" t="s">
        <v>117</v>
      </c>
      <c r="D9703" t="s">
        <v>118</v>
      </c>
      <c r="E9703">
        <v>2018</v>
      </c>
      <c r="F9703">
        <v>2018</v>
      </c>
      <c r="G9703" t="s">
        <v>126</v>
      </c>
      <c r="H9703" t="s">
        <v>124</v>
      </c>
      <c r="I9703" t="s">
        <v>15</v>
      </c>
      <c r="J9703" s="10">
        <v>3.7796861750000001</v>
      </c>
    </row>
    <row r="9704" spans="1:10" x14ac:dyDescent="0.35">
      <c r="A9704" t="s">
        <v>28</v>
      </c>
      <c r="B9704" t="s">
        <v>61</v>
      </c>
      <c r="C9704" t="s">
        <v>117</v>
      </c>
      <c r="D9704" t="s">
        <v>118</v>
      </c>
      <c r="E9704">
        <v>2017</v>
      </c>
      <c r="F9704">
        <v>2017</v>
      </c>
      <c r="G9704" t="s">
        <v>14</v>
      </c>
      <c r="H9704" t="s">
        <v>119</v>
      </c>
      <c r="I9704" t="s">
        <v>15</v>
      </c>
      <c r="J9704" s="10">
        <v>15.97654919</v>
      </c>
    </row>
    <row r="9705" spans="1:10" x14ac:dyDescent="0.35">
      <c r="A9705" t="s">
        <v>28</v>
      </c>
      <c r="B9705" t="s">
        <v>61</v>
      </c>
      <c r="C9705" t="s">
        <v>117</v>
      </c>
      <c r="D9705" t="s">
        <v>118</v>
      </c>
      <c r="E9705">
        <v>2017</v>
      </c>
      <c r="F9705">
        <v>2017</v>
      </c>
      <c r="G9705" t="s">
        <v>14</v>
      </c>
      <c r="H9705" t="s">
        <v>120</v>
      </c>
      <c r="I9705" t="s">
        <v>15</v>
      </c>
      <c r="J9705" s="10">
        <v>9.2030813279999997</v>
      </c>
    </row>
    <row r="9706" spans="1:10" x14ac:dyDescent="0.35">
      <c r="A9706" t="s">
        <v>28</v>
      </c>
      <c r="B9706" t="s">
        <v>61</v>
      </c>
      <c r="C9706" t="s">
        <v>117</v>
      </c>
      <c r="D9706" t="s">
        <v>118</v>
      </c>
      <c r="E9706">
        <v>2017</v>
      </c>
      <c r="F9706">
        <v>2017</v>
      </c>
      <c r="G9706" t="s">
        <v>14</v>
      </c>
      <c r="H9706" t="s">
        <v>121</v>
      </c>
      <c r="I9706" t="s">
        <v>15</v>
      </c>
      <c r="J9706" s="10">
        <v>26.319449179999999</v>
      </c>
    </row>
    <row r="9707" spans="1:10" x14ac:dyDescent="0.35">
      <c r="A9707" t="s">
        <v>28</v>
      </c>
      <c r="B9707" t="s">
        <v>61</v>
      </c>
      <c r="C9707" t="s">
        <v>117</v>
      </c>
      <c r="D9707" t="s">
        <v>118</v>
      </c>
      <c r="E9707">
        <v>2017</v>
      </c>
      <c r="F9707">
        <v>2017</v>
      </c>
      <c r="G9707" t="s">
        <v>14</v>
      </c>
      <c r="H9707" t="s">
        <v>122</v>
      </c>
      <c r="I9707" t="s">
        <v>15</v>
      </c>
      <c r="J9707" s="10">
        <v>22.848183240000001</v>
      </c>
    </row>
    <row r="9708" spans="1:10" x14ac:dyDescent="0.35">
      <c r="A9708" t="s">
        <v>28</v>
      </c>
      <c r="B9708" t="s">
        <v>61</v>
      </c>
      <c r="C9708" t="s">
        <v>117</v>
      </c>
      <c r="D9708" t="s">
        <v>118</v>
      </c>
      <c r="E9708">
        <v>2017</v>
      </c>
      <c r="F9708">
        <v>2017</v>
      </c>
      <c r="G9708" t="s">
        <v>14</v>
      </c>
      <c r="H9708" t="s">
        <v>123</v>
      </c>
      <c r="I9708" t="s">
        <v>15</v>
      </c>
      <c r="J9708" s="10">
        <v>22.555048060000001</v>
      </c>
    </row>
    <row r="9709" spans="1:10" x14ac:dyDescent="0.35">
      <c r="A9709" t="s">
        <v>28</v>
      </c>
      <c r="B9709" t="s">
        <v>61</v>
      </c>
      <c r="C9709" t="s">
        <v>117</v>
      </c>
      <c r="D9709" t="s">
        <v>118</v>
      </c>
      <c r="E9709">
        <v>2017</v>
      </c>
      <c r="F9709">
        <v>2017</v>
      </c>
      <c r="G9709" t="s">
        <v>14</v>
      </c>
      <c r="H9709" t="s">
        <v>124</v>
      </c>
      <c r="I9709" t="s">
        <v>15</v>
      </c>
      <c r="J9709" s="10">
        <v>3.0976890039999998</v>
      </c>
    </row>
    <row r="9710" spans="1:10" x14ac:dyDescent="0.35">
      <c r="A9710" t="s">
        <v>28</v>
      </c>
      <c r="B9710" t="s">
        <v>61</v>
      </c>
      <c r="C9710" t="s">
        <v>117</v>
      </c>
      <c r="D9710" t="s">
        <v>118</v>
      </c>
      <c r="E9710">
        <v>2017</v>
      </c>
      <c r="F9710">
        <v>2017</v>
      </c>
      <c r="G9710" t="s">
        <v>125</v>
      </c>
      <c r="H9710" t="s">
        <v>119</v>
      </c>
      <c r="I9710" t="s">
        <v>15</v>
      </c>
      <c r="J9710" s="10">
        <v>16.819787989999998</v>
      </c>
    </row>
    <row r="9711" spans="1:10" x14ac:dyDescent="0.35">
      <c r="A9711" t="s">
        <v>28</v>
      </c>
      <c r="B9711" t="s">
        <v>61</v>
      </c>
      <c r="C9711" t="s">
        <v>117</v>
      </c>
      <c r="D9711" t="s">
        <v>118</v>
      </c>
      <c r="E9711">
        <v>2017</v>
      </c>
      <c r="F9711">
        <v>2017</v>
      </c>
      <c r="G9711" t="s">
        <v>125</v>
      </c>
      <c r="H9711" t="s">
        <v>120</v>
      </c>
      <c r="I9711" t="s">
        <v>15</v>
      </c>
      <c r="J9711" s="10">
        <v>9.8487632509999994</v>
      </c>
    </row>
    <row r="9712" spans="1:10" x14ac:dyDescent="0.35">
      <c r="A9712" t="s">
        <v>28</v>
      </c>
      <c r="B9712" t="s">
        <v>61</v>
      </c>
      <c r="C9712" t="s">
        <v>117</v>
      </c>
      <c r="D9712" t="s">
        <v>118</v>
      </c>
      <c r="E9712">
        <v>2017</v>
      </c>
      <c r="F9712">
        <v>2017</v>
      </c>
      <c r="G9712" t="s">
        <v>125</v>
      </c>
      <c r="H9712" t="s">
        <v>121</v>
      </c>
      <c r="I9712" t="s">
        <v>15</v>
      </c>
      <c r="J9712" s="10">
        <v>26.117314489999998</v>
      </c>
    </row>
    <row r="9713" spans="1:10" x14ac:dyDescent="0.35">
      <c r="A9713" t="s">
        <v>28</v>
      </c>
      <c r="B9713" t="s">
        <v>61</v>
      </c>
      <c r="C9713" t="s">
        <v>117</v>
      </c>
      <c r="D9713" t="s">
        <v>118</v>
      </c>
      <c r="E9713">
        <v>2017</v>
      </c>
      <c r="F9713">
        <v>2017</v>
      </c>
      <c r="G9713" t="s">
        <v>125</v>
      </c>
      <c r="H9713" t="s">
        <v>122</v>
      </c>
      <c r="I9713" t="s">
        <v>15</v>
      </c>
      <c r="J9713" s="10">
        <v>22.657243820000001</v>
      </c>
    </row>
    <row r="9714" spans="1:10" x14ac:dyDescent="0.35">
      <c r="A9714" t="s">
        <v>28</v>
      </c>
      <c r="B9714" t="s">
        <v>61</v>
      </c>
      <c r="C9714" t="s">
        <v>117</v>
      </c>
      <c r="D9714" t="s">
        <v>118</v>
      </c>
      <c r="E9714">
        <v>2017</v>
      </c>
      <c r="F9714">
        <v>2017</v>
      </c>
      <c r="G9714" t="s">
        <v>125</v>
      </c>
      <c r="H9714" t="s">
        <v>123</v>
      </c>
      <c r="I9714" t="s">
        <v>15</v>
      </c>
      <c r="J9714" s="10">
        <v>22.221908129999999</v>
      </c>
    </row>
    <row r="9715" spans="1:10" x14ac:dyDescent="0.35">
      <c r="A9715" t="s">
        <v>28</v>
      </c>
      <c r="B9715" t="s">
        <v>61</v>
      </c>
      <c r="C9715" t="s">
        <v>117</v>
      </c>
      <c r="D9715" t="s">
        <v>118</v>
      </c>
      <c r="E9715">
        <v>2017</v>
      </c>
      <c r="F9715">
        <v>2017</v>
      </c>
      <c r="G9715" t="s">
        <v>125</v>
      </c>
      <c r="H9715" t="s">
        <v>124</v>
      </c>
      <c r="I9715" t="s">
        <v>15</v>
      </c>
      <c r="J9715" s="10">
        <v>2.334982332</v>
      </c>
    </row>
    <row r="9716" spans="1:10" x14ac:dyDescent="0.35">
      <c r="A9716" t="s">
        <v>28</v>
      </c>
      <c r="B9716" t="s">
        <v>61</v>
      </c>
      <c r="C9716" t="s">
        <v>117</v>
      </c>
      <c r="D9716" t="s">
        <v>118</v>
      </c>
      <c r="E9716">
        <v>2017</v>
      </c>
      <c r="F9716">
        <v>2017</v>
      </c>
      <c r="G9716" t="s">
        <v>126</v>
      </c>
      <c r="H9716" t="s">
        <v>119</v>
      </c>
      <c r="I9716" t="s">
        <v>15</v>
      </c>
      <c r="J9716" s="10">
        <v>15.19094022</v>
      </c>
    </row>
    <row r="9717" spans="1:10" x14ac:dyDescent="0.35">
      <c r="A9717" t="s">
        <v>28</v>
      </c>
      <c r="B9717" t="s">
        <v>61</v>
      </c>
      <c r="C9717" t="s">
        <v>117</v>
      </c>
      <c r="D9717" t="s">
        <v>118</v>
      </c>
      <c r="E9717">
        <v>2017</v>
      </c>
      <c r="F9717">
        <v>2017</v>
      </c>
      <c r="G9717" t="s">
        <v>126</v>
      </c>
      <c r="H9717" t="s">
        <v>120</v>
      </c>
      <c r="I9717" t="s">
        <v>15</v>
      </c>
      <c r="J9717" s="10">
        <v>8.6015275219999996</v>
      </c>
    </row>
    <row r="9718" spans="1:10" x14ac:dyDescent="0.35">
      <c r="A9718" t="s">
        <v>28</v>
      </c>
      <c r="B9718" t="s">
        <v>61</v>
      </c>
      <c r="C9718" t="s">
        <v>117</v>
      </c>
      <c r="D9718" t="s">
        <v>118</v>
      </c>
      <c r="E9718">
        <v>2017</v>
      </c>
      <c r="F9718">
        <v>2017</v>
      </c>
      <c r="G9718" t="s">
        <v>126</v>
      </c>
      <c r="H9718" t="s">
        <v>121</v>
      </c>
      <c r="I9718" t="s">
        <v>15</v>
      </c>
      <c r="J9718" s="10">
        <v>26.507769289999999</v>
      </c>
    </row>
    <row r="9719" spans="1:10" x14ac:dyDescent="0.35">
      <c r="A9719" t="s">
        <v>28</v>
      </c>
      <c r="B9719" t="s">
        <v>61</v>
      </c>
      <c r="C9719" t="s">
        <v>117</v>
      </c>
      <c r="D9719" t="s">
        <v>118</v>
      </c>
      <c r="E9719">
        <v>2017</v>
      </c>
      <c r="F9719">
        <v>2017</v>
      </c>
      <c r="G9719" t="s">
        <v>126</v>
      </c>
      <c r="H9719" t="s">
        <v>122</v>
      </c>
      <c r="I9719" t="s">
        <v>15</v>
      </c>
      <c r="J9719" s="10">
        <v>23.026073220000001</v>
      </c>
    </row>
    <row r="9720" spans="1:10" x14ac:dyDescent="0.35">
      <c r="A9720" t="s">
        <v>28</v>
      </c>
      <c r="B9720" t="s">
        <v>61</v>
      </c>
      <c r="C9720" t="s">
        <v>117</v>
      </c>
      <c r="D9720" t="s">
        <v>118</v>
      </c>
      <c r="E9720">
        <v>2017</v>
      </c>
      <c r="F9720">
        <v>2017</v>
      </c>
      <c r="G9720" t="s">
        <v>126</v>
      </c>
      <c r="H9720" t="s">
        <v>123</v>
      </c>
      <c r="I9720" t="s">
        <v>15</v>
      </c>
      <c r="J9720" s="10">
        <v>22.865420069999999</v>
      </c>
    </row>
    <row r="9721" spans="1:10" x14ac:dyDescent="0.35">
      <c r="A9721" t="s">
        <v>28</v>
      </c>
      <c r="B9721" t="s">
        <v>61</v>
      </c>
      <c r="C9721" t="s">
        <v>117</v>
      </c>
      <c r="D9721" t="s">
        <v>118</v>
      </c>
      <c r="E9721">
        <v>2017</v>
      </c>
      <c r="F9721">
        <v>2017</v>
      </c>
      <c r="G9721" t="s">
        <v>126</v>
      </c>
      <c r="H9721" t="s">
        <v>124</v>
      </c>
      <c r="I9721" t="s">
        <v>15</v>
      </c>
      <c r="J9721" s="10">
        <v>3.8082696870000001</v>
      </c>
    </row>
    <row r="9722" spans="1:10" x14ac:dyDescent="0.35">
      <c r="A9722" t="s">
        <v>28</v>
      </c>
      <c r="B9722" t="s">
        <v>61</v>
      </c>
      <c r="C9722" t="s">
        <v>117</v>
      </c>
      <c r="D9722" t="s">
        <v>118</v>
      </c>
      <c r="E9722">
        <v>2016</v>
      </c>
      <c r="F9722">
        <v>2016</v>
      </c>
      <c r="G9722" t="s">
        <v>14</v>
      </c>
      <c r="H9722" t="s">
        <v>119</v>
      </c>
      <c r="I9722" t="s">
        <v>15</v>
      </c>
      <c r="J9722" s="10">
        <v>16.017080530000001</v>
      </c>
    </row>
    <row r="9723" spans="1:10" x14ac:dyDescent="0.35">
      <c r="A9723" t="s">
        <v>28</v>
      </c>
      <c r="B9723" t="s">
        <v>61</v>
      </c>
      <c r="C9723" t="s">
        <v>117</v>
      </c>
      <c r="D9723" t="s">
        <v>118</v>
      </c>
      <c r="E9723">
        <v>2016</v>
      </c>
      <c r="F9723">
        <v>2016</v>
      </c>
      <c r="G9723" t="s">
        <v>14</v>
      </c>
      <c r="H9723" t="s">
        <v>120</v>
      </c>
      <c r="I9723" t="s">
        <v>15</v>
      </c>
      <c r="J9723" s="10">
        <v>9.3194984630000004</v>
      </c>
    </row>
    <row r="9724" spans="1:10" x14ac:dyDescent="0.35">
      <c r="A9724" t="s">
        <v>28</v>
      </c>
      <c r="B9724" t="s">
        <v>61</v>
      </c>
      <c r="C9724" t="s">
        <v>117</v>
      </c>
      <c r="D9724" t="s">
        <v>118</v>
      </c>
      <c r="E9724">
        <v>2016</v>
      </c>
      <c r="F9724">
        <v>2016</v>
      </c>
      <c r="G9724" t="s">
        <v>14</v>
      </c>
      <c r="H9724" t="s">
        <v>121</v>
      </c>
      <c r="I9724" t="s">
        <v>15</v>
      </c>
      <c r="J9724" s="10">
        <v>26.685614820000001</v>
      </c>
    </row>
    <row r="9725" spans="1:10" x14ac:dyDescent="0.35">
      <c r="A9725" t="s">
        <v>28</v>
      </c>
      <c r="B9725" t="s">
        <v>61</v>
      </c>
      <c r="C9725" t="s">
        <v>117</v>
      </c>
      <c r="D9725" t="s">
        <v>118</v>
      </c>
      <c r="E9725">
        <v>2016</v>
      </c>
      <c r="F9725">
        <v>2016</v>
      </c>
      <c r="G9725" t="s">
        <v>14</v>
      </c>
      <c r="H9725" t="s">
        <v>122</v>
      </c>
      <c r="I9725" t="s">
        <v>15</v>
      </c>
      <c r="J9725" s="10">
        <v>22.66570566</v>
      </c>
    </row>
    <row r="9726" spans="1:10" x14ac:dyDescent="0.35">
      <c r="A9726" t="s">
        <v>28</v>
      </c>
      <c r="B9726" t="s">
        <v>61</v>
      </c>
      <c r="C9726" t="s">
        <v>117</v>
      </c>
      <c r="D9726" t="s">
        <v>118</v>
      </c>
      <c r="E9726">
        <v>2016</v>
      </c>
      <c r="F9726">
        <v>2016</v>
      </c>
      <c r="G9726" t="s">
        <v>14</v>
      </c>
      <c r="H9726" t="s">
        <v>123</v>
      </c>
      <c r="I9726" t="s">
        <v>15</v>
      </c>
      <c r="J9726" s="10">
        <v>22.308047980000001</v>
      </c>
    </row>
    <row r="9727" spans="1:10" x14ac:dyDescent="0.35">
      <c r="A9727" t="s">
        <v>28</v>
      </c>
      <c r="B9727" t="s">
        <v>61</v>
      </c>
      <c r="C9727" t="s">
        <v>117</v>
      </c>
      <c r="D9727" t="s">
        <v>118</v>
      </c>
      <c r="E9727">
        <v>2016</v>
      </c>
      <c r="F9727">
        <v>2016</v>
      </c>
      <c r="G9727" t="s">
        <v>14</v>
      </c>
      <c r="H9727" t="s">
        <v>124</v>
      </c>
      <c r="I9727" t="s">
        <v>15</v>
      </c>
      <c r="J9727" s="10">
        <v>3.0040525470000001</v>
      </c>
    </row>
    <row r="9728" spans="1:10" x14ac:dyDescent="0.35">
      <c r="A9728" t="s">
        <v>28</v>
      </c>
      <c r="B9728" t="s">
        <v>61</v>
      </c>
      <c r="C9728" t="s">
        <v>117</v>
      </c>
      <c r="D9728" t="s">
        <v>118</v>
      </c>
      <c r="E9728">
        <v>2016</v>
      </c>
      <c r="F9728">
        <v>2016</v>
      </c>
      <c r="G9728" t="s">
        <v>125</v>
      </c>
      <c r="H9728" t="s">
        <v>119</v>
      </c>
      <c r="I9728" t="s">
        <v>15</v>
      </c>
      <c r="J9728" s="10">
        <v>16.844746409999999</v>
      </c>
    </row>
    <row r="9729" spans="1:10" x14ac:dyDescent="0.35">
      <c r="A9729" t="s">
        <v>28</v>
      </c>
      <c r="B9729" t="s">
        <v>61</v>
      </c>
      <c r="C9729" t="s">
        <v>117</v>
      </c>
      <c r="D9729" t="s">
        <v>118</v>
      </c>
      <c r="E9729">
        <v>2016</v>
      </c>
      <c r="F9729">
        <v>2016</v>
      </c>
      <c r="G9729" t="s">
        <v>125</v>
      </c>
      <c r="H9729" t="s">
        <v>120</v>
      </c>
      <c r="I9729" t="s">
        <v>15</v>
      </c>
      <c r="J9729" s="10">
        <v>9.9348763780000002</v>
      </c>
    </row>
    <row r="9730" spans="1:10" x14ac:dyDescent="0.35">
      <c r="A9730" t="s">
        <v>28</v>
      </c>
      <c r="B9730" t="s">
        <v>61</v>
      </c>
      <c r="C9730" t="s">
        <v>117</v>
      </c>
      <c r="D9730" t="s">
        <v>118</v>
      </c>
      <c r="E9730">
        <v>2016</v>
      </c>
      <c r="F9730">
        <v>2016</v>
      </c>
      <c r="G9730" t="s">
        <v>125</v>
      </c>
      <c r="H9730" t="s">
        <v>121</v>
      </c>
      <c r="I9730" t="s">
        <v>15</v>
      </c>
      <c r="J9730" s="10">
        <v>26.379295760000002</v>
      </c>
    </row>
    <row r="9731" spans="1:10" x14ac:dyDescent="0.35">
      <c r="A9731" t="s">
        <v>28</v>
      </c>
      <c r="B9731" t="s">
        <v>61</v>
      </c>
      <c r="C9731" t="s">
        <v>117</v>
      </c>
      <c r="D9731" t="s">
        <v>118</v>
      </c>
      <c r="E9731">
        <v>2016</v>
      </c>
      <c r="F9731">
        <v>2016</v>
      </c>
      <c r="G9731" t="s">
        <v>125</v>
      </c>
      <c r="H9731" t="s">
        <v>122</v>
      </c>
      <c r="I9731" t="s">
        <v>15</v>
      </c>
      <c r="J9731" s="10">
        <v>22.59874263</v>
      </c>
    </row>
    <row r="9732" spans="1:10" x14ac:dyDescent="0.35">
      <c r="A9732" t="s">
        <v>28</v>
      </c>
      <c r="B9732" t="s">
        <v>61</v>
      </c>
      <c r="C9732" t="s">
        <v>117</v>
      </c>
      <c r="D9732" t="s">
        <v>118</v>
      </c>
      <c r="E9732">
        <v>2016</v>
      </c>
      <c r="F9732">
        <v>2016</v>
      </c>
      <c r="G9732" t="s">
        <v>125</v>
      </c>
      <c r="H9732" t="s">
        <v>123</v>
      </c>
      <c r="I9732" t="s">
        <v>15</v>
      </c>
      <c r="J9732" s="10">
        <v>21.970060050000001</v>
      </c>
    </row>
    <row r="9733" spans="1:10" x14ac:dyDescent="0.35">
      <c r="A9733" t="s">
        <v>28</v>
      </c>
      <c r="B9733" t="s">
        <v>61</v>
      </c>
      <c r="C9733" t="s">
        <v>117</v>
      </c>
      <c r="D9733" t="s">
        <v>118</v>
      </c>
      <c r="E9733">
        <v>2016</v>
      </c>
      <c r="F9733">
        <v>2016</v>
      </c>
      <c r="G9733" t="s">
        <v>125</v>
      </c>
      <c r="H9733" t="s">
        <v>124</v>
      </c>
      <c r="I9733" t="s">
        <v>15</v>
      </c>
      <c r="J9733" s="10">
        <v>2.2722787630000001</v>
      </c>
    </row>
    <row r="9734" spans="1:10" x14ac:dyDescent="0.35">
      <c r="A9734" t="s">
        <v>28</v>
      </c>
      <c r="B9734" t="s">
        <v>61</v>
      </c>
      <c r="C9734" t="s">
        <v>117</v>
      </c>
      <c r="D9734" t="s">
        <v>118</v>
      </c>
      <c r="E9734">
        <v>2016</v>
      </c>
      <c r="F9734">
        <v>2016</v>
      </c>
      <c r="G9734" t="s">
        <v>126</v>
      </c>
      <c r="H9734" t="s">
        <v>119</v>
      </c>
      <c r="I9734" t="s">
        <v>15</v>
      </c>
      <c r="J9734" s="10">
        <v>15.24577674</v>
      </c>
    </row>
    <row r="9735" spans="1:10" x14ac:dyDescent="0.35">
      <c r="A9735" t="s">
        <v>28</v>
      </c>
      <c r="B9735" t="s">
        <v>61</v>
      </c>
      <c r="C9735" t="s">
        <v>117</v>
      </c>
      <c r="D9735" t="s">
        <v>118</v>
      </c>
      <c r="E9735">
        <v>2016</v>
      </c>
      <c r="F9735">
        <v>2016</v>
      </c>
      <c r="G9735" t="s">
        <v>126</v>
      </c>
      <c r="H9735" t="s">
        <v>120</v>
      </c>
      <c r="I9735" t="s">
        <v>15</v>
      </c>
      <c r="J9735" s="10">
        <v>8.7460263250000008</v>
      </c>
    </row>
    <row r="9736" spans="1:10" x14ac:dyDescent="0.35">
      <c r="A9736" t="s">
        <v>28</v>
      </c>
      <c r="B9736" t="s">
        <v>61</v>
      </c>
      <c r="C9736" t="s">
        <v>117</v>
      </c>
      <c r="D9736" t="s">
        <v>118</v>
      </c>
      <c r="E9736">
        <v>2016</v>
      </c>
      <c r="F9736">
        <v>2016</v>
      </c>
      <c r="G9736" t="s">
        <v>126</v>
      </c>
      <c r="H9736" t="s">
        <v>121</v>
      </c>
      <c r="I9736" t="s">
        <v>15</v>
      </c>
      <c r="J9736" s="10">
        <v>26.971074269999999</v>
      </c>
    </row>
    <row r="9737" spans="1:10" x14ac:dyDescent="0.35">
      <c r="A9737" t="s">
        <v>28</v>
      </c>
      <c r="B9737" t="s">
        <v>61</v>
      </c>
      <c r="C9737" t="s">
        <v>117</v>
      </c>
      <c r="D9737" t="s">
        <v>118</v>
      </c>
      <c r="E9737">
        <v>2016</v>
      </c>
      <c r="F9737">
        <v>2016</v>
      </c>
      <c r="G9737" t="s">
        <v>126</v>
      </c>
      <c r="H9737" t="s">
        <v>122</v>
      </c>
      <c r="I9737" t="s">
        <v>15</v>
      </c>
      <c r="J9737" s="10">
        <v>22.72810866</v>
      </c>
    </row>
    <row r="9738" spans="1:10" x14ac:dyDescent="0.35">
      <c r="A9738" t="s">
        <v>28</v>
      </c>
      <c r="B9738" t="s">
        <v>61</v>
      </c>
      <c r="C9738" t="s">
        <v>117</v>
      </c>
      <c r="D9738" t="s">
        <v>118</v>
      </c>
      <c r="E9738">
        <v>2016</v>
      </c>
      <c r="F9738">
        <v>2016</v>
      </c>
      <c r="G9738" t="s">
        <v>126</v>
      </c>
      <c r="H9738" t="s">
        <v>123</v>
      </c>
      <c r="I9738" t="s">
        <v>15</v>
      </c>
      <c r="J9738" s="10">
        <v>22.623019729999999</v>
      </c>
    </row>
    <row r="9739" spans="1:10" x14ac:dyDescent="0.35">
      <c r="A9739" t="s">
        <v>28</v>
      </c>
      <c r="B9739" t="s">
        <v>61</v>
      </c>
      <c r="C9739" t="s">
        <v>117</v>
      </c>
      <c r="D9739" t="s">
        <v>118</v>
      </c>
      <c r="E9739">
        <v>2016</v>
      </c>
      <c r="F9739">
        <v>2016</v>
      </c>
      <c r="G9739" t="s">
        <v>126</v>
      </c>
      <c r="H9739" t="s">
        <v>124</v>
      </c>
      <c r="I9739" t="s">
        <v>15</v>
      </c>
      <c r="J9739" s="10">
        <v>3.6859942729999999</v>
      </c>
    </row>
    <row r="9740" spans="1:10" x14ac:dyDescent="0.35">
      <c r="A9740" t="s">
        <v>28</v>
      </c>
      <c r="B9740" t="s">
        <v>61</v>
      </c>
      <c r="C9740" t="s">
        <v>117</v>
      </c>
      <c r="D9740" t="s">
        <v>118</v>
      </c>
      <c r="E9740">
        <v>2015</v>
      </c>
      <c r="F9740">
        <v>2015</v>
      </c>
      <c r="G9740" t="s">
        <v>14</v>
      </c>
      <c r="H9740" t="s">
        <v>119</v>
      </c>
      <c r="I9740" t="s">
        <v>15</v>
      </c>
      <c r="J9740" s="10">
        <v>15.99607859</v>
      </c>
    </row>
    <row r="9741" spans="1:10" x14ac:dyDescent="0.35">
      <c r="A9741" t="s">
        <v>28</v>
      </c>
      <c r="B9741" t="s">
        <v>61</v>
      </c>
      <c r="C9741" t="s">
        <v>117</v>
      </c>
      <c r="D9741" t="s">
        <v>118</v>
      </c>
      <c r="E9741">
        <v>2015</v>
      </c>
      <c r="F9741">
        <v>2015</v>
      </c>
      <c r="G9741" t="s">
        <v>14</v>
      </c>
      <c r="H9741" t="s">
        <v>120</v>
      </c>
      <c r="I9741" t="s">
        <v>15</v>
      </c>
      <c r="J9741" s="10">
        <v>9.4780986620000007</v>
      </c>
    </row>
    <row r="9742" spans="1:10" x14ac:dyDescent="0.35">
      <c r="A9742" t="s">
        <v>28</v>
      </c>
      <c r="B9742" t="s">
        <v>61</v>
      </c>
      <c r="C9742" t="s">
        <v>117</v>
      </c>
      <c r="D9742" t="s">
        <v>118</v>
      </c>
      <c r="E9742">
        <v>2015</v>
      </c>
      <c r="F9742">
        <v>2015</v>
      </c>
      <c r="G9742" t="s">
        <v>14</v>
      </c>
      <c r="H9742" t="s">
        <v>121</v>
      </c>
      <c r="I9742" t="s">
        <v>15</v>
      </c>
      <c r="J9742" s="10">
        <v>26.990999819999999</v>
      </c>
    </row>
    <row r="9743" spans="1:10" x14ac:dyDescent="0.35">
      <c r="A9743" t="s">
        <v>28</v>
      </c>
      <c r="B9743" t="s">
        <v>61</v>
      </c>
      <c r="C9743" t="s">
        <v>117</v>
      </c>
      <c r="D9743" t="s">
        <v>118</v>
      </c>
      <c r="E9743">
        <v>2015</v>
      </c>
      <c r="F9743">
        <v>2015</v>
      </c>
      <c r="G9743" t="s">
        <v>14</v>
      </c>
      <c r="H9743" t="s">
        <v>122</v>
      </c>
      <c r="I9743" t="s">
        <v>15</v>
      </c>
      <c r="J9743" s="10">
        <v>22.531759319999999</v>
      </c>
    </row>
    <row r="9744" spans="1:10" x14ac:dyDescent="0.35">
      <c r="A9744" t="s">
        <v>28</v>
      </c>
      <c r="B9744" t="s">
        <v>61</v>
      </c>
      <c r="C9744" t="s">
        <v>117</v>
      </c>
      <c r="D9744" t="s">
        <v>118</v>
      </c>
      <c r="E9744">
        <v>2015</v>
      </c>
      <c r="F9744">
        <v>2015</v>
      </c>
      <c r="G9744" t="s">
        <v>14</v>
      </c>
      <c r="H9744" t="s">
        <v>123</v>
      </c>
      <c r="I9744" t="s">
        <v>15</v>
      </c>
      <c r="J9744" s="10">
        <v>22.13825688</v>
      </c>
    </row>
    <row r="9745" spans="1:10" x14ac:dyDescent="0.35">
      <c r="A9745" t="s">
        <v>28</v>
      </c>
      <c r="B9745" t="s">
        <v>61</v>
      </c>
      <c r="C9745" t="s">
        <v>117</v>
      </c>
      <c r="D9745" t="s">
        <v>118</v>
      </c>
      <c r="E9745">
        <v>2015</v>
      </c>
      <c r="F9745">
        <v>2015</v>
      </c>
      <c r="G9745" t="s">
        <v>14</v>
      </c>
      <c r="H9745" t="s">
        <v>124</v>
      </c>
      <c r="I9745" t="s">
        <v>15</v>
      </c>
      <c r="J9745" s="10">
        <v>2.8648067209999999</v>
      </c>
    </row>
    <row r="9746" spans="1:10" x14ac:dyDescent="0.35">
      <c r="A9746" t="s">
        <v>28</v>
      </c>
      <c r="B9746" t="s">
        <v>61</v>
      </c>
      <c r="C9746" t="s">
        <v>117</v>
      </c>
      <c r="D9746" t="s">
        <v>118</v>
      </c>
      <c r="E9746">
        <v>2015</v>
      </c>
      <c r="F9746">
        <v>2015</v>
      </c>
      <c r="G9746" t="s">
        <v>125</v>
      </c>
      <c r="H9746" t="s">
        <v>119</v>
      </c>
      <c r="I9746" t="s">
        <v>15</v>
      </c>
      <c r="J9746" s="10">
        <v>16.844866979999999</v>
      </c>
    </row>
    <row r="9747" spans="1:10" x14ac:dyDescent="0.35">
      <c r="A9747" t="s">
        <v>28</v>
      </c>
      <c r="B9747" t="s">
        <v>61</v>
      </c>
      <c r="C9747" t="s">
        <v>117</v>
      </c>
      <c r="D9747" t="s">
        <v>118</v>
      </c>
      <c r="E9747">
        <v>2015</v>
      </c>
      <c r="F9747">
        <v>2015</v>
      </c>
      <c r="G9747" t="s">
        <v>125</v>
      </c>
      <c r="H9747" t="s">
        <v>120</v>
      </c>
      <c r="I9747" t="s">
        <v>15</v>
      </c>
      <c r="J9747" s="10">
        <v>10.03469969</v>
      </c>
    </row>
    <row r="9748" spans="1:10" x14ac:dyDescent="0.35">
      <c r="A9748" t="s">
        <v>28</v>
      </c>
      <c r="B9748" t="s">
        <v>61</v>
      </c>
      <c r="C9748" t="s">
        <v>117</v>
      </c>
      <c r="D9748" t="s">
        <v>118</v>
      </c>
      <c r="E9748">
        <v>2015</v>
      </c>
      <c r="F9748">
        <v>2015</v>
      </c>
      <c r="G9748" t="s">
        <v>125</v>
      </c>
      <c r="H9748" t="s">
        <v>121</v>
      </c>
      <c r="I9748" t="s">
        <v>15</v>
      </c>
      <c r="J9748" s="10">
        <v>26.704657659999999</v>
      </c>
    </row>
    <row r="9749" spans="1:10" x14ac:dyDescent="0.35">
      <c r="A9749" t="s">
        <v>28</v>
      </c>
      <c r="B9749" t="s">
        <v>61</v>
      </c>
      <c r="C9749" t="s">
        <v>117</v>
      </c>
      <c r="D9749" t="s">
        <v>118</v>
      </c>
      <c r="E9749">
        <v>2015</v>
      </c>
      <c r="F9749">
        <v>2015</v>
      </c>
      <c r="G9749" t="s">
        <v>125</v>
      </c>
      <c r="H9749" t="s">
        <v>122</v>
      </c>
      <c r="I9749" t="s">
        <v>15</v>
      </c>
      <c r="J9749" s="10">
        <v>22.475808950000001</v>
      </c>
    </row>
    <row r="9750" spans="1:10" x14ac:dyDescent="0.35">
      <c r="A9750" t="s">
        <v>28</v>
      </c>
      <c r="B9750" t="s">
        <v>61</v>
      </c>
      <c r="C9750" t="s">
        <v>117</v>
      </c>
      <c r="D9750" t="s">
        <v>118</v>
      </c>
      <c r="E9750">
        <v>2015</v>
      </c>
      <c r="F9750">
        <v>2015</v>
      </c>
      <c r="G9750" t="s">
        <v>125</v>
      </c>
      <c r="H9750" t="s">
        <v>123</v>
      </c>
      <c r="I9750" t="s">
        <v>15</v>
      </c>
      <c r="J9750" s="10">
        <v>21.807205119999999</v>
      </c>
    </row>
    <row r="9751" spans="1:10" x14ac:dyDescent="0.35">
      <c r="A9751" t="s">
        <v>28</v>
      </c>
      <c r="B9751" t="s">
        <v>61</v>
      </c>
      <c r="C9751" t="s">
        <v>117</v>
      </c>
      <c r="D9751" t="s">
        <v>118</v>
      </c>
      <c r="E9751">
        <v>2015</v>
      </c>
      <c r="F9751">
        <v>2015</v>
      </c>
      <c r="G9751" t="s">
        <v>125</v>
      </c>
      <c r="H9751" t="s">
        <v>124</v>
      </c>
      <c r="I9751" t="s">
        <v>15</v>
      </c>
      <c r="J9751" s="10">
        <v>2.1327615880000002</v>
      </c>
    </row>
    <row r="9752" spans="1:10" x14ac:dyDescent="0.35">
      <c r="A9752" t="s">
        <v>28</v>
      </c>
      <c r="B9752" t="s">
        <v>61</v>
      </c>
      <c r="C9752" t="s">
        <v>117</v>
      </c>
      <c r="D9752" t="s">
        <v>118</v>
      </c>
      <c r="E9752">
        <v>2015</v>
      </c>
      <c r="F9752">
        <v>2015</v>
      </c>
      <c r="G9752" t="s">
        <v>126</v>
      </c>
      <c r="H9752" t="s">
        <v>119</v>
      </c>
      <c r="I9752" t="s">
        <v>15</v>
      </c>
      <c r="J9752" s="10">
        <v>15.204232019999999</v>
      </c>
    </row>
    <row r="9753" spans="1:10" x14ac:dyDescent="0.35">
      <c r="A9753" t="s">
        <v>28</v>
      </c>
      <c r="B9753" t="s">
        <v>61</v>
      </c>
      <c r="C9753" t="s">
        <v>117</v>
      </c>
      <c r="D9753" t="s">
        <v>118</v>
      </c>
      <c r="E9753">
        <v>2015</v>
      </c>
      <c r="F9753">
        <v>2015</v>
      </c>
      <c r="G9753" t="s">
        <v>126</v>
      </c>
      <c r="H9753" t="s">
        <v>120</v>
      </c>
      <c r="I9753" t="s">
        <v>15</v>
      </c>
      <c r="J9753" s="10">
        <v>8.9588377720000008</v>
      </c>
    </row>
    <row r="9754" spans="1:10" x14ac:dyDescent="0.35">
      <c r="A9754" t="s">
        <v>28</v>
      </c>
      <c r="B9754" t="s">
        <v>61</v>
      </c>
      <c r="C9754" t="s">
        <v>117</v>
      </c>
      <c r="D9754" t="s">
        <v>118</v>
      </c>
      <c r="E9754">
        <v>2015</v>
      </c>
      <c r="F9754">
        <v>2015</v>
      </c>
      <c r="G9754" t="s">
        <v>126</v>
      </c>
      <c r="H9754" t="s">
        <v>121</v>
      </c>
      <c r="I9754" t="s">
        <v>15</v>
      </c>
      <c r="J9754" s="10">
        <v>27.25813243</v>
      </c>
    </row>
    <row r="9755" spans="1:10" x14ac:dyDescent="0.35">
      <c r="A9755" t="s">
        <v>28</v>
      </c>
      <c r="B9755" t="s">
        <v>61</v>
      </c>
      <c r="C9755" t="s">
        <v>117</v>
      </c>
      <c r="D9755" t="s">
        <v>118</v>
      </c>
      <c r="E9755">
        <v>2015</v>
      </c>
      <c r="F9755">
        <v>2015</v>
      </c>
      <c r="G9755" t="s">
        <v>126</v>
      </c>
      <c r="H9755" t="s">
        <v>122</v>
      </c>
      <c r="I9755" t="s">
        <v>15</v>
      </c>
      <c r="J9755" s="10">
        <v>22.58395621</v>
      </c>
    </row>
    <row r="9756" spans="1:10" x14ac:dyDescent="0.35">
      <c r="A9756" t="s">
        <v>28</v>
      </c>
      <c r="B9756" t="s">
        <v>61</v>
      </c>
      <c r="C9756" t="s">
        <v>117</v>
      </c>
      <c r="D9756" t="s">
        <v>118</v>
      </c>
      <c r="E9756">
        <v>2015</v>
      </c>
      <c r="F9756">
        <v>2015</v>
      </c>
      <c r="G9756" t="s">
        <v>126</v>
      </c>
      <c r="H9756" t="s">
        <v>123</v>
      </c>
      <c r="I9756" t="s">
        <v>15</v>
      </c>
      <c r="J9756" s="10">
        <v>22.447099690000002</v>
      </c>
    </row>
    <row r="9757" spans="1:10" x14ac:dyDescent="0.35">
      <c r="A9757" t="s">
        <v>28</v>
      </c>
      <c r="B9757" t="s">
        <v>61</v>
      </c>
      <c r="C9757" t="s">
        <v>117</v>
      </c>
      <c r="D9757" t="s">
        <v>118</v>
      </c>
      <c r="E9757">
        <v>2015</v>
      </c>
      <c r="F9757">
        <v>2015</v>
      </c>
      <c r="G9757" t="s">
        <v>126</v>
      </c>
      <c r="H9757" t="s">
        <v>124</v>
      </c>
      <c r="I9757" t="s">
        <v>15</v>
      </c>
      <c r="J9757" s="10">
        <v>3.5477418680000001</v>
      </c>
    </row>
    <row r="9758" spans="1:10" x14ac:dyDescent="0.35">
      <c r="A9758" t="s">
        <v>28</v>
      </c>
      <c r="B9758" t="s">
        <v>61</v>
      </c>
      <c r="C9758" t="s">
        <v>117</v>
      </c>
      <c r="D9758" t="s">
        <v>118</v>
      </c>
      <c r="E9758">
        <v>2014</v>
      </c>
      <c r="F9758">
        <v>2014</v>
      </c>
      <c r="G9758" t="s">
        <v>14</v>
      </c>
      <c r="H9758" t="s">
        <v>119</v>
      </c>
      <c r="I9758" t="s">
        <v>15</v>
      </c>
      <c r="J9758" s="10">
        <v>16.18046502</v>
      </c>
    </row>
    <row r="9759" spans="1:10" x14ac:dyDescent="0.35">
      <c r="A9759" t="s">
        <v>28</v>
      </c>
      <c r="B9759" t="s">
        <v>61</v>
      </c>
      <c r="C9759" t="s">
        <v>117</v>
      </c>
      <c r="D9759" t="s">
        <v>118</v>
      </c>
      <c r="E9759">
        <v>2014</v>
      </c>
      <c r="F9759">
        <v>2014</v>
      </c>
      <c r="G9759" t="s">
        <v>14</v>
      </c>
      <c r="H9759" t="s">
        <v>120</v>
      </c>
      <c r="I9759" t="s">
        <v>15</v>
      </c>
      <c r="J9759" s="10">
        <v>9.5040199909999998</v>
      </c>
    </row>
    <row r="9760" spans="1:10" x14ac:dyDescent="0.35">
      <c r="A9760" t="s">
        <v>28</v>
      </c>
      <c r="B9760" t="s">
        <v>61</v>
      </c>
      <c r="C9760" t="s">
        <v>117</v>
      </c>
      <c r="D9760" t="s">
        <v>118</v>
      </c>
      <c r="E9760">
        <v>2014</v>
      </c>
      <c r="F9760">
        <v>2014</v>
      </c>
      <c r="G9760" t="s">
        <v>14</v>
      </c>
      <c r="H9760" t="s">
        <v>121</v>
      </c>
      <c r="I9760" t="s">
        <v>15</v>
      </c>
      <c r="J9760" s="10">
        <v>27.494839200000001</v>
      </c>
    </row>
    <row r="9761" spans="1:10" x14ac:dyDescent="0.35">
      <c r="A9761" t="s">
        <v>28</v>
      </c>
      <c r="B9761" t="s">
        <v>61</v>
      </c>
      <c r="C9761" t="s">
        <v>117</v>
      </c>
      <c r="D9761" t="s">
        <v>118</v>
      </c>
      <c r="E9761">
        <v>2014</v>
      </c>
      <c r="F9761">
        <v>2014</v>
      </c>
      <c r="G9761" t="s">
        <v>14</v>
      </c>
      <c r="H9761" t="s">
        <v>122</v>
      </c>
      <c r="I9761" t="s">
        <v>15</v>
      </c>
      <c r="J9761" s="10">
        <v>22.207735769999999</v>
      </c>
    </row>
    <row r="9762" spans="1:10" x14ac:dyDescent="0.35">
      <c r="A9762" t="s">
        <v>28</v>
      </c>
      <c r="B9762" t="s">
        <v>61</v>
      </c>
      <c r="C9762" t="s">
        <v>117</v>
      </c>
      <c r="D9762" t="s">
        <v>118</v>
      </c>
      <c r="E9762">
        <v>2014</v>
      </c>
      <c r="F9762">
        <v>2014</v>
      </c>
      <c r="G9762" t="s">
        <v>14</v>
      </c>
      <c r="H9762" t="s">
        <v>123</v>
      </c>
      <c r="I9762" t="s">
        <v>15</v>
      </c>
      <c r="J9762" s="10">
        <v>21.736473270000001</v>
      </c>
    </row>
    <row r="9763" spans="1:10" x14ac:dyDescent="0.35">
      <c r="A9763" t="s">
        <v>28</v>
      </c>
      <c r="B9763" t="s">
        <v>61</v>
      </c>
      <c r="C9763" t="s">
        <v>117</v>
      </c>
      <c r="D9763" t="s">
        <v>118</v>
      </c>
      <c r="E9763">
        <v>2014</v>
      </c>
      <c r="F9763">
        <v>2014</v>
      </c>
      <c r="G9763" t="s">
        <v>14</v>
      </c>
      <c r="H9763" t="s">
        <v>124</v>
      </c>
      <c r="I9763" t="s">
        <v>15</v>
      </c>
      <c r="J9763" s="10">
        <v>2.876466754</v>
      </c>
    </row>
    <row r="9764" spans="1:10" x14ac:dyDescent="0.35">
      <c r="A9764" t="s">
        <v>28</v>
      </c>
      <c r="B9764" t="s">
        <v>61</v>
      </c>
      <c r="C9764" t="s">
        <v>117</v>
      </c>
      <c r="D9764" t="s">
        <v>118</v>
      </c>
      <c r="E9764">
        <v>2014</v>
      </c>
      <c r="F9764">
        <v>2014</v>
      </c>
      <c r="G9764" t="s">
        <v>125</v>
      </c>
      <c r="H9764" t="s">
        <v>119</v>
      </c>
      <c r="I9764" t="s">
        <v>15</v>
      </c>
      <c r="J9764" s="10">
        <v>17.104744749999998</v>
      </c>
    </row>
    <row r="9765" spans="1:10" x14ac:dyDescent="0.35">
      <c r="A9765" t="s">
        <v>28</v>
      </c>
      <c r="B9765" t="s">
        <v>61</v>
      </c>
      <c r="C9765" t="s">
        <v>117</v>
      </c>
      <c r="D9765" t="s">
        <v>118</v>
      </c>
      <c r="E9765">
        <v>2014</v>
      </c>
      <c r="F9765">
        <v>2014</v>
      </c>
      <c r="G9765" t="s">
        <v>125</v>
      </c>
      <c r="H9765" t="s">
        <v>120</v>
      </c>
      <c r="I9765" t="s">
        <v>15</v>
      </c>
      <c r="J9765" s="10">
        <v>10.066415259999999</v>
      </c>
    </row>
    <row r="9766" spans="1:10" x14ac:dyDescent="0.35">
      <c r="A9766" t="s">
        <v>28</v>
      </c>
      <c r="B9766" t="s">
        <v>61</v>
      </c>
      <c r="C9766" t="s">
        <v>117</v>
      </c>
      <c r="D9766" t="s">
        <v>118</v>
      </c>
      <c r="E9766">
        <v>2014</v>
      </c>
      <c r="F9766">
        <v>2014</v>
      </c>
      <c r="G9766" t="s">
        <v>125</v>
      </c>
      <c r="H9766" t="s">
        <v>121</v>
      </c>
      <c r="I9766" t="s">
        <v>15</v>
      </c>
      <c r="J9766" s="10">
        <v>27.219001519999999</v>
      </c>
    </row>
    <row r="9767" spans="1:10" x14ac:dyDescent="0.35">
      <c r="A9767" t="s">
        <v>28</v>
      </c>
      <c r="B9767" t="s">
        <v>61</v>
      </c>
      <c r="C9767" t="s">
        <v>117</v>
      </c>
      <c r="D9767" t="s">
        <v>118</v>
      </c>
      <c r="E9767">
        <v>2014</v>
      </c>
      <c r="F9767">
        <v>2014</v>
      </c>
      <c r="G9767" t="s">
        <v>125</v>
      </c>
      <c r="H9767" t="s">
        <v>122</v>
      </c>
      <c r="I9767" t="s">
        <v>15</v>
      </c>
      <c r="J9767" s="10">
        <v>22.10840322</v>
      </c>
    </row>
    <row r="9768" spans="1:10" x14ac:dyDescent="0.35">
      <c r="A9768" t="s">
        <v>28</v>
      </c>
      <c r="B9768" t="s">
        <v>61</v>
      </c>
      <c r="C9768" t="s">
        <v>117</v>
      </c>
      <c r="D9768" t="s">
        <v>118</v>
      </c>
      <c r="E9768">
        <v>2014</v>
      </c>
      <c r="F9768">
        <v>2014</v>
      </c>
      <c r="G9768" t="s">
        <v>125</v>
      </c>
      <c r="H9768" t="s">
        <v>123</v>
      </c>
      <c r="I9768" t="s">
        <v>15</v>
      </c>
      <c r="J9768" s="10">
        <v>21.3147971</v>
      </c>
    </row>
    <row r="9769" spans="1:10" x14ac:dyDescent="0.35">
      <c r="A9769" t="s">
        <v>28</v>
      </c>
      <c r="B9769" t="s">
        <v>61</v>
      </c>
      <c r="C9769" t="s">
        <v>117</v>
      </c>
      <c r="D9769" t="s">
        <v>118</v>
      </c>
      <c r="E9769">
        <v>2014</v>
      </c>
      <c r="F9769">
        <v>2014</v>
      </c>
      <c r="G9769" t="s">
        <v>125</v>
      </c>
      <c r="H9769" t="s">
        <v>124</v>
      </c>
      <c r="I9769" t="s">
        <v>15</v>
      </c>
      <c r="J9769" s="10">
        <v>2.1866381490000002</v>
      </c>
    </row>
    <row r="9770" spans="1:10" x14ac:dyDescent="0.35">
      <c r="A9770" t="s">
        <v>28</v>
      </c>
      <c r="B9770" t="s">
        <v>61</v>
      </c>
      <c r="C9770" t="s">
        <v>117</v>
      </c>
      <c r="D9770" t="s">
        <v>118</v>
      </c>
      <c r="E9770">
        <v>2014</v>
      </c>
      <c r="F9770">
        <v>2014</v>
      </c>
      <c r="G9770" t="s">
        <v>126</v>
      </c>
      <c r="H9770" t="s">
        <v>119</v>
      </c>
      <c r="I9770" t="s">
        <v>15</v>
      </c>
      <c r="J9770" s="10">
        <v>15.318389420000001</v>
      </c>
    </row>
    <row r="9771" spans="1:10" x14ac:dyDescent="0.35">
      <c r="A9771" t="s">
        <v>28</v>
      </c>
      <c r="B9771" t="s">
        <v>61</v>
      </c>
      <c r="C9771" t="s">
        <v>117</v>
      </c>
      <c r="D9771" t="s">
        <v>118</v>
      </c>
      <c r="E9771">
        <v>2014</v>
      </c>
      <c r="F9771">
        <v>2014</v>
      </c>
      <c r="G9771" t="s">
        <v>126</v>
      </c>
      <c r="H9771" t="s">
        <v>120</v>
      </c>
      <c r="I9771" t="s">
        <v>15</v>
      </c>
      <c r="J9771" s="10">
        <v>8.9794739880000005</v>
      </c>
    </row>
    <row r="9772" spans="1:10" x14ac:dyDescent="0.35">
      <c r="A9772" t="s">
        <v>28</v>
      </c>
      <c r="B9772" t="s">
        <v>61</v>
      </c>
      <c r="C9772" t="s">
        <v>117</v>
      </c>
      <c r="D9772" t="s">
        <v>118</v>
      </c>
      <c r="E9772">
        <v>2014</v>
      </c>
      <c r="F9772">
        <v>2014</v>
      </c>
      <c r="G9772" t="s">
        <v>126</v>
      </c>
      <c r="H9772" t="s">
        <v>121</v>
      </c>
      <c r="I9772" t="s">
        <v>15</v>
      </c>
      <c r="J9772" s="10">
        <v>27.752112969999999</v>
      </c>
    </row>
    <row r="9773" spans="1:10" x14ac:dyDescent="0.35">
      <c r="A9773" t="s">
        <v>28</v>
      </c>
      <c r="B9773" t="s">
        <v>61</v>
      </c>
      <c r="C9773" t="s">
        <v>117</v>
      </c>
      <c r="D9773" t="s">
        <v>118</v>
      </c>
      <c r="E9773">
        <v>2014</v>
      </c>
      <c r="F9773">
        <v>2014</v>
      </c>
      <c r="G9773" t="s">
        <v>126</v>
      </c>
      <c r="H9773" t="s">
        <v>122</v>
      </c>
      <c r="I9773" t="s">
        <v>15</v>
      </c>
      <c r="J9773" s="10">
        <v>22.300383220000001</v>
      </c>
    </row>
    <row r="9774" spans="1:10" x14ac:dyDescent="0.35">
      <c r="A9774" t="s">
        <v>28</v>
      </c>
      <c r="B9774" t="s">
        <v>61</v>
      </c>
      <c r="C9774" t="s">
        <v>117</v>
      </c>
      <c r="D9774" t="s">
        <v>118</v>
      </c>
      <c r="E9774">
        <v>2014</v>
      </c>
      <c r="F9774">
        <v>2014</v>
      </c>
      <c r="G9774" t="s">
        <v>126</v>
      </c>
      <c r="H9774" t="s">
        <v>123</v>
      </c>
      <c r="I9774" t="s">
        <v>15</v>
      </c>
      <c r="J9774" s="10">
        <v>22.12977059</v>
      </c>
    </row>
    <row r="9775" spans="1:10" x14ac:dyDescent="0.35">
      <c r="A9775" t="s">
        <v>28</v>
      </c>
      <c r="B9775" t="s">
        <v>61</v>
      </c>
      <c r="C9775" t="s">
        <v>117</v>
      </c>
      <c r="D9775" t="s">
        <v>118</v>
      </c>
      <c r="E9775">
        <v>2014</v>
      </c>
      <c r="F9775">
        <v>2014</v>
      </c>
      <c r="G9775" t="s">
        <v>126</v>
      </c>
      <c r="H9775" t="s">
        <v>124</v>
      </c>
      <c r="I9775" t="s">
        <v>15</v>
      </c>
      <c r="J9775" s="10">
        <v>3.5198698089999998</v>
      </c>
    </row>
    <row r="9776" spans="1:10" x14ac:dyDescent="0.35">
      <c r="A9776" t="s">
        <v>28</v>
      </c>
      <c r="B9776" t="s">
        <v>61</v>
      </c>
      <c r="C9776" t="s">
        <v>117</v>
      </c>
      <c r="D9776" t="s">
        <v>118</v>
      </c>
      <c r="E9776">
        <v>2013</v>
      </c>
      <c r="F9776">
        <v>2013</v>
      </c>
      <c r="G9776" t="s">
        <v>14</v>
      </c>
      <c r="H9776" t="s">
        <v>119</v>
      </c>
      <c r="I9776" t="s">
        <v>15</v>
      </c>
      <c r="J9776" s="10">
        <v>16.352252289999999</v>
      </c>
    </row>
    <row r="9777" spans="1:10" x14ac:dyDescent="0.35">
      <c r="A9777" t="s">
        <v>28</v>
      </c>
      <c r="B9777" t="s">
        <v>61</v>
      </c>
      <c r="C9777" t="s">
        <v>117</v>
      </c>
      <c r="D9777" t="s">
        <v>118</v>
      </c>
      <c r="E9777">
        <v>2013</v>
      </c>
      <c r="F9777">
        <v>2013</v>
      </c>
      <c r="G9777" t="s">
        <v>14</v>
      </c>
      <c r="H9777" t="s">
        <v>120</v>
      </c>
      <c r="I9777" t="s">
        <v>15</v>
      </c>
      <c r="J9777" s="10">
        <v>9.4648870140000003</v>
      </c>
    </row>
    <row r="9778" spans="1:10" x14ac:dyDescent="0.35">
      <c r="A9778" t="s">
        <v>28</v>
      </c>
      <c r="B9778" t="s">
        <v>61</v>
      </c>
      <c r="C9778" t="s">
        <v>117</v>
      </c>
      <c r="D9778" t="s">
        <v>118</v>
      </c>
      <c r="E9778">
        <v>2013</v>
      </c>
      <c r="F9778">
        <v>2013</v>
      </c>
      <c r="G9778" t="s">
        <v>14</v>
      </c>
      <c r="H9778" t="s">
        <v>121</v>
      </c>
      <c r="I9778" t="s">
        <v>15</v>
      </c>
      <c r="J9778" s="10">
        <v>28.056581059999999</v>
      </c>
    </row>
    <row r="9779" spans="1:10" x14ac:dyDescent="0.35">
      <c r="A9779" t="s">
        <v>28</v>
      </c>
      <c r="B9779" t="s">
        <v>61</v>
      </c>
      <c r="C9779" t="s">
        <v>117</v>
      </c>
      <c r="D9779" t="s">
        <v>118</v>
      </c>
      <c r="E9779">
        <v>2013</v>
      </c>
      <c r="F9779">
        <v>2013</v>
      </c>
      <c r="G9779" t="s">
        <v>14</v>
      </c>
      <c r="H9779" t="s">
        <v>122</v>
      </c>
      <c r="I9779" t="s">
        <v>15</v>
      </c>
      <c r="J9779" s="10">
        <v>22.11583972</v>
      </c>
    </row>
    <row r="9780" spans="1:10" x14ac:dyDescent="0.35">
      <c r="A9780" t="s">
        <v>28</v>
      </c>
      <c r="B9780" t="s">
        <v>61</v>
      </c>
      <c r="C9780" t="s">
        <v>117</v>
      </c>
      <c r="D9780" t="s">
        <v>118</v>
      </c>
      <c r="E9780">
        <v>2013</v>
      </c>
      <c r="F9780">
        <v>2013</v>
      </c>
      <c r="G9780" t="s">
        <v>14</v>
      </c>
      <c r="H9780" t="s">
        <v>123</v>
      </c>
      <c r="I9780" t="s">
        <v>15</v>
      </c>
      <c r="J9780" s="10">
        <v>21.207080749999999</v>
      </c>
    </row>
    <row r="9781" spans="1:10" x14ac:dyDescent="0.35">
      <c r="A9781" t="s">
        <v>28</v>
      </c>
      <c r="B9781" t="s">
        <v>61</v>
      </c>
      <c r="C9781" t="s">
        <v>117</v>
      </c>
      <c r="D9781" t="s">
        <v>118</v>
      </c>
      <c r="E9781">
        <v>2013</v>
      </c>
      <c r="F9781">
        <v>2013</v>
      </c>
      <c r="G9781" t="s">
        <v>14</v>
      </c>
      <c r="H9781" t="s">
        <v>124</v>
      </c>
      <c r="I9781" t="s">
        <v>15</v>
      </c>
      <c r="J9781" s="10">
        <v>2.8033591630000001</v>
      </c>
    </row>
    <row r="9782" spans="1:10" x14ac:dyDescent="0.35">
      <c r="A9782" t="s">
        <v>28</v>
      </c>
      <c r="B9782" t="s">
        <v>61</v>
      </c>
      <c r="C9782" t="s">
        <v>117</v>
      </c>
      <c r="D9782" t="s">
        <v>118</v>
      </c>
      <c r="E9782">
        <v>2013</v>
      </c>
      <c r="F9782">
        <v>2013</v>
      </c>
      <c r="G9782" t="s">
        <v>125</v>
      </c>
      <c r="H9782" t="s">
        <v>119</v>
      </c>
      <c r="I9782" t="s">
        <v>15</v>
      </c>
      <c r="J9782" s="10">
        <v>17.210358159999998</v>
      </c>
    </row>
    <row r="9783" spans="1:10" x14ac:dyDescent="0.35">
      <c r="A9783" t="s">
        <v>28</v>
      </c>
      <c r="B9783" t="s">
        <v>61</v>
      </c>
      <c r="C9783" t="s">
        <v>117</v>
      </c>
      <c r="D9783" t="s">
        <v>118</v>
      </c>
      <c r="E9783">
        <v>2013</v>
      </c>
      <c r="F9783">
        <v>2013</v>
      </c>
      <c r="G9783" t="s">
        <v>125</v>
      </c>
      <c r="H9783" t="s">
        <v>120</v>
      </c>
      <c r="I9783" t="s">
        <v>15</v>
      </c>
      <c r="J9783" s="10">
        <v>10.12275097</v>
      </c>
    </row>
    <row r="9784" spans="1:10" x14ac:dyDescent="0.35">
      <c r="A9784" t="s">
        <v>28</v>
      </c>
      <c r="B9784" t="s">
        <v>61</v>
      </c>
      <c r="C9784" t="s">
        <v>117</v>
      </c>
      <c r="D9784" t="s">
        <v>118</v>
      </c>
      <c r="E9784">
        <v>2013</v>
      </c>
      <c r="F9784">
        <v>2013</v>
      </c>
      <c r="G9784" t="s">
        <v>125</v>
      </c>
      <c r="H9784" t="s">
        <v>121</v>
      </c>
      <c r="I9784" t="s">
        <v>15</v>
      </c>
      <c r="J9784" s="10">
        <v>27.73667395</v>
      </c>
    </row>
    <row r="9785" spans="1:10" x14ac:dyDescent="0.35">
      <c r="A9785" t="s">
        <v>28</v>
      </c>
      <c r="B9785" t="s">
        <v>61</v>
      </c>
      <c r="C9785" t="s">
        <v>117</v>
      </c>
      <c r="D9785" t="s">
        <v>118</v>
      </c>
      <c r="E9785">
        <v>2013</v>
      </c>
      <c r="F9785">
        <v>2013</v>
      </c>
      <c r="G9785" t="s">
        <v>125</v>
      </c>
      <c r="H9785" t="s">
        <v>122</v>
      </c>
      <c r="I9785" t="s">
        <v>15</v>
      </c>
      <c r="J9785" s="10">
        <v>22.26332605</v>
      </c>
    </row>
    <row r="9786" spans="1:10" x14ac:dyDescent="0.35">
      <c r="A9786" t="s">
        <v>28</v>
      </c>
      <c r="B9786" t="s">
        <v>61</v>
      </c>
      <c r="C9786" t="s">
        <v>117</v>
      </c>
      <c r="D9786" t="s">
        <v>118</v>
      </c>
      <c r="E9786">
        <v>2013</v>
      </c>
      <c r="F9786">
        <v>2013</v>
      </c>
      <c r="G9786" t="s">
        <v>125</v>
      </c>
      <c r="H9786" t="s">
        <v>123</v>
      </c>
      <c r="I9786" t="s">
        <v>15</v>
      </c>
      <c r="J9786" s="10">
        <v>20.53136035</v>
      </c>
    </row>
    <row r="9787" spans="1:10" x14ac:dyDescent="0.35">
      <c r="A9787" t="s">
        <v>28</v>
      </c>
      <c r="B9787" t="s">
        <v>61</v>
      </c>
      <c r="C9787" t="s">
        <v>117</v>
      </c>
      <c r="D9787" t="s">
        <v>118</v>
      </c>
      <c r="E9787">
        <v>2013</v>
      </c>
      <c r="F9787">
        <v>2013</v>
      </c>
      <c r="G9787" t="s">
        <v>125</v>
      </c>
      <c r="H9787" t="s">
        <v>124</v>
      </c>
      <c r="I9787" t="s">
        <v>15</v>
      </c>
      <c r="J9787" s="10">
        <v>2.1355305200000001</v>
      </c>
    </row>
    <row r="9788" spans="1:10" x14ac:dyDescent="0.35">
      <c r="A9788" t="s">
        <v>28</v>
      </c>
      <c r="B9788" t="s">
        <v>61</v>
      </c>
      <c r="C9788" t="s">
        <v>117</v>
      </c>
      <c r="D9788" t="s">
        <v>118</v>
      </c>
      <c r="E9788">
        <v>2013</v>
      </c>
      <c r="F9788">
        <v>2013</v>
      </c>
      <c r="G9788" t="s">
        <v>126</v>
      </c>
      <c r="H9788" t="s">
        <v>119</v>
      </c>
      <c r="I9788" t="s">
        <v>15</v>
      </c>
      <c r="J9788" s="10">
        <v>15.552071079999999</v>
      </c>
    </row>
    <row r="9789" spans="1:10" x14ac:dyDescent="0.35">
      <c r="A9789" t="s">
        <v>28</v>
      </c>
      <c r="B9789" t="s">
        <v>61</v>
      </c>
      <c r="C9789" t="s">
        <v>117</v>
      </c>
      <c r="D9789" t="s">
        <v>118</v>
      </c>
      <c r="E9789">
        <v>2013</v>
      </c>
      <c r="F9789">
        <v>2013</v>
      </c>
      <c r="G9789" t="s">
        <v>126</v>
      </c>
      <c r="H9789" t="s">
        <v>120</v>
      </c>
      <c r="I9789" t="s">
        <v>15</v>
      </c>
      <c r="J9789" s="10">
        <v>8.8514308110000002</v>
      </c>
    </row>
    <row r="9790" spans="1:10" x14ac:dyDescent="0.35">
      <c r="A9790" t="s">
        <v>28</v>
      </c>
      <c r="B9790" t="s">
        <v>61</v>
      </c>
      <c r="C9790" t="s">
        <v>117</v>
      </c>
      <c r="D9790" t="s">
        <v>118</v>
      </c>
      <c r="E9790">
        <v>2013</v>
      </c>
      <c r="F9790">
        <v>2013</v>
      </c>
      <c r="G9790" t="s">
        <v>126</v>
      </c>
      <c r="H9790" t="s">
        <v>121</v>
      </c>
      <c r="I9790" t="s">
        <v>15</v>
      </c>
      <c r="J9790" s="10">
        <v>28.35489351</v>
      </c>
    </row>
    <row r="9791" spans="1:10" x14ac:dyDescent="0.35">
      <c r="A9791" t="s">
        <v>28</v>
      </c>
      <c r="B9791" t="s">
        <v>61</v>
      </c>
      <c r="C9791" t="s">
        <v>117</v>
      </c>
      <c r="D9791" t="s">
        <v>118</v>
      </c>
      <c r="E9791">
        <v>2013</v>
      </c>
      <c r="F9791">
        <v>2013</v>
      </c>
      <c r="G9791" t="s">
        <v>126</v>
      </c>
      <c r="H9791" t="s">
        <v>122</v>
      </c>
      <c r="I9791" t="s">
        <v>15</v>
      </c>
      <c r="J9791" s="10">
        <v>21.978309159999998</v>
      </c>
    </row>
    <row r="9792" spans="1:10" x14ac:dyDescent="0.35">
      <c r="A9792" t="s">
        <v>28</v>
      </c>
      <c r="B9792" t="s">
        <v>61</v>
      </c>
      <c r="C9792" t="s">
        <v>117</v>
      </c>
      <c r="D9792" t="s">
        <v>118</v>
      </c>
      <c r="E9792">
        <v>2013</v>
      </c>
      <c r="F9792">
        <v>2013</v>
      </c>
      <c r="G9792" t="s">
        <v>126</v>
      </c>
      <c r="H9792" t="s">
        <v>123</v>
      </c>
      <c r="I9792" t="s">
        <v>15</v>
      </c>
      <c r="J9792" s="10">
        <v>21.83718803</v>
      </c>
    </row>
    <row r="9793" spans="1:10" x14ac:dyDescent="0.35">
      <c r="A9793" t="s">
        <v>28</v>
      </c>
      <c r="B9793" t="s">
        <v>61</v>
      </c>
      <c r="C9793" t="s">
        <v>117</v>
      </c>
      <c r="D9793" t="s">
        <v>118</v>
      </c>
      <c r="E9793">
        <v>2013</v>
      </c>
      <c r="F9793">
        <v>2013</v>
      </c>
      <c r="G9793" t="s">
        <v>126</v>
      </c>
      <c r="H9793" t="s">
        <v>124</v>
      </c>
      <c r="I9793" t="s">
        <v>15</v>
      </c>
      <c r="J9793" s="10">
        <v>3.4261074090000001</v>
      </c>
    </row>
    <row r="9794" spans="1:10" x14ac:dyDescent="0.35">
      <c r="A9794" t="s">
        <v>28</v>
      </c>
      <c r="B9794" t="s">
        <v>61</v>
      </c>
      <c r="C9794" t="s">
        <v>117</v>
      </c>
      <c r="D9794" t="s">
        <v>118</v>
      </c>
      <c r="E9794">
        <v>2012</v>
      </c>
      <c r="F9794">
        <v>2012</v>
      </c>
      <c r="G9794" t="s">
        <v>14</v>
      </c>
      <c r="H9794" t="s">
        <v>119</v>
      </c>
      <c r="I9794" t="s">
        <v>15</v>
      </c>
      <c r="J9794" s="10">
        <v>16.52013766</v>
      </c>
    </row>
    <row r="9795" spans="1:10" x14ac:dyDescent="0.35">
      <c r="A9795" t="s">
        <v>28</v>
      </c>
      <c r="B9795" t="s">
        <v>61</v>
      </c>
      <c r="C9795" t="s">
        <v>117</v>
      </c>
      <c r="D9795" t="s">
        <v>118</v>
      </c>
      <c r="E9795">
        <v>2012</v>
      </c>
      <c r="F9795">
        <v>2012</v>
      </c>
      <c r="G9795" t="s">
        <v>14</v>
      </c>
      <c r="H9795" t="s">
        <v>120</v>
      </c>
      <c r="I9795" t="s">
        <v>15</v>
      </c>
      <c r="J9795" s="10">
        <v>9.6117653379999997</v>
      </c>
    </row>
    <row r="9796" spans="1:10" x14ac:dyDescent="0.35">
      <c r="A9796" t="s">
        <v>28</v>
      </c>
      <c r="B9796" t="s">
        <v>61</v>
      </c>
      <c r="C9796" t="s">
        <v>117</v>
      </c>
      <c r="D9796" t="s">
        <v>118</v>
      </c>
      <c r="E9796">
        <v>2012</v>
      </c>
      <c r="F9796">
        <v>2012</v>
      </c>
      <c r="G9796" t="s">
        <v>14</v>
      </c>
      <c r="H9796" t="s">
        <v>121</v>
      </c>
      <c r="I9796" t="s">
        <v>15</v>
      </c>
      <c r="J9796" s="10">
        <v>28.42662795</v>
      </c>
    </row>
    <row r="9797" spans="1:10" x14ac:dyDescent="0.35">
      <c r="A9797" t="s">
        <v>28</v>
      </c>
      <c r="B9797" t="s">
        <v>61</v>
      </c>
      <c r="C9797" t="s">
        <v>117</v>
      </c>
      <c r="D9797" t="s">
        <v>118</v>
      </c>
      <c r="E9797">
        <v>2012</v>
      </c>
      <c r="F9797">
        <v>2012</v>
      </c>
      <c r="G9797" t="s">
        <v>14</v>
      </c>
      <c r="H9797" t="s">
        <v>122</v>
      </c>
      <c r="I9797" t="s">
        <v>15</v>
      </c>
      <c r="J9797" s="10">
        <v>21.98472872</v>
      </c>
    </row>
    <row r="9798" spans="1:10" x14ac:dyDescent="0.35">
      <c r="A9798" t="s">
        <v>28</v>
      </c>
      <c r="B9798" t="s">
        <v>61</v>
      </c>
      <c r="C9798" t="s">
        <v>117</v>
      </c>
      <c r="D9798" t="s">
        <v>118</v>
      </c>
      <c r="E9798">
        <v>2012</v>
      </c>
      <c r="F9798">
        <v>2012</v>
      </c>
      <c r="G9798" t="s">
        <v>14</v>
      </c>
      <c r="H9798" t="s">
        <v>123</v>
      </c>
      <c r="I9798" t="s">
        <v>15</v>
      </c>
      <c r="J9798" s="10">
        <v>20.738559980000002</v>
      </c>
    </row>
    <row r="9799" spans="1:10" x14ac:dyDescent="0.35">
      <c r="A9799" t="s">
        <v>28</v>
      </c>
      <c r="B9799" t="s">
        <v>61</v>
      </c>
      <c r="C9799" t="s">
        <v>117</v>
      </c>
      <c r="D9799" t="s">
        <v>118</v>
      </c>
      <c r="E9799">
        <v>2012</v>
      </c>
      <c r="F9799">
        <v>2012</v>
      </c>
      <c r="G9799" t="s">
        <v>14</v>
      </c>
      <c r="H9799" t="s">
        <v>124</v>
      </c>
      <c r="I9799" t="s">
        <v>15</v>
      </c>
      <c r="J9799" s="10">
        <v>2.7181803520000001</v>
      </c>
    </row>
    <row r="9800" spans="1:10" x14ac:dyDescent="0.35">
      <c r="A9800" t="s">
        <v>28</v>
      </c>
      <c r="B9800" t="s">
        <v>61</v>
      </c>
      <c r="C9800" t="s">
        <v>117</v>
      </c>
      <c r="D9800" t="s">
        <v>118</v>
      </c>
      <c r="E9800">
        <v>2012</v>
      </c>
      <c r="F9800">
        <v>2012</v>
      </c>
      <c r="G9800" t="s">
        <v>125</v>
      </c>
      <c r="H9800" t="s">
        <v>119</v>
      </c>
      <c r="I9800" t="s">
        <v>15</v>
      </c>
      <c r="J9800" s="10">
        <v>17.341458660000001</v>
      </c>
    </row>
    <row r="9801" spans="1:10" x14ac:dyDescent="0.35">
      <c r="A9801" t="s">
        <v>28</v>
      </c>
      <c r="B9801" t="s">
        <v>61</v>
      </c>
      <c r="C9801" t="s">
        <v>117</v>
      </c>
      <c r="D9801" t="s">
        <v>118</v>
      </c>
      <c r="E9801">
        <v>2012</v>
      </c>
      <c r="F9801">
        <v>2012</v>
      </c>
      <c r="G9801" t="s">
        <v>125</v>
      </c>
      <c r="H9801" t="s">
        <v>120</v>
      </c>
      <c r="I9801" t="s">
        <v>15</v>
      </c>
      <c r="J9801" s="10">
        <v>10.295795419999999</v>
      </c>
    </row>
    <row r="9802" spans="1:10" x14ac:dyDescent="0.35">
      <c r="A9802" t="s">
        <v>28</v>
      </c>
      <c r="B9802" t="s">
        <v>61</v>
      </c>
      <c r="C9802" t="s">
        <v>117</v>
      </c>
      <c r="D9802" t="s">
        <v>118</v>
      </c>
      <c r="E9802">
        <v>2012</v>
      </c>
      <c r="F9802">
        <v>2012</v>
      </c>
      <c r="G9802" t="s">
        <v>125</v>
      </c>
      <c r="H9802" t="s">
        <v>121</v>
      </c>
      <c r="I9802" t="s">
        <v>15</v>
      </c>
      <c r="J9802" s="10">
        <v>28.174305029999999</v>
      </c>
    </row>
    <row r="9803" spans="1:10" x14ac:dyDescent="0.35">
      <c r="A9803" t="s">
        <v>28</v>
      </c>
      <c r="B9803" t="s">
        <v>61</v>
      </c>
      <c r="C9803" t="s">
        <v>117</v>
      </c>
      <c r="D9803" t="s">
        <v>118</v>
      </c>
      <c r="E9803">
        <v>2012</v>
      </c>
      <c r="F9803">
        <v>2012</v>
      </c>
      <c r="G9803" t="s">
        <v>125</v>
      </c>
      <c r="H9803" t="s">
        <v>122</v>
      </c>
      <c r="I9803" t="s">
        <v>15</v>
      </c>
      <c r="J9803" s="10">
        <v>22.15822133</v>
      </c>
    </row>
    <row r="9804" spans="1:10" x14ac:dyDescent="0.35">
      <c r="A9804" t="s">
        <v>28</v>
      </c>
      <c r="B9804" t="s">
        <v>61</v>
      </c>
      <c r="C9804" t="s">
        <v>117</v>
      </c>
      <c r="D9804" t="s">
        <v>118</v>
      </c>
      <c r="E9804">
        <v>2012</v>
      </c>
      <c r="F9804">
        <v>2012</v>
      </c>
      <c r="G9804" t="s">
        <v>125</v>
      </c>
      <c r="H9804" t="s">
        <v>123</v>
      </c>
      <c r="I9804" t="s">
        <v>15</v>
      </c>
      <c r="J9804" s="10">
        <v>20.010017529999999</v>
      </c>
    </row>
    <row r="9805" spans="1:10" x14ac:dyDescent="0.35">
      <c r="A9805" t="s">
        <v>28</v>
      </c>
      <c r="B9805" t="s">
        <v>61</v>
      </c>
      <c r="C9805" t="s">
        <v>117</v>
      </c>
      <c r="D9805" t="s">
        <v>118</v>
      </c>
      <c r="E9805">
        <v>2012</v>
      </c>
      <c r="F9805">
        <v>2012</v>
      </c>
      <c r="G9805" t="s">
        <v>125</v>
      </c>
      <c r="H9805" t="s">
        <v>124</v>
      </c>
      <c r="I9805" t="s">
        <v>15</v>
      </c>
      <c r="J9805" s="10">
        <v>2.0202020200000002</v>
      </c>
    </row>
    <row r="9806" spans="1:10" x14ac:dyDescent="0.35">
      <c r="A9806" t="s">
        <v>28</v>
      </c>
      <c r="B9806" t="s">
        <v>61</v>
      </c>
      <c r="C9806" t="s">
        <v>117</v>
      </c>
      <c r="D9806" t="s">
        <v>118</v>
      </c>
      <c r="E9806">
        <v>2012</v>
      </c>
      <c r="F9806">
        <v>2012</v>
      </c>
      <c r="G9806" t="s">
        <v>126</v>
      </c>
      <c r="H9806" t="s">
        <v>119</v>
      </c>
      <c r="I9806" t="s">
        <v>15</v>
      </c>
      <c r="J9806" s="10">
        <v>15.75251619</v>
      </c>
    </row>
    <row r="9807" spans="1:10" x14ac:dyDescent="0.35">
      <c r="A9807" t="s">
        <v>28</v>
      </c>
      <c r="B9807" t="s">
        <v>61</v>
      </c>
      <c r="C9807" t="s">
        <v>117</v>
      </c>
      <c r="D9807" t="s">
        <v>118</v>
      </c>
      <c r="E9807">
        <v>2012</v>
      </c>
      <c r="F9807">
        <v>2012</v>
      </c>
      <c r="G9807" t="s">
        <v>126</v>
      </c>
      <c r="H9807" t="s">
        <v>120</v>
      </c>
      <c r="I9807" t="s">
        <v>15</v>
      </c>
      <c r="J9807" s="10">
        <v>8.9724584539999999</v>
      </c>
    </row>
    <row r="9808" spans="1:10" x14ac:dyDescent="0.35">
      <c r="A9808" t="s">
        <v>28</v>
      </c>
      <c r="B9808" t="s">
        <v>61</v>
      </c>
      <c r="C9808" t="s">
        <v>117</v>
      </c>
      <c r="D9808" t="s">
        <v>118</v>
      </c>
      <c r="E9808">
        <v>2012</v>
      </c>
      <c r="F9808">
        <v>2012</v>
      </c>
      <c r="G9808" t="s">
        <v>126</v>
      </c>
      <c r="H9808" t="s">
        <v>121</v>
      </c>
      <c r="I9808" t="s">
        <v>15</v>
      </c>
      <c r="J9808" s="10">
        <v>28.662453509999999</v>
      </c>
    </row>
    <row r="9809" spans="1:10" x14ac:dyDescent="0.35">
      <c r="A9809" t="s">
        <v>28</v>
      </c>
      <c r="B9809" t="s">
        <v>61</v>
      </c>
      <c r="C9809" t="s">
        <v>117</v>
      </c>
      <c r="D9809" t="s">
        <v>118</v>
      </c>
      <c r="E9809">
        <v>2012</v>
      </c>
      <c r="F9809">
        <v>2012</v>
      </c>
      <c r="G9809" t="s">
        <v>126</v>
      </c>
      <c r="H9809" t="s">
        <v>122</v>
      </c>
      <c r="I9809" t="s">
        <v>15</v>
      </c>
      <c r="J9809" s="10">
        <v>21.822579390000001</v>
      </c>
    </row>
    <row r="9810" spans="1:10" x14ac:dyDescent="0.35">
      <c r="A9810" t="s">
        <v>28</v>
      </c>
      <c r="B9810" t="s">
        <v>61</v>
      </c>
      <c r="C9810" t="s">
        <v>117</v>
      </c>
      <c r="D9810" t="s">
        <v>118</v>
      </c>
      <c r="E9810">
        <v>2012</v>
      </c>
      <c r="F9810">
        <v>2012</v>
      </c>
      <c r="G9810" t="s">
        <v>126</v>
      </c>
      <c r="H9810" t="s">
        <v>123</v>
      </c>
      <c r="I9810" t="s">
        <v>15</v>
      </c>
      <c r="J9810" s="10">
        <v>21.419468930000001</v>
      </c>
    </row>
    <row r="9811" spans="1:10" x14ac:dyDescent="0.35">
      <c r="A9811" t="s">
        <v>28</v>
      </c>
      <c r="B9811" t="s">
        <v>61</v>
      </c>
      <c r="C9811" t="s">
        <v>117</v>
      </c>
      <c r="D9811" t="s">
        <v>118</v>
      </c>
      <c r="E9811">
        <v>2012</v>
      </c>
      <c r="F9811">
        <v>2012</v>
      </c>
      <c r="G9811" t="s">
        <v>126</v>
      </c>
      <c r="H9811" t="s">
        <v>124</v>
      </c>
      <c r="I9811" t="s">
        <v>15</v>
      </c>
      <c r="J9811" s="10">
        <v>3.3705235230000001</v>
      </c>
    </row>
    <row r="9812" spans="1:10" x14ac:dyDescent="0.35">
      <c r="A9812" t="s">
        <v>28</v>
      </c>
      <c r="B9812" t="s">
        <v>61</v>
      </c>
      <c r="C9812" t="s">
        <v>117</v>
      </c>
      <c r="D9812" t="s">
        <v>118</v>
      </c>
      <c r="E9812">
        <v>2011</v>
      </c>
      <c r="F9812">
        <v>2011</v>
      </c>
      <c r="G9812" t="s">
        <v>14</v>
      </c>
      <c r="H9812" t="s">
        <v>119</v>
      </c>
      <c r="I9812" t="s">
        <v>15</v>
      </c>
      <c r="J9812" s="10">
        <v>16.620836740000001</v>
      </c>
    </row>
    <row r="9813" spans="1:10" x14ac:dyDescent="0.35">
      <c r="A9813" t="s">
        <v>28</v>
      </c>
      <c r="B9813" t="s">
        <v>61</v>
      </c>
      <c r="C9813" t="s">
        <v>117</v>
      </c>
      <c r="D9813" t="s">
        <v>118</v>
      </c>
      <c r="E9813">
        <v>2011</v>
      </c>
      <c r="F9813">
        <v>2011</v>
      </c>
      <c r="G9813" t="s">
        <v>14</v>
      </c>
      <c r="H9813" t="s">
        <v>120</v>
      </c>
      <c r="I9813" t="s">
        <v>15</v>
      </c>
      <c r="J9813" s="10">
        <v>9.5679467749999993</v>
      </c>
    </row>
    <row r="9814" spans="1:10" x14ac:dyDescent="0.35">
      <c r="A9814" t="s">
        <v>28</v>
      </c>
      <c r="B9814" t="s">
        <v>61</v>
      </c>
      <c r="C9814" t="s">
        <v>117</v>
      </c>
      <c r="D9814" t="s">
        <v>118</v>
      </c>
      <c r="E9814">
        <v>2011</v>
      </c>
      <c r="F9814">
        <v>2011</v>
      </c>
      <c r="G9814" t="s">
        <v>14</v>
      </c>
      <c r="H9814" t="s">
        <v>121</v>
      </c>
      <c r="I9814" t="s">
        <v>15</v>
      </c>
      <c r="J9814" s="10">
        <v>28.905044870000001</v>
      </c>
    </row>
    <row r="9815" spans="1:10" x14ac:dyDescent="0.35">
      <c r="A9815" t="s">
        <v>28</v>
      </c>
      <c r="B9815" t="s">
        <v>61</v>
      </c>
      <c r="C9815" t="s">
        <v>117</v>
      </c>
      <c r="D9815" t="s">
        <v>118</v>
      </c>
      <c r="E9815">
        <v>2011</v>
      </c>
      <c r="F9815">
        <v>2011</v>
      </c>
      <c r="G9815" t="s">
        <v>14</v>
      </c>
      <c r="H9815" t="s">
        <v>122</v>
      </c>
      <c r="I9815" t="s">
        <v>15</v>
      </c>
      <c r="J9815" s="10">
        <v>22.143230809999999</v>
      </c>
    </row>
    <row r="9816" spans="1:10" x14ac:dyDescent="0.35">
      <c r="A9816" t="s">
        <v>28</v>
      </c>
      <c r="B9816" t="s">
        <v>61</v>
      </c>
      <c r="C9816" t="s">
        <v>117</v>
      </c>
      <c r="D9816" t="s">
        <v>118</v>
      </c>
      <c r="E9816">
        <v>2011</v>
      </c>
      <c r="F9816">
        <v>2011</v>
      </c>
      <c r="G9816" t="s">
        <v>14</v>
      </c>
      <c r="H9816" t="s">
        <v>123</v>
      </c>
      <c r="I9816" t="s">
        <v>15</v>
      </c>
      <c r="J9816" s="10">
        <v>20.060093089999999</v>
      </c>
    </row>
    <row r="9817" spans="1:10" x14ac:dyDescent="0.35">
      <c r="A9817" t="s">
        <v>28</v>
      </c>
      <c r="B9817" t="s">
        <v>61</v>
      </c>
      <c r="C9817" t="s">
        <v>117</v>
      </c>
      <c r="D9817" t="s">
        <v>118</v>
      </c>
      <c r="E9817">
        <v>2011</v>
      </c>
      <c r="F9817">
        <v>2011</v>
      </c>
      <c r="G9817" t="s">
        <v>14</v>
      </c>
      <c r="H9817" t="s">
        <v>124</v>
      </c>
      <c r="I9817" t="s">
        <v>15</v>
      </c>
      <c r="J9817" s="10">
        <v>2.7028477149999999</v>
      </c>
    </row>
    <row r="9818" spans="1:10" x14ac:dyDescent="0.35">
      <c r="A9818" t="s">
        <v>28</v>
      </c>
      <c r="B9818" t="s">
        <v>61</v>
      </c>
      <c r="C9818" t="s">
        <v>117</v>
      </c>
      <c r="D9818" t="s">
        <v>118</v>
      </c>
      <c r="E9818">
        <v>2011</v>
      </c>
      <c r="F9818">
        <v>2011</v>
      </c>
      <c r="G9818" t="s">
        <v>125</v>
      </c>
      <c r="H9818" t="s">
        <v>119</v>
      </c>
      <c r="I9818" t="s">
        <v>15</v>
      </c>
      <c r="J9818" s="10">
        <v>17.54512836</v>
      </c>
    </row>
    <row r="9819" spans="1:10" x14ac:dyDescent="0.35">
      <c r="A9819" t="s">
        <v>28</v>
      </c>
      <c r="B9819" t="s">
        <v>61</v>
      </c>
      <c r="C9819" t="s">
        <v>117</v>
      </c>
      <c r="D9819" t="s">
        <v>118</v>
      </c>
      <c r="E9819">
        <v>2011</v>
      </c>
      <c r="F9819">
        <v>2011</v>
      </c>
      <c r="G9819" t="s">
        <v>125</v>
      </c>
      <c r="H9819" t="s">
        <v>120</v>
      </c>
      <c r="I9819" t="s">
        <v>15</v>
      </c>
      <c r="J9819" s="10">
        <v>10.113203349999999</v>
      </c>
    </row>
    <row r="9820" spans="1:10" x14ac:dyDescent="0.35">
      <c r="A9820" t="s">
        <v>28</v>
      </c>
      <c r="B9820" t="s">
        <v>61</v>
      </c>
      <c r="C9820" t="s">
        <v>117</v>
      </c>
      <c r="D9820" t="s">
        <v>118</v>
      </c>
      <c r="E9820">
        <v>2011</v>
      </c>
      <c r="F9820">
        <v>2011</v>
      </c>
      <c r="G9820" t="s">
        <v>125</v>
      </c>
      <c r="H9820" t="s">
        <v>121</v>
      </c>
      <c r="I9820" t="s">
        <v>15</v>
      </c>
      <c r="J9820" s="10">
        <v>28.765332520000001</v>
      </c>
    </row>
    <row r="9821" spans="1:10" x14ac:dyDescent="0.35">
      <c r="A9821" t="s">
        <v>28</v>
      </c>
      <c r="B9821" t="s">
        <v>61</v>
      </c>
      <c r="C9821" t="s">
        <v>117</v>
      </c>
      <c r="D9821" t="s">
        <v>118</v>
      </c>
      <c r="E9821">
        <v>2011</v>
      </c>
      <c r="F9821">
        <v>2011</v>
      </c>
      <c r="G9821" t="s">
        <v>125</v>
      </c>
      <c r="H9821" t="s">
        <v>122</v>
      </c>
      <c r="I9821" t="s">
        <v>15</v>
      </c>
      <c r="J9821" s="10">
        <v>22.370873079999999</v>
      </c>
    </row>
    <row r="9822" spans="1:10" x14ac:dyDescent="0.35">
      <c r="A9822" t="s">
        <v>28</v>
      </c>
      <c r="B9822" t="s">
        <v>61</v>
      </c>
      <c r="C9822" t="s">
        <v>117</v>
      </c>
      <c r="D9822" t="s">
        <v>118</v>
      </c>
      <c r="E9822">
        <v>2011</v>
      </c>
      <c r="F9822">
        <v>2011</v>
      </c>
      <c r="G9822" t="s">
        <v>125</v>
      </c>
      <c r="H9822" t="s">
        <v>123</v>
      </c>
      <c r="I9822" t="s">
        <v>15</v>
      </c>
      <c r="J9822" s="10">
        <v>19.300197480000001</v>
      </c>
    </row>
    <row r="9823" spans="1:10" x14ac:dyDescent="0.35">
      <c r="A9823" t="s">
        <v>28</v>
      </c>
      <c r="B9823" t="s">
        <v>61</v>
      </c>
      <c r="C9823" t="s">
        <v>117</v>
      </c>
      <c r="D9823" t="s">
        <v>118</v>
      </c>
      <c r="E9823">
        <v>2011</v>
      </c>
      <c r="F9823">
        <v>2011</v>
      </c>
      <c r="G9823" t="s">
        <v>125</v>
      </c>
      <c r="H9823" t="s">
        <v>124</v>
      </c>
      <c r="I9823" t="s">
        <v>15</v>
      </c>
      <c r="J9823" s="10">
        <v>1.905265207</v>
      </c>
    </row>
    <row r="9824" spans="1:10" x14ac:dyDescent="0.35">
      <c r="A9824" t="s">
        <v>28</v>
      </c>
      <c r="B9824" t="s">
        <v>61</v>
      </c>
      <c r="C9824" t="s">
        <v>117</v>
      </c>
      <c r="D9824" t="s">
        <v>118</v>
      </c>
      <c r="E9824">
        <v>2011</v>
      </c>
      <c r="F9824">
        <v>2011</v>
      </c>
      <c r="G9824" t="s">
        <v>126</v>
      </c>
      <c r="H9824" t="s">
        <v>119</v>
      </c>
      <c r="I9824" t="s">
        <v>15</v>
      </c>
      <c r="J9824" s="10">
        <v>15.759883930000001</v>
      </c>
    </row>
    <row r="9825" spans="1:10" x14ac:dyDescent="0.35">
      <c r="A9825" t="s">
        <v>28</v>
      </c>
      <c r="B9825" t="s">
        <v>61</v>
      </c>
      <c r="C9825" t="s">
        <v>117</v>
      </c>
      <c r="D9825" t="s">
        <v>118</v>
      </c>
      <c r="E9825">
        <v>2011</v>
      </c>
      <c r="F9825">
        <v>2011</v>
      </c>
      <c r="G9825" t="s">
        <v>126</v>
      </c>
      <c r="H9825" t="s">
        <v>120</v>
      </c>
      <c r="I9825" t="s">
        <v>15</v>
      </c>
      <c r="J9825" s="10">
        <v>9.0600549249999993</v>
      </c>
    </row>
    <row r="9826" spans="1:10" x14ac:dyDescent="0.35">
      <c r="A9826" t="s">
        <v>28</v>
      </c>
      <c r="B9826" t="s">
        <v>61</v>
      </c>
      <c r="C9826" t="s">
        <v>117</v>
      </c>
      <c r="D9826" t="s">
        <v>118</v>
      </c>
      <c r="E9826">
        <v>2011</v>
      </c>
      <c r="F9826">
        <v>2011</v>
      </c>
      <c r="G9826" t="s">
        <v>126</v>
      </c>
      <c r="H9826" t="s">
        <v>121</v>
      </c>
      <c r="I9826" t="s">
        <v>15</v>
      </c>
      <c r="J9826" s="10">
        <v>29.03518317</v>
      </c>
    </row>
    <row r="9827" spans="1:10" x14ac:dyDescent="0.35">
      <c r="A9827" t="s">
        <v>28</v>
      </c>
      <c r="B9827" t="s">
        <v>61</v>
      </c>
      <c r="C9827" t="s">
        <v>117</v>
      </c>
      <c r="D9827" t="s">
        <v>118</v>
      </c>
      <c r="E9827">
        <v>2011</v>
      </c>
      <c r="F9827">
        <v>2011</v>
      </c>
      <c r="G9827" t="s">
        <v>126</v>
      </c>
      <c r="H9827" t="s">
        <v>122</v>
      </c>
      <c r="I9827" t="s">
        <v>15</v>
      </c>
      <c r="J9827" s="10">
        <v>21.93118814</v>
      </c>
    </row>
    <row r="9828" spans="1:10" x14ac:dyDescent="0.35">
      <c r="A9828" t="s">
        <v>28</v>
      </c>
      <c r="B9828" t="s">
        <v>61</v>
      </c>
      <c r="C9828" t="s">
        <v>117</v>
      </c>
      <c r="D9828" t="s">
        <v>118</v>
      </c>
      <c r="E9828">
        <v>2011</v>
      </c>
      <c r="F9828">
        <v>2011</v>
      </c>
      <c r="G9828" t="s">
        <v>126</v>
      </c>
      <c r="H9828" t="s">
        <v>123</v>
      </c>
      <c r="I9828" t="s">
        <v>15</v>
      </c>
      <c r="J9828" s="10">
        <v>20.767915439999999</v>
      </c>
    </row>
    <row r="9829" spans="1:10" x14ac:dyDescent="0.35">
      <c r="A9829" t="s">
        <v>28</v>
      </c>
      <c r="B9829" t="s">
        <v>61</v>
      </c>
      <c r="C9829" t="s">
        <v>117</v>
      </c>
      <c r="D9829" t="s">
        <v>118</v>
      </c>
      <c r="E9829">
        <v>2011</v>
      </c>
      <c r="F9829">
        <v>2011</v>
      </c>
      <c r="G9829" t="s">
        <v>126</v>
      </c>
      <c r="H9829" t="s">
        <v>124</v>
      </c>
      <c r="I9829" t="s">
        <v>15</v>
      </c>
      <c r="J9829" s="10">
        <v>3.4457743920000001</v>
      </c>
    </row>
    <row r="9830" spans="1:10" x14ac:dyDescent="0.35">
      <c r="A9830" t="s">
        <v>62</v>
      </c>
      <c r="B9830" t="s">
        <v>63</v>
      </c>
      <c r="C9830" t="s">
        <v>117</v>
      </c>
      <c r="D9830" t="s">
        <v>118</v>
      </c>
      <c r="E9830">
        <v>2020</v>
      </c>
      <c r="F9830">
        <v>2020</v>
      </c>
      <c r="G9830" t="s">
        <v>14</v>
      </c>
      <c r="H9830" t="s">
        <v>119</v>
      </c>
      <c r="I9830" t="s">
        <v>15</v>
      </c>
      <c r="J9830" s="10">
        <v>17.683422369999999</v>
      </c>
    </row>
    <row r="9831" spans="1:10" x14ac:dyDescent="0.35">
      <c r="A9831" t="s">
        <v>62</v>
      </c>
      <c r="B9831" t="s">
        <v>63</v>
      </c>
      <c r="C9831" t="s">
        <v>117</v>
      </c>
      <c r="D9831" t="s">
        <v>118</v>
      </c>
      <c r="E9831">
        <v>2020</v>
      </c>
      <c r="F9831">
        <v>2020</v>
      </c>
      <c r="G9831" t="s">
        <v>14</v>
      </c>
      <c r="H9831" t="s">
        <v>120</v>
      </c>
      <c r="I9831" t="s">
        <v>15</v>
      </c>
      <c r="J9831" s="10">
        <v>8.7970796310000008</v>
      </c>
    </row>
    <row r="9832" spans="1:10" x14ac:dyDescent="0.35">
      <c r="A9832" t="s">
        <v>62</v>
      </c>
      <c r="B9832" t="s">
        <v>63</v>
      </c>
      <c r="C9832" t="s">
        <v>117</v>
      </c>
      <c r="D9832" t="s">
        <v>118</v>
      </c>
      <c r="E9832">
        <v>2020</v>
      </c>
      <c r="F9832">
        <v>2020</v>
      </c>
      <c r="G9832" t="s">
        <v>14</v>
      </c>
      <c r="H9832" t="s">
        <v>121</v>
      </c>
      <c r="I9832" t="s">
        <v>15</v>
      </c>
      <c r="J9832" s="10">
        <v>38.559000249999997</v>
      </c>
    </row>
    <row r="9833" spans="1:10" x14ac:dyDescent="0.35">
      <c r="A9833" t="s">
        <v>62</v>
      </c>
      <c r="B9833" t="s">
        <v>63</v>
      </c>
      <c r="C9833" t="s">
        <v>117</v>
      </c>
      <c r="D9833" t="s">
        <v>118</v>
      </c>
      <c r="E9833">
        <v>2020</v>
      </c>
      <c r="F9833">
        <v>2020</v>
      </c>
      <c r="G9833" t="s">
        <v>14</v>
      </c>
      <c r="H9833" t="s">
        <v>122</v>
      </c>
      <c r="I9833" t="s">
        <v>15</v>
      </c>
      <c r="J9833" s="10">
        <v>19.897680489999999</v>
      </c>
    </row>
    <row r="9834" spans="1:10" x14ac:dyDescent="0.35">
      <c r="A9834" t="s">
        <v>62</v>
      </c>
      <c r="B9834" t="s">
        <v>63</v>
      </c>
      <c r="C9834" t="s">
        <v>117</v>
      </c>
      <c r="D9834" t="s">
        <v>118</v>
      </c>
      <c r="E9834">
        <v>2020</v>
      </c>
      <c r="F9834">
        <v>2020</v>
      </c>
      <c r="G9834" t="s">
        <v>14</v>
      </c>
      <c r="H9834" t="s">
        <v>123</v>
      </c>
      <c r="I9834" t="s">
        <v>15</v>
      </c>
      <c r="J9834" s="10">
        <v>12.905847400000001</v>
      </c>
    </row>
    <row r="9835" spans="1:10" x14ac:dyDescent="0.35">
      <c r="A9835" t="s">
        <v>62</v>
      </c>
      <c r="B9835" t="s">
        <v>63</v>
      </c>
      <c r="C9835" t="s">
        <v>117</v>
      </c>
      <c r="D9835" t="s">
        <v>118</v>
      </c>
      <c r="E9835">
        <v>2020</v>
      </c>
      <c r="F9835">
        <v>2020</v>
      </c>
      <c r="G9835" t="s">
        <v>14</v>
      </c>
      <c r="H9835" t="s">
        <v>124</v>
      </c>
      <c r="I9835" t="s">
        <v>15</v>
      </c>
      <c r="J9835" s="10">
        <v>2.1569698499999999</v>
      </c>
    </row>
    <row r="9836" spans="1:10" x14ac:dyDescent="0.35">
      <c r="A9836" t="s">
        <v>62</v>
      </c>
      <c r="B9836" t="s">
        <v>63</v>
      </c>
      <c r="C9836" t="s">
        <v>117</v>
      </c>
      <c r="D9836" t="s">
        <v>118</v>
      </c>
      <c r="E9836">
        <v>2020</v>
      </c>
      <c r="F9836">
        <v>2020</v>
      </c>
      <c r="G9836" t="s">
        <v>125</v>
      </c>
      <c r="H9836" t="s">
        <v>119</v>
      </c>
      <c r="I9836" t="s">
        <v>15</v>
      </c>
      <c r="J9836" s="10">
        <v>18.77994429</v>
      </c>
    </row>
    <row r="9837" spans="1:10" x14ac:dyDescent="0.35">
      <c r="A9837" t="s">
        <v>62</v>
      </c>
      <c r="B9837" t="s">
        <v>63</v>
      </c>
      <c r="C9837" t="s">
        <v>117</v>
      </c>
      <c r="D9837" t="s">
        <v>118</v>
      </c>
      <c r="E9837">
        <v>2020</v>
      </c>
      <c r="F9837">
        <v>2020</v>
      </c>
      <c r="G9837" t="s">
        <v>125</v>
      </c>
      <c r="H9837" t="s">
        <v>120</v>
      </c>
      <c r="I9837" t="s">
        <v>15</v>
      </c>
      <c r="J9837" s="10">
        <v>9.5766016710000006</v>
      </c>
    </row>
    <row r="9838" spans="1:10" x14ac:dyDescent="0.35">
      <c r="A9838" t="s">
        <v>62</v>
      </c>
      <c r="B9838" t="s">
        <v>63</v>
      </c>
      <c r="C9838" t="s">
        <v>117</v>
      </c>
      <c r="D9838" t="s">
        <v>118</v>
      </c>
      <c r="E9838">
        <v>2020</v>
      </c>
      <c r="F9838">
        <v>2020</v>
      </c>
      <c r="G9838" t="s">
        <v>125</v>
      </c>
      <c r="H9838" t="s">
        <v>121</v>
      </c>
      <c r="I9838" t="s">
        <v>15</v>
      </c>
      <c r="J9838" s="10">
        <v>39.105849579999997</v>
      </c>
    </row>
    <row r="9839" spans="1:10" x14ac:dyDescent="0.35">
      <c r="A9839" t="s">
        <v>62</v>
      </c>
      <c r="B9839" t="s">
        <v>63</v>
      </c>
      <c r="C9839" t="s">
        <v>117</v>
      </c>
      <c r="D9839" t="s">
        <v>118</v>
      </c>
      <c r="E9839">
        <v>2020</v>
      </c>
      <c r="F9839">
        <v>2020</v>
      </c>
      <c r="G9839" t="s">
        <v>125</v>
      </c>
      <c r="H9839" t="s">
        <v>122</v>
      </c>
      <c r="I9839" t="s">
        <v>15</v>
      </c>
      <c r="J9839" s="10">
        <v>19.28412256</v>
      </c>
    </row>
    <row r="9840" spans="1:10" x14ac:dyDescent="0.35">
      <c r="A9840" t="s">
        <v>62</v>
      </c>
      <c r="B9840" t="s">
        <v>63</v>
      </c>
      <c r="C9840" t="s">
        <v>117</v>
      </c>
      <c r="D9840" t="s">
        <v>118</v>
      </c>
      <c r="E9840">
        <v>2020</v>
      </c>
      <c r="F9840">
        <v>2020</v>
      </c>
      <c r="G9840" t="s">
        <v>125</v>
      </c>
      <c r="H9840" t="s">
        <v>123</v>
      </c>
      <c r="I9840" t="s">
        <v>15</v>
      </c>
      <c r="J9840" s="10">
        <v>11.96935933</v>
      </c>
    </row>
    <row r="9841" spans="1:10" x14ac:dyDescent="0.35">
      <c r="A9841" t="s">
        <v>62</v>
      </c>
      <c r="B9841" t="s">
        <v>63</v>
      </c>
      <c r="C9841" t="s">
        <v>117</v>
      </c>
      <c r="D9841" t="s">
        <v>118</v>
      </c>
      <c r="E9841">
        <v>2020</v>
      </c>
      <c r="F9841">
        <v>2020</v>
      </c>
      <c r="G9841" t="s">
        <v>125</v>
      </c>
      <c r="H9841" t="s">
        <v>124</v>
      </c>
      <c r="I9841" t="s">
        <v>15</v>
      </c>
      <c r="J9841" s="10">
        <v>1.2841225629999999</v>
      </c>
    </row>
    <row r="9842" spans="1:10" x14ac:dyDescent="0.35">
      <c r="A9842" t="s">
        <v>62</v>
      </c>
      <c r="B9842" t="s">
        <v>63</v>
      </c>
      <c r="C9842" t="s">
        <v>117</v>
      </c>
      <c r="D9842" t="s">
        <v>118</v>
      </c>
      <c r="E9842">
        <v>2020</v>
      </c>
      <c r="F9842">
        <v>2020</v>
      </c>
      <c r="G9842" t="s">
        <v>126</v>
      </c>
      <c r="H9842" t="s">
        <v>119</v>
      </c>
      <c r="I9842" t="s">
        <v>15</v>
      </c>
      <c r="J9842" s="10">
        <v>16.678158280000002</v>
      </c>
    </row>
    <row r="9843" spans="1:10" x14ac:dyDescent="0.35">
      <c r="A9843" t="s">
        <v>62</v>
      </c>
      <c r="B9843" t="s">
        <v>63</v>
      </c>
      <c r="C9843" t="s">
        <v>117</v>
      </c>
      <c r="D9843" t="s">
        <v>118</v>
      </c>
      <c r="E9843">
        <v>2020</v>
      </c>
      <c r="F9843">
        <v>2020</v>
      </c>
      <c r="G9843" t="s">
        <v>126</v>
      </c>
      <c r="H9843" t="s">
        <v>120</v>
      </c>
      <c r="I9843" t="s">
        <v>15</v>
      </c>
      <c r="J9843" s="10">
        <v>8.0824331570000005</v>
      </c>
    </row>
    <row r="9844" spans="1:10" x14ac:dyDescent="0.35">
      <c r="A9844" t="s">
        <v>62</v>
      </c>
      <c r="B9844" t="s">
        <v>63</v>
      </c>
      <c r="C9844" t="s">
        <v>117</v>
      </c>
      <c r="D9844" t="s">
        <v>118</v>
      </c>
      <c r="E9844">
        <v>2020</v>
      </c>
      <c r="F9844">
        <v>2020</v>
      </c>
      <c r="G9844" t="s">
        <v>126</v>
      </c>
      <c r="H9844" t="s">
        <v>121</v>
      </c>
      <c r="I9844" t="s">
        <v>15</v>
      </c>
      <c r="J9844" s="10">
        <v>38.057662350000001</v>
      </c>
    </row>
    <row r="9845" spans="1:10" x14ac:dyDescent="0.35">
      <c r="A9845" t="s">
        <v>62</v>
      </c>
      <c r="B9845" t="s">
        <v>63</v>
      </c>
      <c r="C9845" t="s">
        <v>117</v>
      </c>
      <c r="D9845" t="s">
        <v>118</v>
      </c>
      <c r="E9845">
        <v>2020</v>
      </c>
      <c r="F9845">
        <v>2020</v>
      </c>
      <c r="G9845" t="s">
        <v>126</v>
      </c>
      <c r="H9845" t="s">
        <v>122</v>
      </c>
      <c r="I9845" t="s">
        <v>15</v>
      </c>
      <c r="J9845" s="10">
        <v>20.46017518</v>
      </c>
    </row>
    <row r="9846" spans="1:10" x14ac:dyDescent="0.35">
      <c r="A9846" t="s">
        <v>62</v>
      </c>
      <c r="B9846" t="s">
        <v>63</v>
      </c>
      <c r="C9846" t="s">
        <v>117</v>
      </c>
      <c r="D9846" t="s">
        <v>118</v>
      </c>
      <c r="E9846">
        <v>2020</v>
      </c>
      <c r="F9846">
        <v>2020</v>
      </c>
      <c r="G9846" t="s">
        <v>126</v>
      </c>
      <c r="H9846" t="s">
        <v>123</v>
      </c>
      <c r="I9846" t="s">
        <v>15</v>
      </c>
      <c r="J9846" s="10">
        <v>13.764396440000001</v>
      </c>
    </row>
    <row r="9847" spans="1:10" x14ac:dyDescent="0.35">
      <c r="A9847" t="s">
        <v>62</v>
      </c>
      <c r="B9847" t="s">
        <v>63</v>
      </c>
      <c r="C9847" t="s">
        <v>117</v>
      </c>
      <c r="D9847" t="s">
        <v>118</v>
      </c>
      <c r="E9847">
        <v>2020</v>
      </c>
      <c r="F9847">
        <v>2020</v>
      </c>
      <c r="G9847" t="s">
        <v>126</v>
      </c>
      <c r="H9847" t="s">
        <v>124</v>
      </c>
      <c r="I9847" t="s">
        <v>15</v>
      </c>
      <c r="J9847" s="10">
        <v>2.9571745960000002</v>
      </c>
    </row>
    <row r="9848" spans="1:10" x14ac:dyDescent="0.35">
      <c r="A9848" t="s">
        <v>62</v>
      </c>
      <c r="B9848" t="s">
        <v>63</v>
      </c>
      <c r="C9848" t="s">
        <v>117</v>
      </c>
      <c r="D9848" t="s">
        <v>118</v>
      </c>
      <c r="E9848">
        <v>2019</v>
      </c>
      <c r="F9848">
        <v>2019</v>
      </c>
      <c r="G9848" t="s">
        <v>14</v>
      </c>
      <c r="H9848" t="s">
        <v>119</v>
      </c>
      <c r="I9848" t="s">
        <v>15</v>
      </c>
      <c r="J9848" s="10">
        <v>17.722915749999999</v>
      </c>
    </row>
    <row r="9849" spans="1:10" x14ac:dyDescent="0.35">
      <c r="A9849" t="s">
        <v>62</v>
      </c>
      <c r="B9849" t="s">
        <v>63</v>
      </c>
      <c r="C9849" t="s">
        <v>117</v>
      </c>
      <c r="D9849" t="s">
        <v>118</v>
      </c>
      <c r="E9849">
        <v>2019</v>
      </c>
      <c r="F9849">
        <v>2019</v>
      </c>
      <c r="G9849" t="s">
        <v>14</v>
      </c>
      <c r="H9849" t="s">
        <v>120</v>
      </c>
      <c r="I9849" t="s">
        <v>15</v>
      </c>
      <c r="J9849" s="10">
        <v>8.9246068150000006</v>
      </c>
    </row>
    <row r="9850" spans="1:10" x14ac:dyDescent="0.35">
      <c r="A9850" t="s">
        <v>62</v>
      </c>
      <c r="B9850" t="s">
        <v>63</v>
      </c>
      <c r="C9850" t="s">
        <v>117</v>
      </c>
      <c r="D9850" t="s">
        <v>118</v>
      </c>
      <c r="E9850">
        <v>2019</v>
      </c>
      <c r="F9850">
        <v>2019</v>
      </c>
      <c r="G9850" t="s">
        <v>14</v>
      </c>
      <c r="H9850" t="s">
        <v>121</v>
      </c>
      <c r="I9850" t="s">
        <v>15</v>
      </c>
      <c r="J9850" s="10">
        <v>38.447732619999996</v>
      </c>
    </row>
    <row r="9851" spans="1:10" x14ac:dyDescent="0.35">
      <c r="A9851" t="s">
        <v>62</v>
      </c>
      <c r="B9851" t="s">
        <v>63</v>
      </c>
      <c r="C9851" t="s">
        <v>117</v>
      </c>
      <c r="D9851" t="s">
        <v>118</v>
      </c>
      <c r="E9851">
        <v>2019</v>
      </c>
      <c r="F9851">
        <v>2019</v>
      </c>
      <c r="G9851" t="s">
        <v>14</v>
      </c>
      <c r="H9851" t="s">
        <v>122</v>
      </c>
      <c r="I9851" t="s">
        <v>15</v>
      </c>
      <c r="J9851" s="10">
        <v>19.956394</v>
      </c>
    </row>
    <row r="9852" spans="1:10" x14ac:dyDescent="0.35">
      <c r="A9852" t="s">
        <v>62</v>
      </c>
      <c r="B9852" t="s">
        <v>63</v>
      </c>
      <c r="C9852" t="s">
        <v>117</v>
      </c>
      <c r="D9852" t="s">
        <v>118</v>
      </c>
      <c r="E9852">
        <v>2019</v>
      </c>
      <c r="F9852">
        <v>2019</v>
      </c>
      <c r="G9852" t="s">
        <v>14</v>
      </c>
      <c r="H9852" t="s">
        <v>123</v>
      </c>
      <c r="I9852" t="s">
        <v>15</v>
      </c>
      <c r="J9852" s="10">
        <v>12.786662939999999</v>
      </c>
    </row>
    <row r="9853" spans="1:10" x14ac:dyDescent="0.35">
      <c r="A9853" t="s">
        <v>62</v>
      </c>
      <c r="B9853" t="s">
        <v>63</v>
      </c>
      <c r="C9853" t="s">
        <v>117</v>
      </c>
      <c r="D9853" t="s">
        <v>118</v>
      </c>
      <c r="E9853">
        <v>2019</v>
      </c>
      <c r="F9853">
        <v>2019</v>
      </c>
      <c r="G9853" t="s">
        <v>14</v>
      </c>
      <c r="H9853" t="s">
        <v>124</v>
      </c>
      <c r="I9853" t="s">
        <v>15</v>
      </c>
      <c r="J9853" s="10">
        <v>2.1616878709999998</v>
      </c>
    </row>
    <row r="9854" spans="1:10" x14ac:dyDescent="0.35">
      <c r="A9854" t="s">
        <v>62</v>
      </c>
      <c r="B9854" t="s">
        <v>63</v>
      </c>
      <c r="C9854" t="s">
        <v>117</v>
      </c>
      <c r="D9854" t="s">
        <v>118</v>
      </c>
      <c r="E9854">
        <v>2019</v>
      </c>
      <c r="F9854">
        <v>2019</v>
      </c>
      <c r="G9854" t="s">
        <v>125</v>
      </c>
      <c r="H9854" t="s">
        <v>119</v>
      </c>
      <c r="I9854" t="s">
        <v>15</v>
      </c>
      <c r="J9854" s="10">
        <v>18.885854420000001</v>
      </c>
    </row>
    <row r="9855" spans="1:10" x14ac:dyDescent="0.35">
      <c r="A9855" t="s">
        <v>62</v>
      </c>
      <c r="B9855" t="s">
        <v>63</v>
      </c>
      <c r="C9855" t="s">
        <v>117</v>
      </c>
      <c r="D9855" t="s">
        <v>118</v>
      </c>
      <c r="E9855">
        <v>2019</v>
      </c>
      <c r="F9855">
        <v>2019</v>
      </c>
      <c r="G9855" t="s">
        <v>125</v>
      </c>
      <c r="H9855" t="s">
        <v>120</v>
      </c>
      <c r="I9855" t="s">
        <v>15</v>
      </c>
      <c r="J9855" s="10">
        <v>9.7202095639999992</v>
      </c>
    </row>
    <row r="9856" spans="1:10" x14ac:dyDescent="0.35">
      <c r="A9856" t="s">
        <v>62</v>
      </c>
      <c r="B9856" t="s">
        <v>63</v>
      </c>
      <c r="C9856" t="s">
        <v>117</v>
      </c>
      <c r="D9856" t="s">
        <v>118</v>
      </c>
      <c r="E9856">
        <v>2019</v>
      </c>
      <c r="F9856">
        <v>2019</v>
      </c>
      <c r="G9856" t="s">
        <v>125</v>
      </c>
      <c r="H9856" t="s">
        <v>121</v>
      </c>
      <c r="I9856" t="s">
        <v>15</v>
      </c>
      <c r="J9856" s="10">
        <v>38.777728240000002</v>
      </c>
    </row>
    <row r="9857" spans="1:10" x14ac:dyDescent="0.35">
      <c r="A9857" t="s">
        <v>62</v>
      </c>
      <c r="B9857" t="s">
        <v>63</v>
      </c>
      <c r="C9857" t="s">
        <v>117</v>
      </c>
      <c r="D9857" t="s">
        <v>118</v>
      </c>
      <c r="E9857">
        <v>2019</v>
      </c>
      <c r="F9857">
        <v>2019</v>
      </c>
      <c r="G9857" t="s">
        <v>125</v>
      </c>
      <c r="H9857" t="s">
        <v>122</v>
      </c>
      <c r="I9857" t="s">
        <v>15</v>
      </c>
      <c r="J9857" s="10">
        <v>19.551889419999998</v>
      </c>
    </row>
    <row r="9858" spans="1:10" x14ac:dyDescent="0.35">
      <c r="A9858" t="s">
        <v>62</v>
      </c>
      <c r="B9858" t="s">
        <v>63</v>
      </c>
      <c r="C9858" t="s">
        <v>117</v>
      </c>
      <c r="D9858" t="s">
        <v>118</v>
      </c>
      <c r="E9858">
        <v>2019</v>
      </c>
      <c r="F9858">
        <v>2019</v>
      </c>
      <c r="G9858" t="s">
        <v>125</v>
      </c>
      <c r="H9858" t="s">
        <v>123</v>
      </c>
      <c r="I9858" t="s">
        <v>15</v>
      </c>
      <c r="J9858" s="10">
        <v>11.74618214</v>
      </c>
    </row>
    <row r="9859" spans="1:10" x14ac:dyDescent="0.35">
      <c r="A9859" t="s">
        <v>62</v>
      </c>
      <c r="B9859" t="s">
        <v>63</v>
      </c>
      <c r="C9859" t="s">
        <v>117</v>
      </c>
      <c r="D9859" t="s">
        <v>118</v>
      </c>
      <c r="E9859">
        <v>2019</v>
      </c>
      <c r="F9859">
        <v>2019</v>
      </c>
      <c r="G9859" t="s">
        <v>125</v>
      </c>
      <c r="H9859" t="s">
        <v>124</v>
      </c>
      <c r="I9859" t="s">
        <v>15</v>
      </c>
      <c r="J9859" s="10">
        <v>1.3181362169999999</v>
      </c>
    </row>
    <row r="9860" spans="1:10" x14ac:dyDescent="0.35">
      <c r="A9860" t="s">
        <v>62</v>
      </c>
      <c r="B9860" t="s">
        <v>63</v>
      </c>
      <c r="C9860" t="s">
        <v>117</v>
      </c>
      <c r="D9860" t="s">
        <v>118</v>
      </c>
      <c r="E9860">
        <v>2019</v>
      </c>
      <c r="F9860">
        <v>2019</v>
      </c>
      <c r="G9860" t="s">
        <v>126</v>
      </c>
      <c r="H9860" t="s">
        <v>119</v>
      </c>
      <c r="I9860" t="s">
        <v>15</v>
      </c>
      <c r="J9860" s="10">
        <v>16.66200585</v>
      </c>
    </row>
    <row r="9861" spans="1:10" x14ac:dyDescent="0.35">
      <c r="A9861" t="s">
        <v>62</v>
      </c>
      <c r="B9861" t="s">
        <v>63</v>
      </c>
      <c r="C9861" t="s">
        <v>117</v>
      </c>
      <c r="D9861" t="s">
        <v>118</v>
      </c>
      <c r="E9861">
        <v>2019</v>
      </c>
      <c r="F9861">
        <v>2019</v>
      </c>
      <c r="G9861" t="s">
        <v>126</v>
      </c>
      <c r="H9861" t="s">
        <v>120</v>
      </c>
      <c r="I9861" t="s">
        <v>15</v>
      </c>
      <c r="J9861" s="10">
        <v>8.1988051350000006</v>
      </c>
    </row>
    <row r="9862" spans="1:10" x14ac:dyDescent="0.35">
      <c r="A9862" t="s">
        <v>62</v>
      </c>
      <c r="B9862" t="s">
        <v>63</v>
      </c>
      <c r="C9862" t="s">
        <v>117</v>
      </c>
      <c r="D9862" t="s">
        <v>118</v>
      </c>
      <c r="E9862">
        <v>2019</v>
      </c>
      <c r="F9862">
        <v>2019</v>
      </c>
      <c r="G9862" t="s">
        <v>126</v>
      </c>
      <c r="H9862" t="s">
        <v>121</v>
      </c>
      <c r="I9862" t="s">
        <v>15</v>
      </c>
      <c r="J9862" s="10">
        <v>38.146688699999999</v>
      </c>
    </row>
    <row r="9863" spans="1:10" x14ac:dyDescent="0.35">
      <c r="A9863" t="s">
        <v>62</v>
      </c>
      <c r="B9863" t="s">
        <v>63</v>
      </c>
      <c r="C9863" t="s">
        <v>117</v>
      </c>
      <c r="D9863" t="s">
        <v>118</v>
      </c>
      <c r="E9863">
        <v>2019</v>
      </c>
      <c r="F9863">
        <v>2019</v>
      </c>
      <c r="G9863" t="s">
        <v>126</v>
      </c>
      <c r="H9863" t="s">
        <v>122</v>
      </c>
      <c r="I9863" t="s">
        <v>15</v>
      </c>
      <c r="J9863" s="10">
        <v>20.32540994</v>
      </c>
    </row>
    <row r="9864" spans="1:10" x14ac:dyDescent="0.35">
      <c r="A9864" t="s">
        <v>62</v>
      </c>
      <c r="B9864" t="s">
        <v>63</v>
      </c>
      <c r="C9864" t="s">
        <v>117</v>
      </c>
      <c r="D9864" t="s">
        <v>118</v>
      </c>
      <c r="E9864">
        <v>2019</v>
      </c>
      <c r="F9864">
        <v>2019</v>
      </c>
      <c r="G9864" t="s">
        <v>126</v>
      </c>
      <c r="H9864" t="s">
        <v>123</v>
      </c>
      <c r="I9864" t="s">
        <v>15</v>
      </c>
      <c r="J9864" s="10">
        <v>13.735858650000001</v>
      </c>
    </row>
    <row r="9865" spans="1:10" x14ac:dyDescent="0.35">
      <c r="A9865" t="s">
        <v>62</v>
      </c>
      <c r="B9865" t="s">
        <v>63</v>
      </c>
      <c r="C9865" t="s">
        <v>117</v>
      </c>
      <c r="D9865" t="s">
        <v>118</v>
      </c>
      <c r="E9865">
        <v>2019</v>
      </c>
      <c r="F9865">
        <v>2019</v>
      </c>
      <c r="G9865" t="s">
        <v>126</v>
      </c>
      <c r="H9865" t="s">
        <v>124</v>
      </c>
      <c r="I9865" t="s">
        <v>15</v>
      </c>
      <c r="J9865" s="10">
        <v>2.9312317270000001</v>
      </c>
    </row>
    <row r="9866" spans="1:10" x14ac:dyDescent="0.35">
      <c r="A9866" t="s">
        <v>62</v>
      </c>
      <c r="B9866" t="s">
        <v>63</v>
      </c>
      <c r="C9866" t="s">
        <v>117</v>
      </c>
      <c r="D9866" t="s">
        <v>118</v>
      </c>
      <c r="E9866">
        <v>2018</v>
      </c>
      <c r="F9866">
        <v>2018</v>
      </c>
      <c r="G9866" t="s">
        <v>14</v>
      </c>
      <c r="H9866" t="s">
        <v>119</v>
      </c>
      <c r="I9866" t="s">
        <v>15</v>
      </c>
      <c r="J9866" s="10">
        <v>17.78097292</v>
      </c>
    </row>
    <row r="9867" spans="1:10" x14ac:dyDescent="0.35">
      <c r="A9867" t="s">
        <v>62</v>
      </c>
      <c r="B9867" t="s">
        <v>63</v>
      </c>
      <c r="C9867" t="s">
        <v>117</v>
      </c>
      <c r="D9867" t="s">
        <v>118</v>
      </c>
      <c r="E9867">
        <v>2018</v>
      </c>
      <c r="F9867">
        <v>2018</v>
      </c>
      <c r="G9867" t="s">
        <v>14</v>
      </c>
      <c r="H9867" t="s">
        <v>120</v>
      </c>
      <c r="I9867" t="s">
        <v>15</v>
      </c>
      <c r="J9867" s="10">
        <v>9.1673988869999992</v>
      </c>
    </row>
    <row r="9868" spans="1:10" x14ac:dyDescent="0.35">
      <c r="A9868" t="s">
        <v>62</v>
      </c>
      <c r="B9868" t="s">
        <v>63</v>
      </c>
      <c r="C9868" t="s">
        <v>117</v>
      </c>
      <c r="D9868" t="s">
        <v>118</v>
      </c>
      <c r="E9868">
        <v>2018</v>
      </c>
      <c r="F9868">
        <v>2018</v>
      </c>
      <c r="G9868" t="s">
        <v>14</v>
      </c>
      <c r="H9868" t="s">
        <v>121</v>
      </c>
      <c r="I9868" t="s">
        <v>15</v>
      </c>
      <c r="J9868" s="10">
        <v>38.382991189999998</v>
      </c>
    </row>
    <row r="9869" spans="1:10" x14ac:dyDescent="0.35">
      <c r="A9869" t="s">
        <v>62</v>
      </c>
      <c r="B9869" t="s">
        <v>63</v>
      </c>
      <c r="C9869" t="s">
        <v>117</v>
      </c>
      <c r="D9869" t="s">
        <v>118</v>
      </c>
      <c r="E9869">
        <v>2018</v>
      </c>
      <c r="F9869">
        <v>2018</v>
      </c>
      <c r="G9869" t="s">
        <v>14</v>
      </c>
      <c r="H9869" t="s">
        <v>122</v>
      </c>
      <c r="I9869" t="s">
        <v>15</v>
      </c>
      <c r="J9869" s="10">
        <v>19.848496950000001</v>
      </c>
    </row>
    <row r="9870" spans="1:10" x14ac:dyDescent="0.35">
      <c r="A9870" t="s">
        <v>62</v>
      </c>
      <c r="B9870" t="s">
        <v>63</v>
      </c>
      <c r="C9870" t="s">
        <v>117</v>
      </c>
      <c r="D9870" t="s">
        <v>118</v>
      </c>
      <c r="E9870">
        <v>2018</v>
      </c>
      <c r="F9870">
        <v>2018</v>
      </c>
      <c r="G9870" t="s">
        <v>14</v>
      </c>
      <c r="H9870" t="s">
        <v>123</v>
      </c>
      <c r="I9870" t="s">
        <v>15</v>
      </c>
      <c r="J9870" s="10">
        <v>12.64877386</v>
      </c>
    </row>
    <row r="9871" spans="1:10" x14ac:dyDescent="0.35">
      <c r="A9871" t="s">
        <v>62</v>
      </c>
      <c r="B9871" t="s">
        <v>63</v>
      </c>
      <c r="C9871" t="s">
        <v>117</v>
      </c>
      <c r="D9871" t="s">
        <v>118</v>
      </c>
      <c r="E9871">
        <v>2018</v>
      </c>
      <c r="F9871">
        <v>2018</v>
      </c>
      <c r="G9871" t="s">
        <v>14</v>
      </c>
      <c r="H9871" t="s">
        <v>124</v>
      </c>
      <c r="I9871" t="s">
        <v>15</v>
      </c>
      <c r="J9871" s="10">
        <v>2.1713661900000001</v>
      </c>
    </row>
    <row r="9872" spans="1:10" x14ac:dyDescent="0.35">
      <c r="A9872" t="s">
        <v>62</v>
      </c>
      <c r="B9872" t="s">
        <v>63</v>
      </c>
      <c r="C9872" t="s">
        <v>117</v>
      </c>
      <c r="D9872" t="s">
        <v>118</v>
      </c>
      <c r="E9872">
        <v>2018</v>
      </c>
      <c r="F9872">
        <v>2018</v>
      </c>
      <c r="G9872" t="s">
        <v>125</v>
      </c>
      <c r="H9872" t="s">
        <v>119</v>
      </c>
      <c r="I9872" t="s">
        <v>15</v>
      </c>
      <c r="J9872" s="10">
        <v>18.87593974</v>
      </c>
    </row>
    <row r="9873" spans="1:10" x14ac:dyDescent="0.35">
      <c r="A9873" t="s">
        <v>62</v>
      </c>
      <c r="B9873" t="s">
        <v>63</v>
      </c>
      <c r="C9873" t="s">
        <v>117</v>
      </c>
      <c r="D9873" t="s">
        <v>118</v>
      </c>
      <c r="E9873">
        <v>2018</v>
      </c>
      <c r="F9873">
        <v>2018</v>
      </c>
      <c r="G9873" t="s">
        <v>125</v>
      </c>
      <c r="H9873" t="s">
        <v>120</v>
      </c>
      <c r="I9873" t="s">
        <v>15</v>
      </c>
      <c r="J9873" s="10">
        <v>9.9550040519999996</v>
      </c>
    </row>
    <row r="9874" spans="1:10" x14ac:dyDescent="0.35">
      <c r="A9874" t="s">
        <v>62</v>
      </c>
      <c r="B9874" t="s">
        <v>63</v>
      </c>
      <c r="C9874" t="s">
        <v>117</v>
      </c>
      <c r="D9874" t="s">
        <v>118</v>
      </c>
      <c r="E9874">
        <v>2018</v>
      </c>
      <c r="F9874">
        <v>2018</v>
      </c>
      <c r="G9874" t="s">
        <v>125</v>
      </c>
      <c r="H9874" t="s">
        <v>121</v>
      </c>
      <c r="I9874" t="s">
        <v>15</v>
      </c>
      <c r="J9874" s="10">
        <v>38.671361900000001</v>
      </c>
    </row>
    <row r="9875" spans="1:10" x14ac:dyDescent="0.35">
      <c r="A9875" t="s">
        <v>62</v>
      </c>
      <c r="B9875" t="s">
        <v>63</v>
      </c>
      <c r="C9875" t="s">
        <v>117</v>
      </c>
      <c r="D9875" t="s">
        <v>118</v>
      </c>
      <c r="E9875">
        <v>2018</v>
      </c>
      <c r="F9875">
        <v>2018</v>
      </c>
      <c r="G9875" t="s">
        <v>125</v>
      </c>
      <c r="H9875" t="s">
        <v>122</v>
      </c>
      <c r="I9875" t="s">
        <v>15</v>
      </c>
      <c r="J9875" s="10">
        <v>19.569045020000001</v>
      </c>
    </row>
    <row r="9876" spans="1:10" x14ac:dyDescent="0.35">
      <c r="A9876" t="s">
        <v>62</v>
      </c>
      <c r="B9876" t="s">
        <v>63</v>
      </c>
      <c r="C9876" t="s">
        <v>117</v>
      </c>
      <c r="D9876" t="s">
        <v>118</v>
      </c>
      <c r="E9876">
        <v>2018</v>
      </c>
      <c r="F9876">
        <v>2018</v>
      </c>
      <c r="G9876" t="s">
        <v>125</v>
      </c>
      <c r="H9876" t="s">
        <v>123</v>
      </c>
      <c r="I9876" t="s">
        <v>15</v>
      </c>
      <c r="J9876" s="10">
        <v>11.61230821</v>
      </c>
    </row>
    <row r="9877" spans="1:10" x14ac:dyDescent="0.35">
      <c r="A9877" t="s">
        <v>62</v>
      </c>
      <c r="B9877" t="s">
        <v>63</v>
      </c>
      <c r="C9877" t="s">
        <v>117</v>
      </c>
      <c r="D9877" t="s">
        <v>118</v>
      </c>
      <c r="E9877">
        <v>2018</v>
      </c>
      <c r="F9877">
        <v>2018</v>
      </c>
      <c r="G9877" t="s">
        <v>125</v>
      </c>
      <c r="H9877" t="s">
        <v>124</v>
      </c>
      <c r="I9877" t="s">
        <v>15</v>
      </c>
      <c r="J9877" s="10">
        <v>1.316341075</v>
      </c>
    </row>
    <row r="9878" spans="1:10" x14ac:dyDescent="0.35">
      <c r="A9878" t="s">
        <v>62</v>
      </c>
      <c r="B9878" t="s">
        <v>63</v>
      </c>
      <c r="C9878" t="s">
        <v>117</v>
      </c>
      <c r="D9878" t="s">
        <v>118</v>
      </c>
      <c r="E9878">
        <v>2018</v>
      </c>
      <c r="F9878">
        <v>2018</v>
      </c>
      <c r="G9878" t="s">
        <v>126</v>
      </c>
      <c r="H9878" t="s">
        <v>119</v>
      </c>
      <c r="I9878" t="s">
        <v>15</v>
      </c>
      <c r="J9878" s="10">
        <v>16.78488801</v>
      </c>
    </row>
    <row r="9879" spans="1:10" x14ac:dyDescent="0.35">
      <c r="A9879" t="s">
        <v>62</v>
      </c>
      <c r="B9879" t="s">
        <v>63</v>
      </c>
      <c r="C9879" t="s">
        <v>117</v>
      </c>
      <c r="D9879" t="s">
        <v>118</v>
      </c>
      <c r="E9879">
        <v>2018</v>
      </c>
      <c r="F9879">
        <v>2018</v>
      </c>
      <c r="G9879" t="s">
        <v>126</v>
      </c>
      <c r="H9879" t="s">
        <v>120</v>
      </c>
      <c r="I9879" t="s">
        <v>15</v>
      </c>
      <c r="J9879" s="10">
        <v>8.4509190759999999</v>
      </c>
    </row>
    <row r="9880" spans="1:10" x14ac:dyDescent="0.35">
      <c r="A9880" t="s">
        <v>62</v>
      </c>
      <c r="B9880" t="s">
        <v>63</v>
      </c>
      <c r="C9880" t="s">
        <v>117</v>
      </c>
      <c r="D9880" t="s">
        <v>118</v>
      </c>
      <c r="E9880">
        <v>2018</v>
      </c>
      <c r="F9880">
        <v>2018</v>
      </c>
      <c r="G9880" t="s">
        <v>126</v>
      </c>
      <c r="H9880" t="s">
        <v>121</v>
      </c>
      <c r="I9880" t="s">
        <v>15</v>
      </c>
      <c r="J9880" s="10">
        <v>38.120662039999999</v>
      </c>
    </row>
    <row r="9881" spans="1:10" x14ac:dyDescent="0.35">
      <c r="A9881" t="s">
        <v>62</v>
      </c>
      <c r="B9881" t="s">
        <v>63</v>
      </c>
      <c r="C9881" t="s">
        <v>117</v>
      </c>
      <c r="D9881" t="s">
        <v>118</v>
      </c>
      <c r="E9881">
        <v>2018</v>
      </c>
      <c r="F9881">
        <v>2018</v>
      </c>
      <c r="G9881" t="s">
        <v>126</v>
      </c>
      <c r="H9881" t="s">
        <v>122</v>
      </c>
      <c r="I9881" t="s">
        <v>15</v>
      </c>
      <c r="J9881" s="10">
        <v>20.10271273</v>
      </c>
    </row>
    <row r="9882" spans="1:10" x14ac:dyDescent="0.35">
      <c r="A9882" t="s">
        <v>62</v>
      </c>
      <c r="B9882" t="s">
        <v>63</v>
      </c>
      <c r="C9882" t="s">
        <v>117</v>
      </c>
      <c r="D9882" t="s">
        <v>118</v>
      </c>
      <c r="E9882">
        <v>2018</v>
      </c>
      <c r="F9882">
        <v>2018</v>
      </c>
      <c r="G9882" t="s">
        <v>126</v>
      </c>
      <c r="H9882" t="s">
        <v>123</v>
      </c>
      <c r="I9882" t="s">
        <v>15</v>
      </c>
      <c r="J9882" s="10">
        <v>13.591640610000001</v>
      </c>
    </row>
    <row r="9883" spans="1:10" x14ac:dyDescent="0.35">
      <c r="A9883" t="s">
        <v>62</v>
      </c>
      <c r="B9883" t="s">
        <v>63</v>
      </c>
      <c r="C9883" t="s">
        <v>117</v>
      </c>
      <c r="D9883" t="s">
        <v>118</v>
      </c>
      <c r="E9883">
        <v>2018</v>
      </c>
      <c r="F9883">
        <v>2018</v>
      </c>
      <c r="G9883" t="s">
        <v>126</v>
      </c>
      <c r="H9883" t="s">
        <v>124</v>
      </c>
      <c r="I9883" t="s">
        <v>15</v>
      </c>
      <c r="J9883" s="10">
        <v>2.949177535</v>
      </c>
    </row>
    <row r="9884" spans="1:10" x14ac:dyDescent="0.35">
      <c r="A9884" t="s">
        <v>62</v>
      </c>
      <c r="B9884" t="s">
        <v>63</v>
      </c>
      <c r="C9884" t="s">
        <v>117</v>
      </c>
      <c r="D9884" t="s">
        <v>118</v>
      </c>
      <c r="E9884">
        <v>2017</v>
      </c>
      <c r="F9884">
        <v>2017</v>
      </c>
      <c r="G9884" t="s">
        <v>14</v>
      </c>
      <c r="H9884" t="s">
        <v>119</v>
      </c>
      <c r="I9884" t="s">
        <v>15</v>
      </c>
      <c r="J9884" s="10">
        <v>17.749658920000002</v>
      </c>
    </row>
    <row r="9885" spans="1:10" x14ac:dyDescent="0.35">
      <c r="A9885" t="s">
        <v>62</v>
      </c>
      <c r="B9885" t="s">
        <v>63</v>
      </c>
      <c r="C9885" t="s">
        <v>117</v>
      </c>
      <c r="D9885" t="s">
        <v>118</v>
      </c>
      <c r="E9885">
        <v>2017</v>
      </c>
      <c r="F9885">
        <v>2017</v>
      </c>
      <c r="G9885" t="s">
        <v>14</v>
      </c>
      <c r="H9885" t="s">
        <v>120</v>
      </c>
      <c r="I9885" t="s">
        <v>15</v>
      </c>
      <c r="J9885" s="10">
        <v>9.7268665900000002</v>
      </c>
    </row>
    <row r="9886" spans="1:10" x14ac:dyDescent="0.35">
      <c r="A9886" t="s">
        <v>62</v>
      </c>
      <c r="B9886" t="s">
        <v>63</v>
      </c>
      <c r="C9886" t="s">
        <v>117</v>
      </c>
      <c r="D9886" t="s">
        <v>118</v>
      </c>
      <c r="E9886">
        <v>2017</v>
      </c>
      <c r="F9886">
        <v>2017</v>
      </c>
      <c r="G9886" t="s">
        <v>14</v>
      </c>
      <c r="H9886" t="s">
        <v>121</v>
      </c>
      <c r="I9886" t="s">
        <v>15</v>
      </c>
      <c r="J9886" s="10">
        <v>38.116957810000002</v>
      </c>
    </row>
    <row r="9887" spans="1:10" x14ac:dyDescent="0.35">
      <c r="A9887" t="s">
        <v>62</v>
      </c>
      <c r="B9887" t="s">
        <v>63</v>
      </c>
      <c r="C9887" t="s">
        <v>117</v>
      </c>
      <c r="D9887" t="s">
        <v>118</v>
      </c>
      <c r="E9887">
        <v>2017</v>
      </c>
      <c r="F9887">
        <v>2017</v>
      </c>
      <c r="G9887" t="s">
        <v>14</v>
      </c>
      <c r="H9887" t="s">
        <v>122</v>
      </c>
      <c r="I9887" t="s">
        <v>15</v>
      </c>
      <c r="J9887" s="10">
        <v>19.505898720000001</v>
      </c>
    </row>
    <row r="9888" spans="1:10" x14ac:dyDescent="0.35">
      <c r="A9888" t="s">
        <v>62</v>
      </c>
      <c r="B9888" t="s">
        <v>63</v>
      </c>
      <c r="C9888" t="s">
        <v>117</v>
      </c>
      <c r="D9888" t="s">
        <v>118</v>
      </c>
      <c r="E9888">
        <v>2017</v>
      </c>
      <c r="F9888">
        <v>2017</v>
      </c>
      <c r="G9888" t="s">
        <v>14</v>
      </c>
      <c r="H9888" t="s">
        <v>123</v>
      </c>
      <c r="I9888" t="s">
        <v>15</v>
      </c>
      <c r="J9888" s="10">
        <v>12.686926509999999</v>
      </c>
    </row>
    <row r="9889" spans="1:10" x14ac:dyDescent="0.35">
      <c r="A9889" t="s">
        <v>62</v>
      </c>
      <c r="B9889" t="s">
        <v>63</v>
      </c>
      <c r="C9889" t="s">
        <v>117</v>
      </c>
      <c r="D9889" t="s">
        <v>118</v>
      </c>
      <c r="E9889">
        <v>2017</v>
      </c>
      <c r="F9889">
        <v>2017</v>
      </c>
      <c r="G9889" t="s">
        <v>14</v>
      </c>
      <c r="H9889" t="s">
        <v>124</v>
      </c>
      <c r="I9889" t="s">
        <v>15</v>
      </c>
      <c r="J9889" s="10">
        <v>2.2136914480000001</v>
      </c>
    </row>
    <row r="9890" spans="1:10" x14ac:dyDescent="0.35">
      <c r="A9890" t="s">
        <v>62</v>
      </c>
      <c r="B9890" t="s">
        <v>63</v>
      </c>
      <c r="C9890" t="s">
        <v>117</v>
      </c>
      <c r="D9890" t="s">
        <v>118</v>
      </c>
      <c r="E9890">
        <v>2017</v>
      </c>
      <c r="F9890">
        <v>2017</v>
      </c>
      <c r="G9890" t="s">
        <v>125</v>
      </c>
      <c r="H9890" t="s">
        <v>119</v>
      </c>
      <c r="I9890" t="s">
        <v>15</v>
      </c>
      <c r="J9890" s="10">
        <v>18.964839359999999</v>
      </c>
    </row>
    <row r="9891" spans="1:10" x14ac:dyDescent="0.35">
      <c r="A9891" t="s">
        <v>62</v>
      </c>
      <c r="B9891" t="s">
        <v>63</v>
      </c>
      <c r="C9891" t="s">
        <v>117</v>
      </c>
      <c r="D9891" t="s">
        <v>118</v>
      </c>
      <c r="E9891">
        <v>2017</v>
      </c>
      <c r="F9891">
        <v>2017</v>
      </c>
      <c r="G9891" t="s">
        <v>125</v>
      </c>
      <c r="H9891" t="s">
        <v>120</v>
      </c>
      <c r="I9891" t="s">
        <v>15</v>
      </c>
      <c r="J9891" s="10">
        <v>10.51449113</v>
      </c>
    </row>
    <row r="9892" spans="1:10" x14ac:dyDescent="0.35">
      <c r="A9892" t="s">
        <v>62</v>
      </c>
      <c r="B9892" t="s">
        <v>63</v>
      </c>
      <c r="C9892" t="s">
        <v>117</v>
      </c>
      <c r="D9892" t="s">
        <v>118</v>
      </c>
      <c r="E9892">
        <v>2017</v>
      </c>
      <c r="F9892">
        <v>2017</v>
      </c>
      <c r="G9892" t="s">
        <v>125</v>
      </c>
      <c r="H9892" t="s">
        <v>121</v>
      </c>
      <c r="I9892" t="s">
        <v>15</v>
      </c>
      <c r="J9892" s="10">
        <v>38.412716240000002</v>
      </c>
    </row>
    <row r="9893" spans="1:10" x14ac:dyDescent="0.35">
      <c r="A9893" t="s">
        <v>62</v>
      </c>
      <c r="B9893" t="s">
        <v>63</v>
      </c>
      <c r="C9893" t="s">
        <v>117</v>
      </c>
      <c r="D9893" t="s">
        <v>118</v>
      </c>
      <c r="E9893">
        <v>2017</v>
      </c>
      <c r="F9893">
        <v>2017</v>
      </c>
      <c r="G9893" t="s">
        <v>125</v>
      </c>
      <c r="H9893" t="s">
        <v>122</v>
      </c>
      <c r="I9893" t="s">
        <v>15</v>
      </c>
      <c r="J9893" s="10">
        <v>19.203549760000001</v>
      </c>
    </row>
    <row r="9894" spans="1:10" x14ac:dyDescent="0.35">
      <c r="A9894" t="s">
        <v>62</v>
      </c>
      <c r="B9894" t="s">
        <v>63</v>
      </c>
      <c r="C9894" t="s">
        <v>117</v>
      </c>
      <c r="D9894" t="s">
        <v>118</v>
      </c>
      <c r="E9894">
        <v>2017</v>
      </c>
      <c r="F9894">
        <v>2017</v>
      </c>
      <c r="G9894" t="s">
        <v>125</v>
      </c>
      <c r="H9894" t="s">
        <v>123</v>
      </c>
      <c r="I9894" t="s">
        <v>15</v>
      </c>
      <c r="J9894" s="10">
        <v>11.63221748</v>
      </c>
    </row>
    <row r="9895" spans="1:10" x14ac:dyDescent="0.35">
      <c r="A9895" t="s">
        <v>62</v>
      </c>
      <c r="B9895" t="s">
        <v>63</v>
      </c>
      <c r="C9895" t="s">
        <v>117</v>
      </c>
      <c r="D9895" t="s">
        <v>118</v>
      </c>
      <c r="E9895">
        <v>2017</v>
      </c>
      <c r="F9895">
        <v>2017</v>
      </c>
      <c r="G9895" t="s">
        <v>125</v>
      </c>
      <c r="H9895" t="s">
        <v>124</v>
      </c>
      <c r="I9895" t="s">
        <v>15</v>
      </c>
      <c r="J9895" s="10">
        <v>1.272186026</v>
      </c>
    </row>
    <row r="9896" spans="1:10" x14ac:dyDescent="0.35">
      <c r="A9896" t="s">
        <v>62</v>
      </c>
      <c r="B9896" t="s">
        <v>63</v>
      </c>
      <c r="C9896" t="s">
        <v>117</v>
      </c>
      <c r="D9896" t="s">
        <v>118</v>
      </c>
      <c r="E9896">
        <v>2017</v>
      </c>
      <c r="F9896">
        <v>2017</v>
      </c>
      <c r="G9896" t="s">
        <v>126</v>
      </c>
      <c r="H9896" t="s">
        <v>119</v>
      </c>
      <c r="I9896" t="s">
        <v>15</v>
      </c>
      <c r="J9896" s="10">
        <v>16.64453185</v>
      </c>
    </row>
    <row r="9897" spans="1:10" x14ac:dyDescent="0.35">
      <c r="A9897" t="s">
        <v>62</v>
      </c>
      <c r="B9897" t="s">
        <v>63</v>
      </c>
      <c r="C9897" t="s">
        <v>117</v>
      </c>
      <c r="D9897" t="s">
        <v>118</v>
      </c>
      <c r="E9897">
        <v>2017</v>
      </c>
      <c r="F9897">
        <v>2017</v>
      </c>
      <c r="G9897" t="s">
        <v>126</v>
      </c>
      <c r="H9897" t="s">
        <v>120</v>
      </c>
      <c r="I9897" t="s">
        <v>15</v>
      </c>
      <c r="J9897" s="10">
        <v>9.0105736319999998</v>
      </c>
    </row>
    <row r="9898" spans="1:10" x14ac:dyDescent="0.35">
      <c r="A9898" t="s">
        <v>62</v>
      </c>
      <c r="B9898" t="s">
        <v>63</v>
      </c>
      <c r="C9898" t="s">
        <v>117</v>
      </c>
      <c r="D9898" t="s">
        <v>118</v>
      </c>
      <c r="E9898">
        <v>2017</v>
      </c>
      <c r="F9898">
        <v>2017</v>
      </c>
      <c r="G9898" t="s">
        <v>126</v>
      </c>
      <c r="H9898" t="s">
        <v>121</v>
      </c>
      <c r="I9898" t="s">
        <v>15</v>
      </c>
      <c r="J9898" s="10">
        <v>37.847984879999998</v>
      </c>
    </row>
    <row r="9899" spans="1:10" x14ac:dyDescent="0.35">
      <c r="A9899" t="s">
        <v>62</v>
      </c>
      <c r="B9899" t="s">
        <v>63</v>
      </c>
      <c r="C9899" t="s">
        <v>117</v>
      </c>
      <c r="D9899" t="s">
        <v>118</v>
      </c>
      <c r="E9899">
        <v>2017</v>
      </c>
      <c r="F9899">
        <v>2017</v>
      </c>
      <c r="G9899" t="s">
        <v>126</v>
      </c>
      <c r="H9899" t="s">
        <v>122</v>
      </c>
      <c r="I9899" t="s">
        <v>15</v>
      </c>
      <c r="J9899" s="10">
        <v>19.780865299999999</v>
      </c>
    </row>
    <row r="9900" spans="1:10" x14ac:dyDescent="0.35">
      <c r="A9900" t="s">
        <v>62</v>
      </c>
      <c r="B9900" t="s">
        <v>63</v>
      </c>
      <c r="C9900" t="s">
        <v>117</v>
      </c>
      <c r="D9900" t="s">
        <v>118</v>
      </c>
      <c r="E9900">
        <v>2017</v>
      </c>
      <c r="F9900">
        <v>2017</v>
      </c>
      <c r="G9900" t="s">
        <v>126</v>
      </c>
      <c r="H9900" t="s">
        <v>123</v>
      </c>
      <c r="I9900" t="s">
        <v>15</v>
      </c>
      <c r="J9900" s="10">
        <v>13.64611534</v>
      </c>
    </row>
    <row r="9901" spans="1:10" x14ac:dyDescent="0.35">
      <c r="A9901" t="s">
        <v>62</v>
      </c>
      <c r="B9901" t="s">
        <v>63</v>
      </c>
      <c r="C9901" t="s">
        <v>117</v>
      </c>
      <c r="D9901" t="s">
        <v>118</v>
      </c>
      <c r="E9901">
        <v>2017</v>
      </c>
      <c r="F9901">
        <v>2017</v>
      </c>
      <c r="G9901" t="s">
        <v>126</v>
      </c>
      <c r="H9901" t="s">
        <v>124</v>
      </c>
      <c r="I9901" t="s">
        <v>15</v>
      </c>
      <c r="J9901" s="10">
        <v>3.069928998</v>
      </c>
    </row>
    <row r="9902" spans="1:10" x14ac:dyDescent="0.35">
      <c r="A9902" t="s">
        <v>62</v>
      </c>
      <c r="B9902" t="s">
        <v>63</v>
      </c>
      <c r="C9902" t="s">
        <v>117</v>
      </c>
      <c r="D9902" t="s">
        <v>118</v>
      </c>
      <c r="E9902">
        <v>2016</v>
      </c>
      <c r="F9902">
        <v>2016</v>
      </c>
      <c r="G9902" t="s">
        <v>14</v>
      </c>
      <c r="H9902" t="s">
        <v>119</v>
      </c>
      <c r="I9902" t="s">
        <v>15</v>
      </c>
      <c r="J9902" s="10">
        <v>17.889723100000001</v>
      </c>
    </row>
    <row r="9903" spans="1:10" x14ac:dyDescent="0.35">
      <c r="A9903" t="s">
        <v>62</v>
      </c>
      <c r="B9903" t="s">
        <v>63</v>
      </c>
      <c r="C9903" t="s">
        <v>117</v>
      </c>
      <c r="D9903" t="s">
        <v>118</v>
      </c>
      <c r="E9903">
        <v>2016</v>
      </c>
      <c r="F9903">
        <v>2016</v>
      </c>
      <c r="G9903" t="s">
        <v>14</v>
      </c>
      <c r="H9903" t="s">
        <v>120</v>
      </c>
      <c r="I9903" t="s">
        <v>15</v>
      </c>
      <c r="J9903" s="10">
        <v>10.25133877</v>
      </c>
    </row>
    <row r="9904" spans="1:10" x14ac:dyDescent="0.35">
      <c r="A9904" t="s">
        <v>62</v>
      </c>
      <c r="B9904" t="s">
        <v>63</v>
      </c>
      <c r="C9904" t="s">
        <v>117</v>
      </c>
      <c r="D9904" t="s">
        <v>118</v>
      </c>
      <c r="E9904">
        <v>2016</v>
      </c>
      <c r="F9904">
        <v>2016</v>
      </c>
      <c r="G9904" t="s">
        <v>14</v>
      </c>
      <c r="H9904" t="s">
        <v>121</v>
      </c>
      <c r="I9904" t="s">
        <v>15</v>
      </c>
      <c r="J9904" s="10">
        <v>37.640268020000001</v>
      </c>
    </row>
    <row r="9905" spans="1:10" x14ac:dyDescent="0.35">
      <c r="A9905" t="s">
        <v>62</v>
      </c>
      <c r="B9905" t="s">
        <v>63</v>
      </c>
      <c r="C9905" t="s">
        <v>117</v>
      </c>
      <c r="D9905" t="s">
        <v>118</v>
      </c>
      <c r="E9905">
        <v>2016</v>
      </c>
      <c r="F9905">
        <v>2016</v>
      </c>
      <c r="G9905" t="s">
        <v>14</v>
      </c>
      <c r="H9905" t="s">
        <v>122</v>
      </c>
      <c r="I9905" t="s">
        <v>15</v>
      </c>
      <c r="J9905" s="10">
        <v>19.182745350000001</v>
      </c>
    </row>
    <row r="9906" spans="1:10" x14ac:dyDescent="0.35">
      <c r="A9906" t="s">
        <v>62</v>
      </c>
      <c r="B9906" t="s">
        <v>63</v>
      </c>
      <c r="C9906" t="s">
        <v>117</v>
      </c>
      <c r="D9906" t="s">
        <v>118</v>
      </c>
      <c r="E9906">
        <v>2016</v>
      </c>
      <c r="F9906">
        <v>2016</v>
      </c>
      <c r="G9906" t="s">
        <v>14</v>
      </c>
      <c r="H9906" t="s">
        <v>123</v>
      </c>
      <c r="I9906" t="s">
        <v>15</v>
      </c>
      <c r="J9906" s="10">
        <v>12.78490891</v>
      </c>
    </row>
    <row r="9907" spans="1:10" x14ac:dyDescent="0.35">
      <c r="A9907" t="s">
        <v>62</v>
      </c>
      <c r="B9907" t="s">
        <v>63</v>
      </c>
      <c r="C9907" t="s">
        <v>117</v>
      </c>
      <c r="D9907" t="s">
        <v>118</v>
      </c>
      <c r="E9907">
        <v>2016</v>
      </c>
      <c r="F9907">
        <v>2016</v>
      </c>
      <c r="G9907" t="s">
        <v>14</v>
      </c>
      <c r="H9907" t="s">
        <v>124</v>
      </c>
      <c r="I9907" t="s">
        <v>15</v>
      </c>
      <c r="J9907" s="10">
        <v>2.2510158499999999</v>
      </c>
    </row>
    <row r="9908" spans="1:10" x14ac:dyDescent="0.35">
      <c r="A9908" t="s">
        <v>62</v>
      </c>
      <c r="B9908" t="s">
        <v>63</v>
      </c>
      <c r="C9908" t="s">
        <v>117</v>
      </c>
      <c r="D9908" t="s">
        <v>118</v>
      </c>
      <c r="E9908">
        <v>2016</v>
      </c>
      <c r="F9908">
        <v>2016</v>
      </c>
      <c r="G9908" t="s">
        <v>125</v>
      </c>
      <c r="H9908" t="s">
        <v>119</v>
      </c>
      <c r="I9908" t="s">
        <v>15</v>
      </c>
      <c r="J9908" s="10">
        <v>19.128192049999999</v>
      </c>
    </row>
    <row r="9909" spans="1:10" x14ac:dyDescent="0.35">
      <c r="A9909" t="s">
        <v>62</v>
      </c>
      <c r="B9909" t="s">
        <v>63</v>
      </c>
      <c r="C9909" t="s">
        <v>117</v>
      </c>
      <c r="D9909" t="s">
        <v>118</v>
      </c>
      <c r="E9909">
        <v>2016</v>
      </c>
      <c r="F9909">
        <v>2016</v>
      </c>
      <c r="G9909" t="s">
        <v>125</v>
      </c>
      <c r="H9909" t="s">
        <v>120</v>
      </c>
      <c r="I9909" t="s">
        <v>15</v>
      </c>
      <c r="J9909" s="10">
        <v>11.14417708</v>
      </c>
    </row>
    <row r="9910" spans="1:10" x14ac:dyDescent="0.35">
      <c r="A9910" t="s">
        <v>62</v>
      </c>
      <c r="B9910" t="s">
        <v>63</v>
      </c>
      <c r="C9910" t="s">
        <v>117</v>
      </c>
      <c r="D9910" t="s">
        <v>118</v>
      </c>
      <c r="E9910">
        <v>2016</v>
      </c>
      <c r="F9910">
        <v>2016</v>
      </c>
      <c r="G9910" t="s">
        <v>125</v>
      </c>
      <c r="H9910" t="s">
        <v>121</v>
      </c>
      <c r="I9910" t="s">
        <v>15</v>
      </c>
      <c r="J9910" s="10">
        <v>37.780234110000002</v>
      </c>
    </row>
    <row r="9911" spans="1:10" x14ac:dyDescent="0.35">
      <c r="A9911" t="s">
        <v>62</v>
      </c>
      <c r="B9911" t="s">
        <v>63</v>
      </c>
      <c r="C9911" t="s">
        <v>117</v>
      </c>
      <c r="D9911" t="s">
        <v>118</v>
      </c>
      <c r="E9911">
        <v>2016</v>
      </c>
      <c r="F9911">
        <v>2016</v>
      </c>
      <c r="G9911" t="s">
        <v>125</v>
      </c>
      <c r="H9911" t="s">
        <v>122</v>
      </c>
      <c r="I9911" t="s">
        <v>15</v>
      </c>
      <c r="J9911" s="10">
        <v>19.048833720000001</v>
      </c>
    </row>
    <row r="9912" spans="1:10" x14ac:dyDescent="0.35">
      <c r="A9912" t="s">
        <v>62</v>
      </c>
      <c r="B9912" t="s">
        <v>63</v>
      </c>
      <c r="C9912" t="s">
        <v>117</v>
      </c>
      <c r="D9912" t="s">
        <v>118</v>
      </c>
      <c r="E9912">
        <v>2016</v>
      </c>
      <c r="F9912">
        <v>2016</v>
      </c>
      <c r="G9912" t="s">
        <v>125</v>
      </c>
      <c r="H9912" t="s">
        <v>123</v>
      </c>
      <c r="I9912" t="s">
        <v>15</v>
      </c>
      <c r="J9912" s="10">
        <v>11.62599552</v>
      </c>
    </row>
    <row r="9913" spans="1:10" x14ac:dyDescent="0.35">
      <c r="A9913" t="s">
        <v>62</v>
      </c>
      <c r="B9913" t="s">
        <v>63</v>
      </c>
      <c r="C9913" t="s">
        <v>117</v>
      </c>
      <c r="D9913" t="s">
        <v>118</v>
      </c>
      <c r="E9913">
        <v>2016</v>
      </c>
      <c r="F9913">
        <v>2016</v>
      </c>
      <c r="G9913" t="s">
        <v>125</v>
      </c>
      <c r="H9913" t="s">
        <v>124</v>
      </c>
      <c r="I9913" t="s">
        <v>15</v>
      </c>
      <c r="J9913" s="10">
        <v>1.2725675249999999</v>
      </c>
    </row>
    <row r="9914" spans="1:10" x14ac:dyDescent="0.35">
      <c r="A9914" t="s">
        <v>62</v>
      </c>
      <c r="B9914" t="s">
        <v>63</v>
      </c>
      <c r="C9914" t="s">
        <v>117</v>
      </c>
      <c r="D9914" t="s">
        <v>118</v>
      </c>
      <c r="E9914">
        <v>2016</v>
      </c>
      <c r="F9914">
        <v>2016</v>
      </c>
      <c r="G9914" t="s">
        <v>126</v>
      </c>
      <c r="H9914" t="s">
        <v>119</v>
      </c>
      <c r="I9914" t="s">
        <v>15</v>
      </c>
      <c r="J9914" s="10">
        <v>16.77040908</v>
      </c>
    </row>
    <row r="9915" spans="1:10" x14ac:dyDescent="0.35">
      <c r="A9915" t="s">
        <v>62</v>
      </c>
      <c r="B9915" t="s">
        <v>63</v>
      </c>
      <c r="C9915" t="s">
        <v>117</v>
      </c>
      <c r="D9915" t="s">
        <v>118</v>
      </c>
      <c r="E9915">
        <v>2016</v>
      </c>
      <c r="F9915">
        <v>2016</v>
      </c>
      <c r="G9915" t="s">
        <v>126</v>
      </c>
      <c r="H9915" t="s">
        <v>120</v>
      </c>
      <c r="I9915" t="s">
        <v>15</v>
      </c>
      <c r="J9915" s="10">
        <v>9.4444017519999992</v>
      </c>
    </row>
    <row r="9916" spans="1:10" x14ac:dyDescent="0.35">
      <c r="A9916" t="s">
        <v>62</v>
      </c>
      <c r="B9916" t="s">
        <v>63</v>
      </c>
      <c r="C9916" t="s">
        <v>117</v>
      </c>
      <c r="D9916" t="s">
        <v>118</v>
      </c>
      <c r="E9916">
        <v>2016</v>
      </c>
      <c r="F9916">
        <v>2016</v>
      </c>
      <c r="G9916" t="s">
        <v>126</v>
      </c>
      <c r="H9916" t="s">
        <v>121</v>
      </c>
      <c r="I9916" t="s">
        <v>15</v>
      </c>
      <c r="J9916" s="10">
        <v>37.513768280000001</v>
      </c>
    </row>
    <row r="9917" spans="1:10" x14ac:dyDescent="0.35">
      <c r="A9917" t="s">
        <v>62</v>
      </c>
      <c r="B9917" t="s">
        <v>63</v>
      </c>
      <c r="C9917" t="s">
        <v>117</v>
      </c>
      <c r="D9917" t="s">
        <v>118</v>
      </c>
      <c r="E9917">
        <v>2016</v>
      </c>
      <c r="F9917">
        <v>2016</v>
      </c>
      <c r="G9917" t="s">
        <v>126</v>
      </c>
      <c r="H9917" t="s">
        <v>122</v>
      </c>
      <c r="I9917" t="s">
        <v>15</v>
      </c>
      <c r="J9917" s="10">
        <v>19.303773150000001</v>
      </c>
    </row>
    <row r="9918" spans="1:10" x14ac:dyDescent="0.35">
      <c r="A9918" t="s">
        <v>62</v>
      </c>
      <c r="B9918" t="s">
        <v>63</v>
      </c>
      <c r="C9918" t="s">
        <v>117</v>
      </c>
      <c r="D9918" t="s">
        <v>118</v>
      </c>
      <c r="E9918">
        <v>2016</v>
      </c>
      <c r="F9918">
        <v>2016</v>
      </c>
      <c r="G9918" t="s">
        <v>126</v>
      </c>
      <c r="H9918" t="s">
        <v>123</v>
      </c>
      <c r="I9918" t="s">
        <v>15</v>
      </c>
      <c r="J9918" s="10">
        <v>13.832321520000001</v>
      </c>
    </row>
    <row r="9919" spans="1:10" x14ac:dyDescent="0.35">
      <c r="A9919" t="s">
        <v>62</v>
      </c>
      <c r="B9919" t="s">
        <v>63</v>
      </c>
      <c r="C9919" t="s">
        <v>117</v>
      </c>
      <c r="D9919" t="s">
        <v>118</v>
      </c>
      <c r="E9919">
        <v>2016</v>
      </c>
      <c r="F9919">
        <v>2016</v>
      </c>
      <c r="G9919" t="s">
        <v>126</v>
      </c>
      <c r="H9919" t="s">
        <v>124</v>
      </c>
      <c r="I9919" t="s">
        <v>15</v>
      </c>
      <c r="J9919" s="10">
        <v>3.1353262119999998</v>
      </c>
    </row>
    <row r="9920" spans="1:10" x14ac:dyDescent="0.35">
      <c r="A9920" t="s">
        <v>62</v>
      </c>
      <c r="B9920" t="s">
        <v>63</v>
      </c>
      <c r="C9920" t="s">
        <v>117</v>
      </c>
      <c r="D9920" t="s">
        <v>118</v>
      </c>
      <c r="E9920">
        <v>2015</v>
      </c>
      <c r="F9920">
        <v>2015</v>
      </c>
      <c r="G9920" t="s">
        <v>14</v>
      </c>
      <c r="H9920" t="s">
        <v>119</v>
      </c>
      <c r="I9920" t="s">
        <v>15</v>
      </c>
      <c r="J9920" s="10">
        <v>17.999783820000001</v>
      </c>
    </row>
    <row r="9921" spans="1:10" x14ac:dyDescent="0.35">
      <c r="A9921" t="s">
        <v>62</v>
      </c>
      <c r="B9921" t="s">
        <v>63</v>
      </c>
      <c r="C9921" t="s">
        <v>117</v>
      </c>
      <c r="D9921" t="s">
        <v>118</v>
      </c>
      <c r="E9921">
        <v>2015</v>
      </c>
      <c r="F9921">
        <v>2015</v>
      </c>
      <c r="G9921" t="s">
        <v>14</v>
      </c>
      <c r="H9921" t="s">
        <v>120</v>
      </c>
      <c r="I9921" t="s">
        <v>15</v>
      </c>
      <c r="J9921" s="10">
        <v>10.63881533</v>
      </c>
    </row>
    <row r="9922" spans="1:10" x14ac:dyDescent="0.35">
      <c r="A9922" t="s">
        <v>62</v>
      </c>
      <c r="B9922" t="s">
        <v>63</v>
      </c>
      <c r="C9922" t="s">
        <v>117</v>
      </c>
      <c r="D9922" t="s">
        <v>118</v>
      </c>
      <c r="E9922">
        <v>2015</v>
      </c>
      <c r="F9922">
        <v>2015</v>
      </c>
      <c r="G9922" t="s">
        <v>14</v>
      </c>
      <c r="H9922" t="s">
        <v>121</v>
      </c>
      <c r="I9922" t="s">
        <v>15</v>
      </c>
      <c r="J9922" s="10">
        <v>37.419607630000002</v>
      </c>
    </row>
    <row r="9923" spans="1:10" x14ac:dyDescent="0.35">
      <c r="A9923" t="s">
        <v>62</v>
      </c>
      <c r="B9923" t="s">
        <v>63</v>
      </c>
      <c r="C9923" t="s">
        <v>117</v>
      </c>
      <c r="D9923" t="s">
        <v>118</v>
      </c>
      <c r="E9923">
        <v>2015</v>
      </c>
      <c r="F9923">
        <v>2015</v>
      </c>
      <c r="G9923" t="s">
        <v>14</v>
      </c>
      <c r="H9923" t="s">
        <v>122</v>
      </c>
      <c r="I9923" t="s">
        <v>15</v>
      </c>
      <c r="J9923" s="10">
        <v>18.761822410000001</v>
      </c>
    </row>
    <row r="9924" spans="1:10" x14ac:dyDescent="0.35">
      <c r="A9924" t="s">
        <v>62</v>
      </c>
      <c r="B9924" t="s">
        <v>63</v>
      </c>
      <c r="C9924" t="s">
        <v>117</v>
      </c>
      <c r="D9924" t="s">
        <v>118</v>
      </c>
      <c r="E9924">
        <v>2015</v>
      </c>
      <c r="F9924">
        <v>2015</v>
      </c>
      <c r="G9924" t="s">
        <v>14</v>
      </c>
      <c r="H9924" t="s">
        <v>123</v>
      </c>
      <c r="I9924" t="s">
        <v>15</v>
      </c>
      <c r="J9924" s="10">
        <v>12.90061071</v>
      </c>
    </row>
    <row r="9925" spans="1:10" x14ac:dyDescent="0.35">
      <c r="A9925" t="s">
        <v>62</v>
      </c>
      <c r="B9925" t="s">
        <v>63</v>
      </c>
      <c r="C9925" t="s">
        <v>117</v>
      </c>
      <c r="D9925" t="s">
        <v>118</v>
      </c>
      <c r="E9925">
        <v>2015</v>
      </c>
      <c r="F9925">
        <v>2015</v>
      </c>
      <c r="G9925" t="s">
        <v>14</v>
      </c>
      <c r="H9925" t="s">
        <v>124</v>
      </c>
      <c r="I9925" t="s">
        <v>15</v>
      </c>
      <c r="J9925" s="10">
        <v>2.2793601040000002</v>
      </c>
    </row>
    <row r="9926" spans="1:10" x14ac:dyDescent="0.35">
      <c r="A9926" t="s">
        <v>62</v>
      </c>
      <c r="B9926" t="s">
        <v>63</v>
      </c>
      <c r="C9926" t="s">
        <v>117</v>
      </c>
      <c r="D9926" t="s">
        <v>118</v>
      </c>
      <c r="E9926">
        <v>2015</v>
      </c>
      <c r="F9926">
        <v>2015</v>
      </c>
      <c r="G9926" t="s">
        <v>125</v>
      </c>
      <c r="H9926" t="s">
        <v>119</v>
      </c>
      <c r="I9926" t="s">
        <v>15</v>
      </c>
      <c r="J9926" s="10">
        <v>19.439145910000001</v>
      </c>
    </row>
    <row r="9927" spans="1:10" x14ac:dyDescent="0.35">
      <c r="A9927" t="s">
        <v>62</v>
      </c>
      <c r="B9927" t="s">
        <v>63</v>
      </c>
      <c r="C9927" t="s">
        <v>117</v>
      </c>
      <c r="D9927" t="s">
        <v>118</v>
      </c>
      <c r="E9927">
        <v>2015</v>
      </c>
      <c r="F9927">
        <v>2015</v>
      </c>
      <c r="G9927" t="s">
        <v>125</v>
      </c>
      <c r="H9927" t="s">
        <v>120</v>
      </c>
      <c r="I9927" t="s">
        <v>15</v>
      </c>
      <c r="J9927" s="10">
        <v>11.46192171</v>
      </c>
    </row>
    <row r="9928" spans="1:10" x14ac:dyDescent="0.35">
      <c r="A9928" t="s">
        <v>62</v>
      </c>
      <c r="B9928" t="s">
        <v>63</v>
      </c>
      <c r="C9928" t="s">
        <v>117</v>
      </c>
      <c r="D9928" t="s">
        <v>118</v>
      </c>
      <c r="E9928">
        <v>2015</v>
      </c>
      <c r="F9928">
        <v>2015</v>
      </c>
      <c r="G9928" t="s">
        <v>125</v>
      </c>
      <c r="H9928" t="s">
        <v>121</v>
      </c>
      <c r="I9928" t="s">
        <v>15</v>
      </c>
      <c r="J9928" s="10">
        <v>37.5316726</v>
      </c>
    </row>
    <row r="9929" spans="1:10" x14ac:dyDescent="0.35">
      <c r="A9929" t="s">
        <v>62</v>
      </c>
      <c r="B9929" t="s">
        <v>63</v>
      </c>
      <c r="C9929" t="s">
        <v>117</v>
      </c>
      <c r="D9929" t="s">
        <v>118</v>
      </c>
      <c r="E9929">
        <v>2015</v>
      </c>
      <c r="F9929">
        <v>2015</v>
      </c>
      <c r="G9929" t="s">
        <v>125</v>
      </c>
      <c r="H9929" t="s">
        <v>122</v>
      </c>
      <c r="I9929" t="s">
        <v>15</v>
      </c>
      <c r="J9929" s="10">
        <v>18.661921710000001</v>
      </c>
    </row>
    <row r="9930" spans="1:10" x14ac:dyDescent="0.35">
      <c r="A9930" t="s">
        <v>62</v>
      </c>
      <c r="B9930" t="s">
        <v>63</v>
      </c>
      <c r="C9930" t="s">
        <v>117</v>
      </c>
      <c r="D9930" t="s">
        <v>118</v>
      </c>
      <c r="E9930">
        <v>2015</v>
      </c>
      <c r="F9930">
        <v>2015</v>
      </c>
      <c r="G9930" t="s">
        <v>125</v>
      </c>
      <c r="H9930" t="s">
        <v>123</v>
      </c>
      <c r="I9930" t="s">
        <v>15</v>
      </c>
      <c r="J9930" s="10">
        <v>11.58718861</v>
      </c>
    </row>
    <row r="9931" spans="1:10" x14ac:dyDescent="0.35">
      <c r="A9931" t="s">
        <v>62</v>
      </c>
      <c r="B9931" t="s">
        <v>63</v>
      </c>
      <c r="C9931" t="s">
        <v>117</v>
      </c>
      <c r="D9931" t="s">
        <v>118</v>
      </c>
      <c r="E9931">
        <v>2015</v>
      </c>
      <c r="F9931">
        <v>2015</v>
      </c>
      <c r="G9931" t="s">
        <v>125</v>
      </c>
      <c r="H9931" t="s">
        <v>124</v>
      </c>
      <c r="I9931" t="s">
        <v>15</v>
      </c>
      <c r="J9931" s="10">
        <v>1.3181494659999999</v>
      </c>
    </row>
    <row r="9932" spans="1:10" x14ac:dyDescent="0.35">
      <c r="A9932" t="s">
        <v>62</v>
      </c>
      <c r="B9932" t="s">
        <v>63</v>
      </c>
      <c r="C9932" t="s">
        <v>117</v>
      </c>
      <c r="D9932" t="s">
        <v>118</v>
      </c>
      <c r="E9932">
        <v>2015</v>
      </c>
      <c r="F9932">
        <v>2015</v>
      </c>
      <c r="G9932" t="s">
        <v>126</v>
      </c>
      <c r="H9932" t="s">
        <v>119</v>
      </c>
      <c r="I9932" t="s">
        <v>15</v>
      </c>
      <c r="J9932" s="10">
        <v>16.69966827</v>
      </c>
    </row>
    <row r="9933" spans="1:10" x14ac:dyDescent="0.35">
      <c r="A9933" t="s">
        <v>62</v>
      </c>
      <c r="B9933" t="s">
        <v>63</v>
      </c>
      <c r="C9933" t="s">
        <v>117</v>
      </c>
      <c r="D9933" t="s">
        <v>118</v>
      </c>
      <c r="E9933">
        <v>2015</v>
      </c>
      <c r="F9933">
        <v>2015</v>
      </c>
      <c r="G9933" t="s">
        <v>126</v>
      </c>
      <c r="H9933" t="s">
        <v>120</v>
      </c>
      <c r="I9933" t="s">
        <v>15</v>
      </c>
      <c r="J9933" s="10">
        <v>9.8953377739999997</v>
      </c>
    </row>
    <row r="9934" spans="1:10" x14ac:dyDescent="0.35">
      <c r="A9934" t="s">
        <v>62</v>
      </c>
      <c r="B9934" t="s">
        <v>63</v>
      </c>
      <c r="C9934" t="s">
        <v>117</v>
      </c>
      <c r="D9934" t="s">
        <v>118</v>
      </c>
      <c r="E9934">
        <v>2015</v>
      </c>
      <c r="F9934">
        <v>2015</v>
      </c>
      <c r="G9934" t="s">
        <v>126</v>
      </c>
      <c r="H9934" t="s">
        <v>121</v>
      </c>
      <c r="I9934" t="s">
        <v>15</v>
      </c>
      <c r="J9934" s="10">
        <v>37.318384039999998</v>
      </c>
    </row>
    <row r="9935" spans="1:10" x14ac:dyDescent="0.35">
      <c r="A9935" t="s">
        <v>62</v>
      </c>
      <c r="B9935" t="s">
        <v>63</v>
      </c>
      <c r="C9935" t="s">
        <v>117</v>
      </c>
      <c r="D9935" t="s">
        <v>118</v>
      </c>
      <c r="E9935">
        <v>2015</v>
      </c>
      <c r="F9935">
        <v>2015</v>
      </c>
      <c r="G9935" t="s">
        <v>126</v>
      </c>
      <c r="H9935" t="s">
        <v>122</v>
      </c>
      <c r="I9935" t="s">
        <v>15</v>
      </c>
      <c r="J9935" s="10">
        <v>18.852058530000001</v>
      </c>
    </row>
    <row r="9936" spans="1:10" x14ac:dyDescent="0.35">
      <c r="A9936" t="s">
        <v>62</v>
      </c>
      <c r="B9936" t="s">
        <v>63</v>
      </c>
      <c r="C9936" t="s">
        <v>117</v>
      </c>
      <c r="D9936" t="s">
        <v>118</v>
      </c>
      <c r="E9936">
        <v>2015</v>
      </c>
      <c r="F9936">
        <v>2015</v>
      </c>
      <c r="G9936" t="s">
        <v>126</v>
      </c>
      <c r="H9936" t="s">
        <v>123</v>
      </c>
      <c r="I9936" t="s">
        <v>15</v>
      </c>
      <c r="J9936" s="10">
        <v>14.086969939999999</v>
      </c>
    </row>
    <row r="9937" spans="1:10" x14ac:dyDescent="0.35">
      <c r="A9937" t="s">
        <v>62</v>
      </c>
      <c r="B9937" t="s">
        <v>63</v>
      </c>
      <c r="C9937" t="s">
        <v>117</v>
      </c>
      <c r="D9937" t="s">
        <v>118</v>
      </c>
      <c r="E9937">
        <v>2015</v>
      </c>
      <c r="F9937">
        <v>2015</v>
      </c>
      <c r="G9937" t="s">
        <v>126</v>
      </c>
      <c r="H9937" t="s">
        <v>124</v>
      </c>
      <c r="I9937" t="s">
        <v>15</v>
      </c>
      <c r="J9937" s="10">
        <v>3.147581454</v>
      </c>
    </row>
    <row r="9938" spans="1:10" x14ac:dyDescent="0.35">
      <c r="A9938" t="s">
        <v>62</v>
      </c>
      <c r="B9938" t="s">
        <v>63</v>
      </c>
      <c r="C9938" t="s">
        <v>117</v>
      </c>
      <c r="D9938" t="s">
        <v>118</v>
      </c>
      <c r="E9938">
        <v>2014</v>
      </c>
      <c r="F9938">
        <v>2014</v>
      </c>
      <c r="G9938" t="s">
        <v>14</v>
      </c>
      <c r="H9938" t="s">
        <v>119</v>
      </c>
      <c r="I9938" t="s">
        <v>15</v>
      </c>
      <c r="J9938" s="10">
        <v>18.231924490000001</v>
      </c>
    </row>
    <row r="9939" spans="1:10" x14ac:dyDescent="0.35">
      <c r="A9939" t="s">
        <v>62</v>
      </c>
      <c r="B9939" t="s">
        <v>63</v>
      </c>
      <c r="C9939" t="s">
        <v>117</v>
      </c>
      <c r="D9939" t="s">
        <v>118</v>
      </c>
      <c r="E9939">
        <v>2014</v>
      </c>
      <c r="F9939">
        <v>2014</v>
      </c>
      <c r="G9939" t="s">
        <v>14</v>
      </c>
      <c r="H9939" t="s">
        <v>120</v>
      </c>
      <c r="I9939" t="s">
        <v>15</v>
      </c>
      <c r="J9939" s="10">
        <v>10.90150725</v>
      </c>
    </row>
    <row r="9940" spans="1:10" x14ac:dyDescent="0.35">
      <c r="A9940" t="s">
        <v>62</v>
      </c>
      <c r="B9940" t="s">
        <v>63</v>
      </c>
      <c r="C9940" t="s">
        <v>117</v>
      </c>
      <c r="D9940" t="s">
        <v>118</v>
      </c>
      <c r="E9940">
        <v>2014</v>
      </c>
      <c r="F9940">
        <v>2014</v>
      </c>
      <c r="G9940" t="s">
        <v>14</v>
      </c>
      <c r="H9940" t="s">
        <v>121</v>
      </c>
      <c r="I9940" t="s">
        <v>15</v>
      </c>
      <c r="J9940" s="10">
        <v>37.216797800000002</v>
      </c>
    </row>
    <row r="9941" spans="1:10" x14ac:dyDescent="0.35">
      <c r="A9941" t="s">
        <v>62</v>
      </c>
      <c r="B9941" t="s">
        <v>63</v>
      </c>
      <c r="C9941" t="s">
        <v>117</v>
      </c>
      <c r="D9941" t="s">
        <v>118</v>
      </c>
      <c r="E9941">
        <v>2014</v>
      </c>
      <c r="F9941">
        <v>2014</v>
      </c>
      <c r="G9941" t="s">
        <v>14</v>
      </c>
      <c r="H9941" t="s">
        <v>122</v>
      </c>
      <c r="I9941" t="s">
        <v>15</v>
      </c>
      <c r="J9941" s="10">
        <v>18.418807470000001</v>
      </c>
    </row>
    <row r="9942" spans="1:10" x14ac:dyDescent="0.35">
      <c r="A9942" t="s">
        <v>62</v>
      </c>
      <c r="B9942" t="s">
        <v>63</v>
      </c>
      <c r="C9942" t="s">
        <v>117</v>
      </c>
      <c r="D9942" t="s">
        <v>118</v>
      </c>
      <c r="E9942">
        <v>2014</v>
      </c>
      <c r="F9942">
        <v>2014</v>
      </c>
      <c r="G9942" t="s">
        <v>14</v>
      </c>
      <c r="H9942" t="s">
        <v>123</v>
      </c>
      <c r="I9942" t="s">
        <v>15</v>
      </c>
      <c r="J9942" s="10">
        <v>12.86648701</v>
      </c>
    </row>
    <row r="9943" spans="1:10" x14ac:dyDescent="0.35">
      <c r="A9943" t="s">
        <v>62</v>
      </c>
      <c r="B9943" t="s">
        <v>63</v>
      </c>
      <c r="C9943" t="s">
        <v>117</v>
      </c>
      <c r="D9943" t="s">
        <v>118</v>
      </c>
      <c r="E9943">
        <v>2014</v>
      </c>
      <c r="F9943">
        <v>2014</v>
      </c>
      <c r="G9943" t="s">
        <v>14</v>
      </c>
      <c r="H9943" t="s">
        <v>124</v>
      </c>
      <c r="I9943" t="s">
        <v>15</v>
      </c>
      <c r="J9943" s="10">
        <v>2.3644759830000002</v>
      </c>
    </row>
    <row r="9944" spans="1:10" x14ac:dyDescent="0.35">
      <c r="A9944" t="s">
        <v>62</v>
      </c>
      <c r="B9944" t="s">
        <v>63</v>
      </c>
      <c r="C9944" t="s">
        <v>117</v>
      </c>
      <c r="D9944" t="s">
        <v>118</v>
      </c>
      <c r="E9944">
        <v>2014</v>
      </c>
      <c r="F9944">
        <v>2014</v>
      </c>
      <c r="G9944" t="s">
        <v>125</v>
      </c>
      <c r="H9944" t="s">
        <v>119</v>
      </c>
      <c r="I9944" t="s">
        <v>15</v>
      </c>
      <c r="J9944" s="10">
        <v>19.867871650000001</v>
      </c>
    </row>
    <row r="9945" spans="1:10" x14ac:dyDescent="0.35">
      <c r="A9945" t="s">
        <v>62</v>
      </c>
      <c r="B9945" t="s">
        <v>63</v>
      </c>
      <c r="C9945" t="s">
        <v>117</v>
      </c>
      <c r="D9945" t="s">
        <v>118</v>
      </c>
      <c r="E9945">
        <v>2014</v>
      </c>
      <c r="F9945">
        <v>2014</v>
      </c>
      <c r="G9945" t="s">
        <v>125</v>
      </c>
      <c r="H9945" t="s">
        <v>120</v>
      </c>
      <c r="I9945" t="s">
        <v>15</v>
      </c>
      <c r="J9945" s="10">
        <v>11.502602530000001</v>
      </c>
    </row>
    <row r="9946" spans="1:10" x14ac:dyDescent="0.35">
      <c r="A9946" t="s">
        <v>62</v>
      </c>
      <c r="B9946" t="s">
        <v>63</v>
      </c>
      <c r="C9946" t="s">
        <v>117</v>
      </c>
      <c r="D9946" t="s">
        <v>118</v>
      </c>
      <c r="E9946">
        <v>2014</v>
      </c>
      <c r="F9946">
        <v>2014</v>
      </c>
      <c r="G9946" t="s">
        <v>125</v>
      </c>
      <c r="H9946" t="s">
        <v>121</v>
      </c>
      <c r="I9946" t="s">
        <v>15</v>
      </c>
      <c r="J9946" s="10">
        <v>37.379168329999999</v>
      </c>
    </row>
    <row r="9947" spans="1:10" x14ac:dyDescent="0.35">
      <c r="A9947" t="s">
        <v>62</v>
      </c>
      <c r="B9947" t="s">
        <v>63</v>
      </c>
      <c r="C9947" t="s">
        <v>117</v>
      </c>
      <c r="D9947" t="s">
        <v>118</v>
      </c>
      <c r="E9947">
        <v>2014</v>
      </c>
      <c r="F9947">
        <v>2014</v>
      </c>
      <c r="G9947" t="s">
        <v>125</v>
      </c>
      <c r="H9947" t="s">
        <v>122</v>
      </c>
      <c r="I9947" t="s">
        <v>15</v>
      </c>
      <c r="J9947" s="10">
        <v>18.415031750000001</v>
      </c>
    </row>
    <row r="9948" spans="1:10" x14ac:dyDescent="0.35">
      <c r="A9948" t="s">
        <v>62</v>
      </c>
      <c r="B9948" t="s">
        <v>63</v>
      </c>
      <c r="C9948" t="s">
        <v>117</v>
      </c>
      <c r="D9948" t="s">
        <v>118</v>
      </c>
      <c r="E9948">
        <v>2014</v>
      </c>
      <c r="F9948">
        <v>2014</v>
      </c>
      <c r="G9948" t="s">
        <v>125</v>
      </c>
      <c r="H9948" t="s">
        <v>123</v>
      </c>
      <c r="I9948" t="s">
        <v>15</v>
      </c>
      <c r="J9948" s="10">
        <v>11.47400332</v>
      </c>
    </row>
    <row r="9949" spans="1:10" x14ac:dyDescent="0.35">
      <c r="A9949" t="s">
        <v>62</v>
      </c>
      <c r="B9949" t="s">
        <v>63</v>
      </c>
      <c r="C9949" t="s">
        <v>117</v>
      </c>
      <c r="D9949" t="s">
        <v>118</v>
      </c>
      <c r="E9949">
        <v>2014</v>
      </c>
      <c r="F9949">
        <v>2014</v>
      </c>
      <c r="G9949" t="s">
        <v>125</v>
      </c>
      <c r="H9949" t="s">
        <v>124</v>
      </c>
      <c r="I9949" t="s">
        <v>15</v>
      </c>
      <c r="J9949" s="10">
        <v>1.361322428</v>
      </c>
    </row>
    <row r="9950" spans="1:10" x14ac:dyDescent="0.35">
      <c r="A9950" t="s">
        <v>62</v>
      </c>
      <c r="B9950" t="s">
        <v>63</v>
      </c>
      <c r="C9950" t="s">
        <v>117</v>
      </c>
      <c r="D9950" t="s">
        <v>118</v>
      </c>
      <c r="E9950">
        <v>2014</v>
      </c>
      <c r="F9950">
        <v>2014</v>
      </c>
      <c r="G9950" t="s">
        <v>126</v>
      </c>
      <c r="H9950" t="s">
        <v>119</v>
      </c>
      <c r="I9950" t="s">
        <v>15</v>
      </c>
      <c r="J9950" s="10">
        <v>16.76055251</v>
      </c>
    </row>
    <row r="9951" spans="1:10" x14ac:dyDescent="0.35">
      <c r="A9951" t="s">
        <v>62</v>
      </c>
      <c r="B9951" t="s">
        <v>63</v>
      </c>
      <c r="C9951" t="s">
        <v>117</v>
      </c>
      <c r="D9951" t="s">
        <v>118</v>
      </c>
      <c r="E9951">
        <v>2014</v>
      </c>
      <c r="F9951">
        <v>2014</v>
      </c>
      <c r="G9951" t="s">
        <v>126</v>
      </c>
      <c r="H9951" t="s">
        <v>120</v>
      </c>
      <c r="I9951" t="s">
        <v>15</v>
      </c>
      <c r="J9951" s="10">
        <v>10.36088176</v>
      </c>
    </row>
    <row r="9952" spans="1:10" x14ac:dyDescent="0.35">
      <c r="A9952" t="s">
        <v>62</v>
      </c>
      <c r="B9952" t="s">
        <v>63</v>
      </c>
      <c r="C9952" t="s">
        <v>117</v>
      </c>
      <c r="D9952" t="s">
        <v>118</v>
      </c>
      <c r="E9952">
        <v>2014</v>
      </c>
      <c r="F9952">
        <v>2014</v>
      </c>
      <c r="G9952" t="s">
        <v>126</v>
      </c>
      <c r="H9952" t="s">
        <v>121</v>
      </c>
      <c r="I9952" t="s">
        <v>15</v>
      </c>
      <c r="J9952" s="10">
        <v>37.07076163</v>
      </c>
    </row>
    <row r="9953" spans="1:10" x14ac:dyDescent="0.35">
      <c r="A9953" t="s">
        <v>62</v>
      </c>
      <c r="B9953" t="s">
        <v>63</v>
      </c>
      <c r="C9953" t="s">
        <v>117</v>
      </c>
      <c r="D9953" t="s">
        <v>118</v>
      </c>
      <c r="E9953">
        <v>2014</v>
      </c>
      <c r="F9953">
        <v>2014</v>
      </c>
      <c r="G9953" t="s">
        <v>126</v>
      </c>
      <c r="H9953" t="s">
        <v>122</v>
      </c>
      <c r="I9953" t="s">
        <v>15</v>
      </c>
      <c r="J9953" s="10">
        <v>18.422203360000001</v>
      </c>
    </row>
    <row r="9954" spans="1:10" x14ac:dyDescent="0.35">
      <c r="A9954" t="s">
        <v>62</v>
      </c>
      <c r="B9954" t="s">
        <v>63</v>
      </c>
      <c r="C9954" t="s">
        <v>117</v>
      </c>
      <c r="D9954" t="s">
        <v>118</v>
      </c>
      <c r="E9954">
        <v>2014</v>
      </c>
      <c r="F9954">
        <v>2014</v>
      </c>
      <c r="G9954" t="s">
        <v>126</v>
      </c>
      <c r="H9954" t="s">
        <v>123</v>
      </c>
      <c r="I9954" t="s">
        <v>15</v>
      </c>
      <c r="J9954" s="10">
        <v>14.118887770000001</v>
      </c>
    </row>
    <row r="9955" spans="1:10" x14ac:dyDescent="0.35">
      <c r="A9955" t="s">
        <v>62</v>
      </c>
      <c r="B9955" t="s">
        <v>63</v>
      </c>
      <c r="C9955" t="s">
        <v>117</v>
      </c>
      <c r="D9955" t="s">
        <v>118</v>
      </c>
      <c r="E9955">
        <v>2014</v>
      </c>
      <c r="F9955">
        <v>2014</v>
      </c>
      <c r="G9955" t="s">
        <v>126</v>
      </c>
      <c r="H9955" t="s">
        <v>124</v>
      </c>
      <c r="I9955" t="s">
        <v>15</v>
      </c>
      <c r="J9955" s="10">
        <v>3.2667129670000001</v>
      </c>
    </row>
    <row r="9956" spans="1:10" x14ac:dyDescent="0.35">
      <c r="A9956" t="s">
        <v>62</v>
      </c>
      <c r="B9956" t="s">
        <v>63</v>
      </c>
      <c r="C9956" t="s">
        <v>117</v>
      </c>
      <c r="D9956" t="s">
        <v>118</v>
      </c>
      <c r="E9956">
        <v>2013</v>
      </c>
      <c r="F9956">
        <v>2013</v>
      </c>
      <c r="G9956" t="s">
        <v>14</v>
      </c>
      <c r="H9956" t="s">
        <v>119</v>
      </c>
      <c r="I9956" t="s">
        <v>15</v>
      </c>
      <c r="J9956" s="10">
        <v>18.445315669999999</v>
      </c>
    </row>
    <row r="9957" spans="1:10" x14ac:dyDescent="0.35">
      <c r="A9957" t="s">
        <v>62</v>
      </c>
      <c r="B9957" t="s">
        <v>63</v>
      </c>
      <c r="C9957" t="s">
        <v>117</v>
      </c>
      <c r="D9957" t="s">
        <v>118</v>
      </c>
      <c r="E9957">
        <v>2013</v>
      </c>
      <c r="F9957">
        <v>2013</v>
      </c>
      <c r="G9957" t="s">
        <v>14</v>
      </c>
      <c r="H9957" t="s">
        <v>120</v>
      </c>
      <c r="I9957" t="s">
        <v>15</v>
      </c>
      <c r="J9957" s="10">
        <v>11.143706910000001</v>
      </c>
    </row>
    <row r="9958" spans="1:10" x14ac:dyDescent="0.35">
      <c r="A9958" t="s">
        <v>62</v>
      </c>
      <c r="B9958" t="s">
        <v>63</v>
      </c>
      <c r="C9958" t="s">
        <v>117</v>
      </c>
      <c r="D9958" t="s">
        <v>118</v>
      </c>
      <c r="E9958">
        <v>2013</v>
      </c>
      <c r="F9958">
        <v>2013</v>
      </c>
      <c r="G9958" t="s">
        <v>14</v>
      </c>
      <c r="H9958" t="s">
        <v>121</v>
      </c>
      <c r="I9958" t="s">
        <v>15</v>
      </c>
      <c r="J9958" s="10">
        <v>37.228606190000001</v>
      </c>
    </row>
    <row r="9959" spans="1:10" x14ac:dyDescent="0.35">
      <c r="A9959" t="s">
        <v>62</v>
      </c>
      <c r="B9959" t="s">
        <v>63</v>
      </c>
      <c r="C9959" t="s">
        <v>117</v>
      </c>
      <c r="D9959" t="s">
        <v>118</v>
      </c>
      <c r="E9959">
        <v>2013</v>
      </c>
      <c r="F9959">
        <v>2013</v>
      </c>
      <c r="G9959" t="s">
        <v>14</v>
      </c>
      <c r="H9959" t="s">
        <v>122</v>
      </c>
      <c r="I9959" t="s">
        <v>15</v>
      </c>
      <c r="J9959" s="10">
        <v>18.060024330000001</v>
      </c>
    </row>
    <row r="9960" spans="1:10" x14ac:dyDescent="0.35">
      <c r="A9960" t="s">
        <v>62</v>
      </c>
      <c r="B9960" t="s">
        <v>63</v>
      </c>
      <c r="C9960" t="s">
        <v>117</v>
      </c>
      <c r="D9960" t="s">
        <v>118</v>
      </c>
      <c r="E9960">
        <v>2013</v>
      </c>
      <c r="F9960">
        <v>2013</v>
      </c>
      <c r="G9960" t="s">
        <v>14</v>
      </c>
      <c r="H9960" t="s">
        <v>123</v>
      </c>
      <c r="I9960" t="s">
        <v>15</v>
      </c>
      <c r="J9960" s="10">
        <v>12.749763420000001</v>
      </c>
    </row>
    <row r="9961" spans="1:10" x14ac:dyDescent="0.35">
      <c r="A9961" t="s">
        <v>62</v>
      </c>
      <c r="B9961" t="s">
        <v>63</v>
      </c>
      <c r="C9961" t="s">
        <v>117</v>
      </c>
      <c r="D9961" t="s">
        <v>118</v>
      </c>
      <c r="E9961">
        <v>2013</v>
      </c>
      <c r="F9961">
        <v>2013</v>
      </c>
      <c r="G9961" t="s">
        <v>14</v>
      </c>
      <c r="H9961" t="s">
        <v>124</v>
      </c>
      <c r="I9961" t="s">
        <v>15</v>
      </c>
      <c r="J9961" s="10">
        <v>2.3725834799999999</v>
      </c>
    </row>
    <row r="9962" spans="1:10" x14ac:dyDescent="0.35">
      <c r="A9962" t="s">
        <v>62</v>
      </c>
      <c r="B9962" t="s">
        <v>63</v>
      </c>
      <c r="C9962" t="s">
        <v>117</v>
      </c>
      <c r="D9962" t="s">
        <v>118</v>
      </c>
      <c r="E9962">
        <v>2013</v>
      </c>
      <c r="F9962">
        <v>2013</v>
      </c>
      <c r="G9962" t="s">
        <v>125</v>
      </c>
      <c r="H9962" t="s">
        <v>119</v>
      </c>
      <c r="I9962" t="s">
        <v>15</v>
      </c>
      <c r="J9962" s="10">
        <v>20.014823679999999</v>
      </c>
    </row>
    <row r="9963" spans="1:10" x14ac:dyDescent="0.35">
      <c r="A9963" t="s">
        <v>62</v>
      </c>
      <c r="B9963" t="s">
        <v>63</v>
      </c>
      <c r="C9963" t="s">
        <v>117</v>
      </c>
      <c r="D9963" t="s">
        <v>118</v>
      </c>
      <c r="E9963">
        <v>2013</v>
      </c>
      <c r="F9963">
        <v>2013</v>
      </c>
      <c r="G9963" t="s">
        <v>125</v>
      </c>
      <c r="H9963" t="s">
        <v>120</v>
      </c>
      <c r="I9963" t="s">
        <v>15</v>
      </c>
      <c r="J9963" s="10">
        <v>11.833290570000001</v>
      </c>
    </row>
    <row r="9964" spans="1:10" x14ac:dyDescent="0.35">
      <c r="A9964" t="s">
        <v>62</v>
      </c>
      <c r="B9964" t="s">
        <v>63</v>
      </c>
      <c r="C9964" t="s">
        <v>117</v>
      </c>
      <c r="D9964" t="s">
        <v>118</v>
      </c>
      <c r="E9964">
        <v>2013</v>
      </c>
      <c r="F9964">
        <v>2013</v>
      </c>
      <c r="G9964" t="s">
        <v>125</v>
      </c>
      <c r="H9964" t="s">
        <v>121</v>
      </c>
      <c r="I9964" t="s">
        <v>15</v>
      </c>
      <c r="J9964" s="10">
        <v>37.438353429999999</v>
      </c>
    </row>
    <row r="9965" spans="1:10" x14ac:dyDescent="0.35">
      <c r="A9965" t="s">
        <v>62</v>
      </c>
      <c r="B9965" t="s">
        <v>63</v>
      </c>
      <c r="C9965" t="s">
        <v>117</v>
      </c>
      <c r="D9965" t="s">
        <v>118</v>
      </c>
      <c r="E9965">
        <v>2013</v>
      </c>
      <c r="F9965">
        <v>2013</v>
      </c>
      <c r="G9965" t="s">
        <v>125</v>
      </c>
      <c r="H9965" t="s">
        <v>122</v>
      </c>
      <c r="I9965" t="s">
        <v>15</v>
      </c>
      <c r="J9965" s="10">
        <v>18.167564639999998</v>
      </c>
    </row>
    <row r="9966" spans="1:10" x14ac:dyDescent="0.35">
      <c r="A9966" t="s">
        <v>62</v>
      </c>
      <c r="B9966" t="s">
        <v>63</v>
      </c>
      <c r="C9966" t="s">
        <v>117</v>
      </c>
      <c r="D9966" t="s">
        <v>118</v>
      </c>
      <c r="E9966">
        <v>2013</v>
      </c>
      <c r="F9966">
        <v>2013</v>
      </c>
      <c r="G9966" t="s">
        <v>125</v>
      </c>
      <c r="H9966" t="s">
        <v>123</v>
      </c>
      <c r="I9966" t="s">
        <v>15</v>
      </c>
      <c r="J9966" s="10">
        <v>11.226089679999999</v>
      </c>
    </row>
    <row r="9967" spans="1:10" x14ac:dyDescent="0.35">
      <c r="A9967" t="s">
        <v>62</v>
      </c>
      <c r="B9967" t="s">
        <v>63</v>
      </c>
      <c r="C9967" t="s">
        <v>117</v>
      </c>
      <c r="D9967" t="s">
        <v>118</v>
      </c>
      <c r="E9967">
        <v>2013</v>
      </c>
      <c r="F9967">
        <v>2013</v>
      </c>
      <c r="G9967" t="s">
        <v>125</v>
      </c>
      <c r="H9967" t="s">
        <v>124</v>
      </c>
      <c r="I9967" t="s">
        <v>15</v>
      </c>
      <c r="J9967" s="10">
        <v>1.3198779899999999</v>
      </c>
    </row>
    <row r="9968" spans="1:10" x14ac:dyDescent="0.35">
      <c r="A9968" t="s">
        <v>62</v>
      </c>
      <c r="B9968" t="s">
        <v>63</v>
      </c>
      <c r="C9968" t="s">
        <v>117</v>
      </c>
      <c r="D9968" t="s">
        <v>118</v>
      </c>
      <c r="E9968">
        <v>2013</v>
      </c>
      <c r="F9968">
        <v>2013</v>
      </c>
      <c r="G9968" t="s">
        <v>126</v>
      </c>
      <c r="H9968" t="s">
        <v>119</v>
      </c>
      <c r="I9968" t="s">
        <v>15</v>
      </c>
      <c r="J9968" s="10">
        <v>17.029646960000001</v>
      </c>
    </row>
    <row r="9969" spans="1:10" x14ac:dyDescent="0.35">
      <c r="A9969" t="s">
        <v>62</v>
      </c>
      <c r="B9969" t="s">
        <v>63</v>
      </c>
      <c r="C9969" t="s">
        <v>117</v>
      </c>
      <c r="D9969" t="s">
        <v>118</v>
      </c>
      <c r="E9969">
        <v>2013</v>
      </c>
      <c r="F9969">
        <v>2013</v>
      </c>
      <c r="G9969" t="s">
        <v>126</v>
      </c>
      <c r="H9969" t="s">
        <v>120</v>
      </c>
      <c r="I9969" t="s">
        <v>15</v>
      </c>
      <c r="J9969" s="10">
        <v>10.52171454</v>
      </c>
    </row>
    <row r="9970" spans="1:10" x14ac:dyDescent="0.35">
      <c r="A9970" t="s">
        <v>62</v>
      </c>
      <c r="B9970" t="s">
        <v>63</v>
      </c>
      <c r="C9970" t="s">
        <v>117</v>
      </c>
      <c r="D9970" t="s">
        <v>118</v>
      </c>
      <c r="E9970">
        <v>2013</v>
      </c>
      <c r="F9970">
        <v>2013</v>
      </c>
      <c r="G9970" t="s">
        <v>126</v>
      </c>
      <c r="H9970" t="s">
        <v>121</v>
      </c>
      <c r="I9970" t="s">
        <v>15</v>
      </c>
      <c r="J9970" s="10">
        <v>37.03941786</v>
      </c>
    </row>
    <row r="9971" spans="1:10" x14ac:dyDescent="0.35">
      <c r="A9971" t="s">
        <v>62</v>
      </c>
      <c r="B9971" t="s">
        <v>63</v>
      </c>
      <c r="C9971" t="s">
        <v>117</v>
      </c>
      <c r="D9971" t="s">
        <v>118</v>
      </c>
      <c r="E9971">
        <v>2013</v>
      </c>
      <c r="F9971">
        <v>2013</v>
      </c>
      <c r="G9971" t="s">
        <v>126</v>
      </c>
      <c r="H9971" t="s">
        <v>122</v>
      </c>
      <c r="I9971" t="s">
        <v>15</v>
      </c>
      <c r="J9971" s="10">
        <v>17.963024860000001</v>
      </c>
    </row>
    <row r="9972" spans="1:10" x14ac:dyDescent="0.35">
      <c r="A9972" t="s">
        <v>62</v>
      </c>
      <c r="B9972" t="s">
        <v>63</v>
      </c>
      <c r="C9972" t="s">
        <v>117</v>
      </c>
      <c r="D9972" t="s">
        <v>118</v>
      </c>
      <c r="E9972">
        <v>2013</v>
      </c>
      <c r="F9972">
        <v>2013</v>
      </c>
      <c r="G9972" t="s">
        <v>126</v>
      </c>
      <c r="H9972" t="s">
        <v>123</v>
      </c>
      <c r="I9972" t="s">
        <v>15</v>
      </c>
      <c r="J9972" s="10">
        <v>14.124090410000001</v>
      </c>
    </row>
    <row r="9973" spans="1:10" x14ac:dyDescent="0.35">
      <c r="A9973" t="s">
        <v>62</v>
      </c>
      <c r="B9973" t="s">
        <v>63</v>
      </c>
      <c r="C9973" t="s">
        <v>117</v>
      </c>
      <c r="D9973" t="s">
        <v>118</v>
      </c>
      <c r="E9973">
        <v>2013</v>
      </c>
      <c r="F9973">
        <v>2013</v>
      </c>
      <c r="G9973" t="s">
        <v>126</v>
      </c>
      <c r="H9973" t="s">
        <v>124</v>
      </c>
      <c r="I9973" t="s">
        <v>15</v>
      </c>
      <c r="J9973" s="10">
        <v>3.3221053710000001</v>
      </c>
    </row>
    <row r="9974" spans="1:10" x14ac:dyDescent="0.35">
      <c r="A9974" t="s">
        <v>62</v>
      </c>
      <c r="B9974" t="s">
        <v>63</v>
      </c>
      <c r="C9974" t="s">
        <v>117</v>
      </c>
      <c r="D9974" t="s">
        <v>118</v>
      </c>
      <c r="E9974">
        <v>2012</v>
      </c>
      <c r="F9974">
        <v>2012</v>
      </c>
      <c r="G9974" t="s">
        <v>14</v>
      </c>
      <c r="H9974" t="s">
        <v>119</v>
      </c>
      <c r="I9974" t="s">
        <v>15</v>
      </c>
      <c r="J9974" s="10">
        <v>18.57533579</v>
      </c>
    </row>
    <row r="9975" spans="1:10" x14ac:dyDescent="0.35">
      <c r="A9975" t="s">
        <v>62</v>
      </c>
      <c r="B9975" t="s">
        <v>63</v>
      </c>
      <c r="C9975" t="s">
        <v>117</v>
      </c>
      <c r="D9975" t="s">
        <v>118</v>
      </c>
      <c r="E9975">
        <v>2012</v>
      </c>
      <c r="F9975">
        <v>2012</v>
      </c>
      <c r="G9975" t="s">
        <v>14</v>
      </c>
      <c r="H9975" t="s">
        <v>120</v>
      </c>
      <c r="I9975" t="s">
        <v>15</v>
      </c>
      <c r="J9975" s="10">
        <v>11.38431542</v>
      </c>
    </row>
    <row r="9976" spans="1:10" x14ac:dyDescent="0.35">
      <c r="A9976" t="s">
        <v>62</v>
      </c>
      <c r="B9976" t="s">
        <v>63</v>
      </c>
      <c r="C9976" t="s">
        <v>117</v>
      </c>
      <c r="D9976" t="s">
        <v>118</v>
      </c>
      <c r="E9976">
        <v>2012</v>
      </c>
      <c r="F9976">
        <v>2012</v>
      </c>
      <c r="G9976" t="s">
        <v>14</v>
      </c>
      <c r="H9976" t="s">
        <v>121</v>
      </c>
      <c r="I9976" t="s">
        <v>15</v>
      </c>
      <c r="J9976" s="10">
        <v>37.283362220000001</v>
      </c>
    </row>
    <row r="9977" spans="1:10" x14ac:dyDescent="0.35">
      <c r="A9977" t="s">
        <v>62</v>
      </c>
      <c r="B9977" t="s">
        <v>63</v>
      </c>
      <c r="C9977" t="s">
        <v>117</v>
      </c>
      <c r="D9977" t="s">
        <v>118</v>
      </c>
      <c r="E9977">
        <v>2012</v>
      </c>
      <c r="F9977">
        <v>2012</v>
      </c>
      <c r="G9977" t="s">
        <v>14</v>
      </c>
      <c r="H9977" t="s">
        <v>122</v>
      </c>
      <c r="I9977" t="s">
        <v>15</v>
      </c>
      <c r="J9977" s="10">
        <v>17.643793330000001</v>
      </c>
    </row>
    <row r="9978" spans="1:10" x14ac:dyDescent="0.35">
      <c r="A9978" t="s">
        <v>62</v>
      </c>
      <c r="B9978" t="s">
        <v>63</v>
      </c>
      <c r="C9978" t="s">
        <v>117</v>
      </c>
      <c r="D9978" t="s">
        <v>118</v>
      </c>
      <c r="E9978">
        <v>2012</v>
      </c>
      <c r="F9978">
        <v>2012</v>
      </c>
      <c r="G9978" t="s">
        <v>14</v>
      </c>
      <c r="H9978" t="s">
        <v>123</v>
      </c>
      <c r="I9978" t="s">
        <v>15</v>
      </c>
      <c r="J9978" s="10">
        <v>12.7247617</v>
      </c>
    </row>
    <row r="9979" spans="1:10" x14ac:dyDescent="0.35">
      <c r="A9979" t="s">
        <v>62</v>
      </c>
      <c r="B9979" t="s">
        <v>63</v>
      </c>
      <c r="C9979" t="s">
        <v>117</v>
      </c>
      <c r="D9979" t="s">
        <v>118</v>
      </c>
      <c r="E9979">
        <v>2012</v>
      </c>
      <c r="F9979">
        <v>2012</v>
      </c>
      <c r="G9979" t="s">
        <v>14</v>
      </c>
      <c r="H9979" t="s">
        <v>124</v>
      </c>
      <c r="I9979" t="s">
        <v>15</v>
      </c>
      <c r="J9979" s="10">
        <v>2.3884315420000002</v>
      </c>
    </row>
    <row r="9980" spans="1:10" x14ac:dyDescent="0.35">
      <c r="A9980" t="s">
        <v>62</v>
      </c>
      <c r="B9980" t="s">
        <v>63</v>
      </c>
      <c r="C9980" t="s">
        <v>117</v>
      </c>
      <c r="D9980" t="s">
        <v>118</v>
      </c>
      <c r="E9980">
        <v>2012</v>
      </c>
      <c r="F9980">
        <v>2012</v>
      </c>
      <c r="G9980" t="s">
        <v>125</v>
      </c>
      <c r="H9980" t="s">
        <v>119</v>
      </c>
      <c r="I9980" t="s">
        <v>15</v>
      </c>
      <c r="J9980" s="10">
        <v>20.201933530000002</v>
      </c>
    </row>
    <row r="9981" spans="1:10" x14ac:dyDescent="0.35">
      <c r="A9981" t="s">
        <v>62</v>
      </c>
      <c r="B9981" t="s">
        <v>63</v>
      </c>
      <c r="C9981" t="s">
        <v>117</v>
      </c>
      <c r="D9981" t="s">
        <v>118</v>
      </c>
      <c r="E9981">
        <v>2012</v>
      </c>
      <c r="F9981">
        <v>2012</v>
      </c>
      <c r="G9981" t="s">
        <v>125</v>
      </c>
      <c r="H9981" t="s">
        <v>120</v>
      </c>
      <c r="I9981" t="s">
        <v>15</v>
      </c>
      <c r="J9981" s="10">
        <v>11.990160749999999</v>
      </c>
    </row>
    <row r="9982" spans="1:10" x14ac:dyDescent="0.35">
      <c r="A9982" t="s">
        <v>62</v>
      </c>
      <c r="B9982" t="s">
        <v>63</v>
      </c>
      <c r="C9982" t="s">
        <v>117</v>
      </c>
      <c r="D9982" t="s">
        <v>118</v>
      </c>
      <c r="E9982">
        <v>2012</v>
      </c>
      <c r="F9982">
        <v>2012</v>
      </c>
      <c r="G9982" t="s">
        <v>125</v>
      </c>
      <c r="H9982" t="s">
        <v>121</v>
      </c>
      <c r="I9982" t="s">
        <v>15</v>
      </c>
      <c r="J9982" s="10">
        <v>37.520736800000002</v>
      </c>
    </row>
    <row r="9983" spans="1:10" x14ac:dyDescent="0.35">
      <c r="A9983" t="s">
        <v>62</v>
      </c>
      <c r="B9983" t="s">
        <v>63</v>
      </c>
      <c r="C9983" t="s">
        <v>117</v>
      </c>
      <c r="D9983" t="s">
        <v>118</v>
      </c>
      <c r="E9983">
        <v>2012</v>
      </c>
      <c r="F9983">
        <v>2012</v>
      </c>
      <c r="G9983" t="s">
        <v>125</v>
      </c>
      <c r="H9983" t="s">
        <v>122</v>
      </c>
      <c r="I9983" t="s">
        <v>15</v>
      </c>
      <c r="J9983" s="10">
        <v>17.787883990000001</v>
      </c>
    </row>
    <row r="9984" spans="1:10" x14ac:dyDescent="0.35">
      <c r="A9984" t="s">
        <v>62</v>
      </c>
      <c r="B9984" t="s">
        <v>63</v>
      </c>
      <c r="C9984" t="s">
        <v>117</v>
      </c>
      <c r="D9984" t="s">
        <v>118</v>
      </c>
      <c r="E9984">
        <v>2012</v>
      </c>
      <c r="F9984">
        <v>2012</v>
      </c>
      <c r="G9984" t="s">
        <v>125</v>
      </c>
      <c r="H9984" t="s">
        <v>123</v>
      </c>
      <c r="I9984" t="s">
        <v>15</v>
      </c>
      <c r="J9984" s="10">
        <v>11.16068875</v>
      </c>
    </row>
    <row r="9985" spans="1:10" x14ac:dyDescent="0.35">
      <c r="A9985" t="s">
        <v>62</v>
      </c>
      <c r="B9985" t="s">
        <v>63</v>
      </c>
      <c r="C9985" t="s">
        <v>117</v>
      </c>
      <c r="D9985" t="s">
        <v>118</v>
      </c>
      <c r="E9985">
        <v>2012</v>
      </c>
      <c r="F9985">
        <v>2012</v>
      </c>
      <c r="G9985" t="s">
        <v>125</v>
      </c>
      <c r="H9985" t="s">
        <v>124</v>
      </c>
      <c r="I9985" t="s">
        <v>15</v>
      </c>
      <c r="J9985" s="10">
        <v>1.3385961900000001</v>
      </c>
    </row>
    <row r="9986" spans="1:10" x14ac:dyDescent="0.35">
      <c r="A9986" t="s">
        <v>62</v>
      </c>
      <c r="B9986" t="s">
        <v>63</v>
      </c>
      <c r="C9986" t="s">
        <v>117</v>
      </c>
      <c r="D9986" t="s">
        <v>118</v>
      </c>
      <c r="E9986">
        <v>2012</v>
      </c>
      <c r="F9986">
        <v>2012</v>
      </c>
      <c r="G9986" t="s">
        <v>126</v>
      </c>
      <c r="H9986" t="s">
        <v>119</v>
      </c>
      <c r="I9986" t="s">
        <v>15</v>
      </c>
      <c r="J9986" s="10">
        <v>17.113179410000001</v>
      </c>
    </row>
    <row r="9987" spans="1:10" x14ac:dyDescent="0.35">
      <c r="A9987" t="s">
        <v>62</v>
      </c>
      <c r="B9987" t="s">
        <v>63</v>
      </c>
      <c r="C9987" t="s">
        <v>117</v>
      </c>
      <c r="D9987" t="s">
        <v>118</v>
      </c>
      <c r="E9987">
        <v>2012</v>
      </c>
      <c r="F9987">
        <v>2012</v>
      </c>
      <c r="G9987" t="s">
        <v>126</v>
      </c>
      <c r="H9987" t="s">
        <v>120</v>
      </c>
      <c r="I9987" t="s">
        <v>15</v>
      </c>
      <c r="J9987" s="10">
        <v>10.839718209999999</v>
      </c>
    </row>
    <row r="9988" spans="1:10" x14ac:dyDescent="0.35">
      <c r="A9988" t="s">
        <v>62</v>
      </c>
      <c r="B9988" t="s">
        <v>63</v>
      </c>
      <c r="C9988" t="s">
        <v>117</v>
      </c>
      <c r="D9988" t="s">
        <v>118</v>
      </c>
      <c r="E9988">
        <v>2012</v>
      </c>
      <c r="F9988">
        <v>2012</v>
      </c>
      <c r="G9988" t="s">
        <v>126</v>
      </c>
      <c r="H9988" t="s">
        <v>121</v>
      </c>
      <c r="I9988" t="s">
        <v>15</v>
      </c>
      <c r="J9988" s="10">
        <v>37.069985090000003</v>
      </c>
    </row>
    <row r="9989" spans="1:10" x14ac:dyDescent="0.35">
      <c r="A9989" t="s">
        <v>62</v>
      </c>
      <c r="B9989" t="s">
        <v>63</v>
      </c>
      <c r="C9989" t="s">
        <v>117</v>
      </c>
      <c r="D9989" t="s">
        <v>118</v>
      </c>
      <c r="E9989">
        <v>2012</v>
      </c>
      <c r="F9989">
        <v>2012</v>
      </c>
      <c r="G9989" t="s">
        <v>126</v>
      </c>
      <c r="H9989" t="s">
        <v>122</v>
      </c>
      <c r="I9989" t="s">
        <v>15</v>
      </c>
      <c r="J9989" s="10">
        <v>17.514269550000002</v>
      </c>
    </row>
    <row r="9990" spans="1:10" x14ac:dyDescent="0.35">
      <c r="A9990" t="s">
        <v>62</v>
      </c>
      <c r="B9990" t="s">
        <v>63</v>
      </c>
      <c r="C9990" t="s">
        <v>117</v>
      </c>
      <c r="D9990" t="s">
        <v>118</v>
      </c>
      <c r="E9990">
        <v>2012</v>
      </c>
      <c r="F9990">
        <v>2012</v>
      </c>
      <c r="G9990" t="s">
        <v>126</v>
      </c>
      <c r="H9990" t="s">
        <v>123</v>
      </c>
      <c r="I9990" t="s">
        <v>15</v>
      </c>
      <c r="J9990" s="10">
        <v>14.13071425</v>
      </c>
    </row>
    <row r="9991" spans="1:10" x14ac:dyDescent="0.35">
      <c r="A9991" t="s">
        <v>62</v>
      </c>
      <c r="B9991" t="s">
        <v>63</v>
      </c>
      <c r="C9991" t="s">
        <v>117</v>
      </c>
      <c r="D9991" t="s">
        <v>118</v>
      </c>
      <c r="E9991">
        <v>2012</v>
      </c>
      <c r="F9991">
        <v>2012</v>
      </c>
      <c r="G9991" t="s">
        <v>126</v>
      </c>
      <c r="H9991" t="s">
        <v>124</v>
      </c>
      <c r="I9991" t="s">
        <v>15</v>
      </c>
      <c r="J9991" s="10">
        <v>3.332133491</v>
      </c>
    </row>
    <row r="9992" spans="1:10" x14ac:dyDescent="0.35">
      <c r="A9992" t="s">
        <v>62</v>
      </c>
      <c r="B9992" t="s">
        <v>63</v>
      </c>
      <c r="C9992" t="s">
        <v>117</v>
      </c>
      <c r="D9992" t="s">
        <v>118</v>
      </c>
      <c r="E9992">
        <v>2011</v>
      </c>
      <c r="F9992">
        <v>2011</v>
      </c>
      <c r="G9992" t="s">
        <v>14</v>
      </c>
      <c r="H9992" t="s">
        <v>119</v>
      </c>
      <c r="I9992" t="s">
        <v>15</v>
      </c>
      <c r="J9992" s="10">
        <v>18.623794740000001</v>
      </c>
    </row>
    <row r="9993" spans="1:10" x14ac:dyDescent="0.35">
      <c r="A9993" t="s">
        <v>62</v>
      </c>
      <c r="B9993" t="s">
        <v>63</v>
      </c>
      <c r="C9993" t="s">
        <v>117</v>
      </c>
      <c r="D9993" t="s">
        <v>118</v>
      </c>
      <c r="E9993">
        <v>2011</v>
      </c>
      <c r="F9993">
        <v>2011</v>
      </c>
      <c r="G9993" t="s">
        <v>14</v>
      </c>
      <c r="H9993" t="s">
        <v>120</v>
      </c>
      <c r="I9993" t="s">
        <v>15</v>
      </c>
      <c r="J9993" s="10">
        <v>11.693947570000001</v>
      </c>
    </row>
    <row r="9994" spans="1:10" x14ac:dyDescent="0.35">
      <c r="A9994" t="s">
        <v>62</v>
      </c>
      <c r="B9994" t="s">
        <v>63</v>
      </c>
      <c r="C9994" t="s">
        <v>117</v>
      </c>
      <c r="D9994" t="s">
        <v>118</v>
      </c>
      <c r="E9994">
        <v>2011</v>
      </c>
      <c r="F9994">
        <v>2011</v>
      </c>
      <c r="G9994" t="s">
        <v>14</v>
      </c>
      <c r="H9994" t="s">
        <v>121</v>
      </c>
      <c r="I9994" t="s">
        <v>15</v>
      </c>
      <c r="J9994" s="10">
        <v>37.193344089999997</v>
      </c>
    </row>
    <row r="9995" spans="1:10" x14ac:dyDescent="0.35">
      <c r="A9995" t="s">
        <v>62</v>
      </c>
      <c r="B9995" t="s">
        <v>63</v>
      </c>
      <c r="C9995" t="s">
        <v>117</v>
      </c>
      <c r="D9995" t="s">
        <v>118</v>
      </c>
      <c r="E9995">
        <v>2011</v>
      </c>
      <c r="F9995">
        <v>2011</v>
      </c>
      <c r="G9995" t="s">
        <v>14</v>
      </c>
      <c r="H9995" t="s">
        <v>122</v>
      </c>
      <c r="I9995" t="s">
        <v>15</v>
      </c>
      <c r="J9995" s="10">
        <v>17.359877409999999</v>
      </c>
    </row>
    <row r="9996" spans="1:10" x14ac:dyDescent="0.35">
      <c r="A9996" t="s">
        <v>62</v>
      </c>
      <c r="B9996" t="s">
        <v>63</v>
      </c>
      <c r="C9996" t="s">
        <v>117</v>
      </c>
      <c r="D9996" t="s">
        <v>118</v>
      </c>
      <c r="E9996">
        <v>2011</v>
      </c>
      <c r="F9996">
        <v>2011</v>
      </c>
      <c r="G9996" t="s">
        <v>14</v>
      </c>
      <c r="H9996" t="s">
        <v>123</v>
      </c>
      <c r="I9996" t="s">
        <v>15</v>
      </c>
      <c r="J9996" s="10">
        <v>12.67307666</v>
      </c>
    </row>
    <row r="9997" spans="1:10" x14ac:dyDescent="0.35">
      <c r="A9997" t="s">
        <v>62</v>
      </c>
      <c r="B9997" t="s">
        <v>63</v>
      </c>
      <c r="C9997" t="s">
        <v>117</v>
      </c>
      <c r="D9997" t="s">
        <v>118</v>
      </c>
      <c r="E9997">
        <v>2011</v>
      </c>
      <c r="F9997">
        <v>2011</v>
      </c>
      <c r="G9997" t="s">
        <v>14</v>
      </c>
      <c r="H9997" t="s">
        <v>124</v>
      </c>
      <c r="I9997" t="s">
        <v>15</v>
      </c>
      <c r="J9997" s="10">
        <v>2.4559595330000001</v>
      </c>
    </row>
    <row r="9998" spans="1:10" x14ac:dyDescent="0.35">
      <c r="A9998" t="s">
        <v>62</v>
      </c>
      <c r="B9998" t="s">
        <v>63</v>
      </c>
      <c r="C9998" t="s">
        <v>117</v>
      </c>
      <c r="D9998" t="s">
        <v>118</v>
      </c>
      <c r="E9998">
        <v>2011</v>
      </c>
      <c r="F9998">
        <v>2011</v>
      </c>
      <c r="G9998" t="s">
        <v>125</v>
      </c>
      <c r="H9998" t="s">
        <v>119</v>
      </c>
      <c r="I9998" t="s">
        <v>15</v>
      </c>
      <c r="J9998" s="10">
        <v>20.258979589999999</v>
      </c>
    </row>
    <row r="9999" spans="1:10" x14ac:dyDescent="0.35">
      <c r="A9999" t="s">
        <v>62</v>
      </c>
      <c r="B9999" t="s">
        <v>63</v>
      </c>
      <c r="C9999" t="s">
        <v>117</v>
      </c>
      <c r="D9999" t="s">
        <v>118</v>
      </c>
      <c r="E9999">
        <v>2011</v>
      </c>
      <c r="F9999">
        <v>2011</v>
      </c>
      <c r="G9999" t="s">
        <v>125</v>
      </c>
      <c r="H9999" t="s">
        <v>120</v>
      </c>
      <c r="I9999" t="s">
        <v>15</v>
      </c>
      <c r="J9999" s="10">
        <v>12.17663441</v>
      </c>
    </row>
    <row r="10000" spans="1:10" x14ac:dyDescent="0.35">
      <c r="A10000" t="s">
        <v>62</v>
      </c>
      <c r="B10000" t="s">
        <v>63</v>
      </c>
      <c r="C10000" t="s">
        <v>117</v>
      </c>
      <c r="D10000" t="s">
        <v>118</v>
      </c>
      <c r="E10000">
        <v>2011</v>
      </c>
      <c r="F10000">
        <v>2011</v>
      </c>
      <c r="G10000" t="s">
        <v>125</v>
      </c>
      <c r="H10000" t="s">
        <v>121</v>
      </c>
      <c r="I10000" t="s">
        <v>15</v>
      </c>
      <c r="J10000" s="10">
        <v>37.569266990000003</v>
      </c>
    </row>
    <row r="10001" spans="1:10" x14ac:dyDescent="0.35">
      <c r="A10001" t="s">
        <v>62</v>
      </c>
      <c r="B10001" t="s">
        <v>63</v>
      </c>
      <c r="C10001" t="s">
        <v>117</v>
      </c>
      <c r="D10001" t="s">
        <v>118</v>
      </c>
      <c r="E10001">
        <v>2011</v>
      </c>
      <c r="F10001">
        <v>2011</v>
      </c>
      <c r="G10001" t="s">
        <v>125</v>
      </c>
      <c r="H10001" t="s">
        <v>122</v>
      </c>
      <c r="I10001" t="s">
        <v>15</v>
      </c>
      <c r="J10001" s="10">
        <v>17.591662119999999</v>
      </c>
    </row>
    <row r="10002" spans="1:10" x14ac:dyDescent="0.35">
      <c r="A10002" t="s">
        <v>62</v>
      </c>
      <c r="B10002" t="s">
        <v>63</v>
      </c>
      <c r="C10002" t="s">
        <v>117</v>
      </c>
      <c r="D10002" t="s">
        <v>118</v>
      </c>
      <c r="E10002">
        <v>2011</v>
      </c>
      <c r="F10002">
        <v>2011</v>
      </c>
      <c r="G10002" t="s">
        <v>125</v>
      </c>
      <c r="H10002" t="s">
        <v>123</v>
      </c>
      <c r="I10002" t="s">
        <v>15</v>
      </c>
      <c r="J10002" s="10">
        <v>10.99658331</v>
      </c>
    </row>
    <row r="10003" spans="1:10" x14ac:dyDescent="0.35">
      <c r="A10003" t="s">
        <v>62</v>
      </c>
      <c r="B10003" t="s">
        <v>63</v>
      </c>
      <c r="C10003" t="s">
        <v>117</v>
      </c>
      <c r="D10003" t="s">
        <v>118</v>
      </c>
      <c r="E10003">
        <v>2011</v>
      </c>
      <c r="F10003">
        <v>2011</v>
      </c>
      <c r="G10003" t="s">
        <v>125</v>
      </c>
      <c r="H10003" t="s">
        <v>124</v>
      </c>
      <c r="I10003" t="s">
        <v>15</v>
      </c>
      <c r="J10003" s="10">
        <v>1.406873582</v>
      </c>
    </row>
    <row r="10004" spans="1:10" x14ac:dyDescent="0.35">
      <c r="A10004" t="s">
        <v>62</v>
      </c>
      <c r="B10004" t="s">
        <v>63</v>
      </c>
      <c r="C10004" t="s">
        <v>117</v>
      </c>
      <c r="D10004" t="s">
        <v>118</v>
      </c>
      <c r="E10004">
        <v>2011</v>
      </c>
      <c r="F10004">
        <v>2011</v>
      </c>
      <c r="G10004" t="s">
        <v>126</v>
      </c>
      <c r="H10004" t="s">
        <v>119</v>
      </c>
      <c r="I10004" t="s">
        <v>15</v>
      </c>
      <c r="J10004" s="10">
        <v>17.160113079999999</v>
      </c>
    </row>
    <row r="10005" spans="1:10" x14ac:dyDescent="0.35">
      <c r="A10005" t="s">
        <v>62</v>
      </c>
      <c r="B10005" t="s">
        <v>63</v>
      </c>
      <c r="C10005" t="s">
        <v>117</v>
      </c>
      <c r="D10005" t="s">
        <v>118</v>
      </c>
      <c r="E10005">
        <v>2011</v>
      </c>
      <c r="F10005">
        <v>2011</v>
      </c>
      <c r="G10005" t="s">
        <v>126</v>
      </c>
      <c r="H10005" t="s">
        <v>120</v>
      </c>
      <c r="I10005" t="s">
        <v>15</v>
      </c>
      <c r="J10005" s="10">
        <v>11.2618864</v>
      </c>
    </row>
    <row r="10006" spans="1:10" x14ac:dyDescent="0.35">
      <c r="A10006" t="s">
        <v>62</v>
      </c>
      <c r="B10006" t="s">
        <v>63</v>
      </c>
      <c r="C10006" t="s">
        <v>117</v>
      </c>
      <c r="D10006" t="s">
        <v>118</v>
      </c>
      <c r="E10006">
        <v>2011</v>
      </c>
      <c r="F10006">
        <v>2011</v>
      </c>
      <c r="G10006" t="s">
        <v>126</v>
      </c>
      <c r="H10006" t="s">
        <v>121</v>
      </c>
      <c r="I10006" t="s">
        <v>15</v>
      </c>
      <c r="J10006" s="10">
        <v>36.856849140000001</v>
      </c>
    </row>
    <row r="10007" spans="1:10" x14ac:dyDescent="0.35">
      <c r="A10007" t="s">
        <v>62</v>
      </c>
      <c r="B10007" t="s">
        <v>63</v>
      </c>
      <c r="C10007" t="s">
        <v>117</v>
      </c>
      <c r="D10007" t="s">
        <v>118</v>
      </c>
      <c r="E10007">
        <v>2011</v>
      </c>
      <c r="F10007">
        <v>2011</v>
      </c>
      <c r="G10007" t="s">
        <v>126</v>
      </c>
      <c r="H10007" t="s">
        <v>122</v>
      </c>
      <c r="I10007" t="s">
        <v>15</v>
      </c>
      <c r="J10007" s="10">
        <v>17.152402980000002</v>
      </c>
    </row>
    <row r="10008" spans="1:10" x14ac:dyDescent="0.35">
      <c r="A10008" t="s">
        <v>62</v>
      </c>
      <c r="B10008" t="s">
        <v>63</v>
      </c>
      <c r="C10008" t="s">
        <v>117</v>
      </c>
      <c r="D10008" t="s">
        <v>118</v>
      </c>
      <c r="E10008">
        <v>2011</v>
      </c>
      <c r="F10008">
        <v>2011</v>
      </c>
      <c r="G10008" t="s">
        <v>126</v>
      </c>
      <c r="H10008" t="s">
        <v>123</v>
      </c>
      <c r="I10008" t="s">
        <v>15</v>
      </c>
      <c r="J10008" s="10">
        <v>14.17373426</v>
      </c>
    </row>
    <row r="10009" spans="1:10" x14ac:dyDescent="0.35">
      <c r="A10009" t="s">
        <v>62</v>
      </c>
      <c r="B10009" t="s">
        <v>63</v>
      </c>
      <c r="C10009" t="s">
        <v>117</v>
      </c>
      <c r="D10009" t="s">
        <v>118</v>
      </c>
      <c r="E10009">
        <v>2011</v>
      </c>
      <c r="F10009">
        <v>2011</v>
      </c>
      <c r="G10009" t="s">
        <v>126</v>
      </c>
      <c r="H10009" t="s">
        <v>124</v>
      </c>
      <c r="I10009" t="s">
        <v>15</v>
      </c>
      <c r="J10009" s="10">
        <v>3.3950141349999998</v>
      </c>
    </row>
    <row r="10010" spans="1:10" x14ac:dyDescent="0.35">
      <c r="A10010" t="s">
        <v>62</v>
      </c>
      <c r="B10010" t="s">
        <v>64</v>
      </c>
      <c r="C10010" t="s">
        <v>117</v>
      </c>
      <c r="D10010" t="s">
        <v>118</v>
      </c>
      <c r="E10010">
        <v>2020</v>
      </c>
      <c r="F10010">
        <v>2020</v>
      </c>
      <c r="G10010" t="s">
        <v>14</v>
      </c>
      <c r="H10010" t="s">
        <v>119</v>
      </c>
      <c r="I10010" t="s">
        <v>15</v>
      </c>
      <c r="J10010" s="10">
        <v>15.948166459999999</v>
      </c>
    </row>
    <row r="10011" spans="1:10" x14ac:dyDescent="0.35">
      <c r="A10011" t="s">
        <v>62</v>
      </c>
      <c r="B10011" t="s">
        <v>64</v>
      </c>
      <c r="C10011" t="s">
        <v>117</v>
      </c>
      <c r="D10011" t="s">
        <v>118</v>
      </c>
      <c r="E10011">
        <v>2020</v>
      </c>
      <c r="F10011">
        <v>2020</v>
      </c>
      <c r="G10011" t="s">
        <v>14</v>
      </c>
      <c r="H10011" t="s">
        <v>120</v>
      </c>
      <c r="I10011" t="s">
        <v>15</v>
      </c>
      <c r="J10011" s="10">
        <v>8.2332509520000006</v>
      </c>
    </row>
    <row r="10012" spans="1:10" x14ac:dyDescent="0.35">
      <c r="A10012" t="s">
        <v>62</v>
      </c>
      <c r="B10012" t="s">
        <v>64</v>
      </c>
      <c r="C10012" t="s">
        <v>117</v>
      </c>
      <c r="D10012" t="s">
        <v>118</v>
      </c>
      <c r="E10012">
        <v>2020</v>
      </c>
      <c r="F10012">
        <v>2020</v>
      </c>
      <c r="G10012" t="s">
        <v>14</v>
      </c>
      <c r="H10012" t="s">
        <v>121</v>
      </c>
      <c r="I10012" t="s">
        <v>15</v>
      </c>
      <c r="J10012" s="10">
        <v>40.586467169999999</v>
      </c>
    </row>
    <row r="10013" spans="1:10" x14ac:dyDescent="0.35">
      <c r="A10013" t="s">
        <v>62</v>
      </c>
      <c r="B10013" t="s">
        <v>64</v>
      </c>
      <c r="C10013" t="s">
        <v>117</v>
      </c>
      <c r="D10013" t="s">
        <v>118</v>
      </c>
      <c r="E10013">
        <v>2020</v>
      </c>
      <c r="F10013">
        <v>2020</v>
      </c>
      <c r="G10013" t="s">
        <v>14</v>
      </c>
      <c r="H10013" t="s">
        <v>122</v>
      </c>
      <c r="I10013" t="s">
        <v>15</v>
      </c>
      <c r="J10013" s="10">
        <v>19.440251150000002</v>
      </c>
    </row>
    <row r="10014" spans="1:10" x14ac:dyDescent="0.35">
      <c r="A10014" t="s">
        <v>62</v>
      </c>
      <c r="B10014" t="s">
        <v>64</v>
      </c>
      <c r="C10014" t="s">
        <v>117</v>
      </c>
      <c r="D10014" t="s">
        <v>118</v>
      </c>
      <c r="E10014">
        <v>2020</v>
      </c>
      <c r="F10014">
        <v>2020</v>
      </c>
      <c r="G10014" t="s">
        <v>14</v>
      </c>
      <c r="H10014" t="s">
        <v>123</v>
      </c>
      <c r="I10014" t="s">
        <v>15</v>
      </c>
      <c r="J10014" s="10">
        <v>13.94696413</v>
      </c>
    </row>
    <row r="10015" spans="1:10" x14ac:dyDescent="0.35">
      <c r="A10015" t="s">
        <v>62</v>
      </c>
      <c r="B10015" t="s">
        <v>64</v>
      </c>
      <c r="C10015" t="s">
        <v>117</v>
      </c>
      <c r="D10015" t="s">
        <v>118</v>
      </c>
      <c r="E10015">
        <v>2020</v>
      </c>
      <c r="F10015">
        <v>2020</v>
      </c>
      <c r="G10015" t="s">
        <v>14</v>
      </c>
      <c r="H10015" t="s">
        <v>124</v>
      </c>
      <c r="I10015" t="s">
        <v>15</v>
      </c>
      <c r="J10015" s="10">
        <v>1.84490014</v>
      </c>
    </row>
    <row r="10016" spans="1:10" x14ac:dyDescent="0.35">
      <c r="A10016" t="s">
        <v>62</v>
      </c>
      <c r="B10016" t="s">
        <v>64</v>
      </c>
      <c r="C10016" t="s">
        <v>117</v>
      </c>
      <c r="D10016" t="s">
        <v>118</v>
      </c>
      <c r="E10016">
        <v>2020</v>
      </c>
      <c r="F10016">
        <v>2020</v>
      </c>
      <c r="G10016" t="s">
        <v>125</v>
      </c>
      <c r="H10016" t="s">
        <v>119</v>
      </c>
      <c r="I10016" t="s">
        <v>15</v>
      </c>
      <c r="J10016" s="10">
        <v>16.709532899999999</v>
      </c>
    </row>
    <row r="10017" spans="1:10" x14ac:dyDescent="0.35">
      <c r="A10017" t="s">
        <v>62</v>
      </c>
      <c r="B10017" t="s">
        <v>64</v>
      </c>
      <c r="C10017" t="s">
        <v>117</v>
      </c>
      <c r="D10017" t="s">
        <v>118</v>
      </c>
      <c r="E10017">
        <v>2020</v>
      </c>
      <c r="F10017">
        <v>2020</v>
      </c>
      <c r="G10017" t="s">
        <v>125</v>
      </c>
      <c r="H10017" t="s">
        <v>120</v>
      </c>
      <c r="I10017" t="s">
        <v>15</v>
      </c>
      <c r="J10017" s="10">
        <v>8.6396194590000004</v>
      </c>
    </row>
    <row r="10018" spans="1:10" x14ac:dyDescent="0.35">
      <c r="A10018" t="s">
        <v>62</v>
      </c>
      <c r="B10018" t="s">
        <v>64</v>
      </c>
      <c r="C10018" t="s">
        <v>117</v>
      </c>
      <c r="D10018" t="s">
        <v>118</v>
      </c>
      <c r="E10018">
        <v>2020</v>
      </c>
      <c r="F10018">
        <v>2020</v>
      </c>
      <c r="G10018" t="s">
        <v>125</v>
      </c>
      <c r="H10018" t="s">
        <v>121</v>
      </c>
      <c r="I10018" t="s">
        <v>15</v>
      </c>
      <c r="J10018" s="10">
        <v>41.42537128</v>
      </c>
    </row>
    <row r="10019" spans="1:10" x14ac:dyDescent="0.35">
      <c r="A10019" t="s">
        <v>62</v>
      </c>
      <c r="B10019" t="s">
        <v>64</v>
      </c>
      <c r="C10019" t="s">
        <v>117</v>
      </c>
      <c r="D10019" t="s">
        <v>118</v>
      </c>
      <c r="E10019">
        <v>2020</v>
      </c>
      <c r="F10019">
        <v>2020</v>
      </c>
      <c r="G10019" t="s">
        <v>125</v>
      </c>
      <c r="H10019" t="s">
        <v>122</v>
      </c>
      <c r="I10019" t="s">
        <v>15</v>
      </c>
      <c r="J10019" s="10">
        <v>18.872203320000001</v>
      </c>
    </row>
    <row r="10020" spans="1:10" x14ac:dyDescent="0.35">
      <c r="A10020" t="s">
        <v>62</v>
      </c>
      <c r="B10020" t="s">
        <v>64</v>
      </c>
      <c r="C10020" t="s">
        <v>117</v>
      </c>
      <c r="D10020" t="s">
        <v>118</v>
      </c>
      <c r="E10020">
        <v>2020</v>
      </c>
      <c r="F10020">
        <v>2020</v>
      </c>
      <c r="G10020" t="s">
        <v>125</v>
      </c>
      <c r="H10020" t="s">
        <v>123</v>
      </c>
      <c r="I10020" t="s">
        <v>15</v>
      </c>
      <c r="J10020" s="10">
        <v>13.18620537</v>
      </c>
    </row>
    <row r="10021" spans="1:10" x14ac:dyDescent="0.35">
      <c r="A10021" t="s">
        <v>62</v>
      </c>
      <c r="B10021" t="s">
        <v>64</v>
      </c>
      <c r="C10021" t="s">
        <v>117</v>
      </c>
      <c r="D10021" t="s">
        <v>118</v>
      </c>
      <c r="E10021">
        <v>2020</v>
      </c>
      <c r="F10021">
        <v>2020</v>
      </c>
      <c r="G10021" t="s">
        <v>125</v>
      </c>
      <c r="H10021" t="s">
        <v>124</v>
      </c>
      <c r="I10021" t="s">
        <v>15</v>
      </c>
      <c r="J10021" s="10">
        <v>1.167067673</v>
      </c>
    </row>
    <row r="10022" spans="1:10" x14ac:dyDescent="0.35">
      <c r="A10022" t="s">
        <v>62</v>
      </c>
      <c r="B10022" t="s">
        <v>64</v>
      </c>
      <c r="C10022" t="s">
        <v>117</v>
      </c>
      <c r="D10022" t="s">
        <v>118</v>
      </c>
      <c r="E10022">
        <v>2020</v>
      </c>
      <c r="F10022">
        <v>2020</v>
      </c>
      <c r="G10022" t="s">
        <v>126</v>
      </c>
      <c r="H10022" t="s">
        <v>119</v>
      </c>
      <c r="I10022" t="s">
        <v>15</v>
      </c>
      <c r="J10022" s="10">
        <v>15.23671697</v>
      </c>
    </row>
    <row r="10023" spans="1:10" x14ac:dyDescent="0.35">
      <c r="A10023" t="s">
        <v>62</v>
      </c>
      <c r="B10023" t="s">
        <v>64</v>
      </c>
      <c r="C10023" t="s">
        <v>117</v>
      </c>
      <c r="D10023" t="s">
        <v>118</v>
      </c>
      <c r="E10023">
        <v>2020</v>
      </c>
      <c r="F10023">
        <v>2020</v>
      </c>
      <c r="G10023" t="s">
        <v>126</v>
      </c>
      <c r="H10023" t="s">
        <v>120</v>
      </c>
      <c r="I10023" t="s">
        <v>15</v>
      </c>
      <c r="J10023" s="10">
        <v>7.8535249120000001</v>
      </c>
    </row>
    <row r="10024" spans="1:10" x14ac:dyDescent="0.35">
      <c r="A10024" t="s">
        <v>62</v>
      </c>
      <c r="B10024" t="s">
        <v>64</v>
      </c>
      <c r="C10024" t="s">
        <v>117</v>
      </c>
      <c r="D10024" t="s">
        <v>118</v>
      </c>
      <c r="E10024">
        <v>2020</v>
      </c>
      <c r="F10024">
        <v>2020</v>
      </c>
      <c r="G10024" t="s">
        <v>126</v>
      </c>
      <c r="H10024" t="s">
        <v>121</v>
      </c>
      <c r="I10024" t="s">
        <v>15</v>
      </c>
      <c r="J10024" s="10">
        <v>39.802563569999997</v>
      </c>
    </row>
    <row r="10025" spans="1:10" x14ac:dyDescent="0.35">
      <c r="A10025" t="s">
        <v>62</v>
      </c>
      <c r="B10025" t="s">
        <v>64</v>
      </c>
      <c r="C10025" t="s">
        <v>117</v>
      </c>
      <c r="D10025" t="s">
        <v>118</v>
      </c>
      <c r="E10025">
        <v>2020</v>
      </c>
      <c r="F10025">
        <v>2020</v>
      </c>
      <c r="G10025" t="s">
        <v>126</v>
      </c>
      <c r="H10025" t="s">
        <v>122</v>
      </c>
      <c r="I10025" t="s">
        <v>15</v>
      </c>
      <c r="J10025" s="10">
        <v>19.971056440000002</v>
      </c>
    </row>
    <row r="10026" spans="1:10" x14ac:dyDescent="0.35">
      <c r="A10026" t="s">
        <v>62</v>
      </c>
      <c r="B10026" t="s">
        <v>64</v>
      </c>
      <c r="C10026" t="s">
        <v>117</v>
      </c>
      <c r="D10026" t="s">
        <v>118</v>
      </c>
      <c r="E10026">
        <v>2020</v>
      </c>
      <c r="F10026">
        <v>2020</v>
      </c>
      <c r="G10026" t="s">
        <v>126</v>
      </c>
      <c r="H10026" t="s">
        <v>123</v>
      </c>
      <c r="I10026" t="s">
        <v>15</v>
      </c>
      <c r="J10026" s="10">
        <v>14.65784577</v>
      </c>
    </row>
    <row r="10027" spans="1:10" x14ac:dyDescent="0.35">
      <c r="A10027" t="s">
        <v>62</v>
      </c>
      <c r="B10027" t="s">
        <v>64</v>
      </c>
      <c r="C10027" t="s">
        <v>117</v>
      </c>
      <c r="D10027" t="s">
        <v>118</v>
      </c>
      <c r="E10027">
        <v>2020</v>
      </c>
      <c r="F10027">
        <v>2020</v>
      </c>
      <c r="G10027" t="s">
        <v>126</v>
      </c>
      <c r="H10027" t="s">
        <v>124</v>
      </c>
      <c r="I10027" t="s">
        <v>15</v>
      </c>
      <c r="J10027" s="10">
        <v>2.4782923299999999</v>
      </c>
    </row>
    <row r="10028" spans="1:10" x14ac:dyDescent="0.35">
      <c r="A10028" t="s">
        <v>62</v>
      </c>
      <c r="B10028" t="s">
        <v>64</v>
      </c>
      <c r="C10028" t="s">
        <v>117</v>
      </c>
      <c r="D10028" t="s">
        <v>118</v>
      </c>
      <c r="E10028">
        <v>2019</v>
      </c>
      <c r="F10028">
        <v>2019</v>
      </c>
      <c r="G10028" t="s">
        <v>14</v>
      </c>
      <c r="H10028" t="s">
        <v>119</v>
      </c>
      <c r="I10028" t="s">
        <v>15</v>
      </c>
      <c r="J10028" s="10">
        <v>16.24337706</v>
      </c>
    </row>
    <row r="10029" spans="1:10" x14ac:dyDescent="0.35">
      <c r="A10029" t="s">
        <v>62</v>
      </c>
      <c r="B10029" t="s">
        <v>64</v>
      </c>
      <c r="C10029" t="s">
        <v>117</v>
      </c>
      <c r="D10029" t="s">
        <v>118</v>
      </c>
      <c r="E10029">
        <v>2019</v>
      </c>
      <c r="F10029">
        <v>2019</v>
      </c>
      <c r="G10029" t="s">
        <v>14</v>
      </c>
      <c r="H10029" t="s">
        <v>120</v>
      </c>
      <c r="I10029" t="s">
        <v>15</v>
      </c>
      <c r="J10029" s="10">
        <v>8.3185415529999993</v>
      </c>
    </row>
    <row r="10030" spans="1:10" x14ac:dyDescent="0.35">
      <c r="A10030" t="s">
        <v>62</v>
      </c>
      <c r="B10030" t="s">
        <v>64</v>
      </c>
      <c r="C10030" t="s">
        <v>117</v>
      </c>
      <c r="D10030" t="s">
        <v>118</v>
      </c>
      <c r="E10030">
        <v>2019</v>
      </c>
      <c r="F10030">
        <v>2019</v>
      </c>
      <c r="G10030" t="s">
        <v>14</v>
      </c>
      <c r="H10030" t="s">
        <v>121</v>
      </c>
      <c r="I10030" t="s">
        <v>15</v>
      </c>
      <c r="J10030" s="10">
        <v>40.280799160000001</v>
      </c>
    </row>
    <row r="10031" spans="1:10" x14ac:dyDescent="0.35">
      <c r="A10031" t="s">
        <v>62</v>
      </c>
      <c r="B10031" t="s">
        <v>64</v>
      </c>
      <c r="C10031" t="s">
        <v>117</v>
      </c>
      <c r="D10031" t="s">
        <v>118</v>
      </c>
      <c r="E10031">
        <v>2019</v>
      </c>
      <c r="F10031">
        <v>2019</v>
      </c>
      <c r="G10031" t="s">
        <v>14</v>
      </c>
      <c r="H10031" t="s">
        <v>122</v>
      </c>
      <c r="I10031" t="s">
        <v>15</v>
      </c>
      <c r="J10031" s="10">
        <v>19.482443379999999</v>
      </c>
    </row>
    <row r="10032" spans="1:10" x14ac:dyDescent="0.35">
      <c r="A10032" t="s">
        <v>62</v>
      </c>
      <c r="B10032" t="s">
        <v>64</v>
      </c>
      <c r="C10032" t="s">
        <v>117</v>
      </c>
      <c r="D10032" t="s">
        <v>118</v>
      </c>
      <c r="E10032">
        <v>2019</v>
      </c>
      <c r="F10032">
        <v>2019</v>
      </c>
      <c r="G10032" t="s">
        <v>14</v>
      </c>
      <c r="H10032" t="s">
        <v>123</v>
      </c>
      <c r="I10032" t="s">
        <v>15</v>
      </c>
      <c r="J10032" s="10">
        <v>13.77170388</v>
      </c>
    </row>
    <row r="10033" spans="1:10" x14ac:dyDescent="0.35">
      <c r="A10033" t="s">
        <v>62</v>
      </c>
      <c r="B10033" t="s">
        <v>64</v>
      </c>
      <c r="C10033" t="s">
        <v>117</v>
      </c>
      <c r="D10033" t="s">
        <v>118</v>
      </c>
      <c r="E10033">
        <v>2019</v>
      </c>
      <c r="F10033">
        <v>2019</v>
      </c>
      <c r="G10033" t="s">
        <v>14</v>
      </c>
      <c r="H10033" t="s">
        <v>124</v>
      </c>
      <c r="I10033" t="s">
        <v>15</v>
      </c>
      <c r="J10033" s="10">
        <v>1.903134968</v>
      </c>
    </row>
    <row r="10034" spans="1:10" x14ac:dyDescent="0.35">
      <c r="A10034" t="s">
        <v>62</v>
      </c>
      <c r="B10034" t="s">
        <v>64</v>
      </c>
      <c r="C10034" t="s">
        <v>117</v>
      </c>
      <c r="D10034" t="s">
        <v>118</v>
      </c>
      <c r="E10034">
        <v>2019</v>
      </c>
      <c r="F10034">
        <v>2019</v>
      </c>
      <c r="G10034" t="s">
        <v>125</v>
      </c>
      <c r="H10034" t="s">
        <v>119</v>
      </c>
      <c r="I10034" t="s">
        <v>15</v>
      </c>
      <c r="J10034" s="10">
        <v>17.073035269999998</v>
      </c>
    </row>
    <row r="10035" spans="1:10" x14ac:dyDescent="0.35">
      <c r="A10035" t="s">
        <v>62</v>
      </c>
      <c r="B10035" t="s">
        <v>64</v>
      </c>
      <c r="C10035" t="s">
        <v>117</v>
      </c>
      <c r="D10035" t="s">
        <v>118</v>
      </c>
      <c r="E10035">
        <v>2019</v>
      </c>
      <c r="F10035">
        <v>2019</v>
      </c>
      <c r="G10035" t="s">
        <v>125</v>
      </c>
      <c r="H10035" t="s">
        <v>120</v>
      </c>
      <c r="I10035" t="s">
        <v>15</v>
      </c>
      <c r="J10035" s="10">
        <v>8.6087197999999994</v>
      </c>
    </row>
    <row r="10036" spans="1:10" x14ac:dyDescent="0.35">
      <c r="A10036" t="s">
        <v>62</v>
      </c>
      <c r="B10036" t="s">
        <v>64</v>
      </c>
      <c r="C10036" t="s">
        <v>117</v>
      </c>
      <c r="D10036" t="s">
        <v>118</v>
      </c>
      <c r="E10036">
        <v>2019</v>
      </c>
      <c r="F10036">
        <v>2019</v>
      </c>
      <c r="G10036" t="s">
        <v>125</v>
      </c>
      <c r="H10036" t="s">
        <v>121</v>
      </c>
      <c r="I10036" t="s">
        <v>15</v>
      </c>
      <c r="J10036" s="10">
        <v>41.144126630000002</v>
      </c>
    </row>
    <row r="10037" spans="1:10" x14ac:dyDescent="0.35">
      <c r="A10037" t="s">
        <v>62</v>
      </c>
      <c r="B10037" t="s">
        <v>64</v>
      </c>
      <c r="C10037" t="s">
        <v>117</v>
      </c>
      <c r="D10037" t="s">
        <v>118</v>
      </c>
      <c r="E10037">
        <v>2019</v>
      </c>
      <c r="F10037">
        <v>2019</v>
      </c>
      <c r="G10037" t="s">
        <v>125</v>
      </c>
      <c r="H10037" t="s">
        <v>122</v>
      </c>
      <c r="I10037" t="s">
        <v>15</v>
      </c>
      <c r="J10037" s="10">
        <v>18.97250764</v>
      </c>
    </row>
    <row r="10038" spans="1:10" x14ac:dyDescent="0.35">
      <c r="A10038" t="s">
        <v>62</v>
      </c>
      <c r="B10038" t="s">
        <v>64</v>
      </c>
      <c r="C10038" t="s">
        <v>117</v>
      </c>
      <c r="D10038" t="s">
        <v>118</v>
      </c>
      <c r="E10038">
        <v>2019</v>
      </c>
      <c r="F10038">
        <v>2019</v>
      </c>
      <c r="G10038" t="s">
        <v>125</v>
      </c>
      <c r="H10038" t="s">
        <v>123</v>
      </c>
      <c r="I10038" t="s">
        <v>15</v>
      </c>
      <c r="J10038" s="10">
        <v>13.04082199</v>
      </c>
    </row>
    <row r="10039" spans="1:10" x14ac:dyDescent="0.35">
      <c r="A10039" t="s">
        <v>62</v>
      </c>
      <c r="B10039" t="s">
        <v>64</v>
      </c>
      <c r="C10039" t="s">
        <v>117</v>
      </c>
      <c r="D10039" t="s">
        <v>118</v>
      </c>
      <c r="E10039">
        <v>2019</v>
      </c>
      <c r="F10039">
        <v>2019</v>
      </c>
      <c r="G10039" t="s">
        <v>125</v>
      </c>
      <c r="H10039" t="s">
        <v>124</v>
      </c>
      <c r="I10039" t="s">
        <v>15</v>
      </c>
      <c r="J10039" s="10">
        <v>1.1607886700000001</v>
      </c>
    </row>
    <row r="10040" spans="1:10" x14ac:dyDescent="0.35">
      <c r="A10040" t="s">
        <v>62</v>
      </c>
      <c r="B10040" t="s">
        <v>64</v>
      </c>
      <c r="C10040" t="s">
        <v>117</v>
      </c>
      <c r="D10040" t="s">
        <v>118</v>
      </c>
      <c r="E10040">
        <v>2019</v>
      </c>
      <c r="F10040">
        <v>2019</v>
      </c>
      <c r="G10040" t="s">
        <v>126</v>
      </c>
      <c r="H10040" t="s">
        <v>119</v>
      </c>
      <c r="I10040" t="s">
        <v>15</v>
      </c>
      <c r="J10040" s="10">
        <v>15.47573165</v>
      </c>
    </row>
    <row r="10041" spans="1:10" x14ac:dyDescent="0.35">
      <c r="A10041" t="s">
        <v>62</v>
      </c>
      <c r="B10041" t="s">
        <v>64</v>
      </c>
      <c r="C10041" t="s">
        <v>117</v>
      </c>
      <c r="D10041" t="s">
        <v>118</v>
      </c>
      <c r="E10041">
        <v>2019</v>
      </c>
      <c r="F10041">
        <v>2019</v>
      </c>
      <c r="G10041" t="s">
        <v>126</v>
      </c>
      <c r="H10041" t="s">
        <v>120</v>
      </c>
      <c r="I10041" t="s">
        <v>15</v>
      </c>
      <c r="J10041" s="10">
        <v>8.0500526739999998</v>
      </c>
    </row>
    <row r="10042" spans="1:10" x14ac:dyDescent="0.35">
      <c r="A10042" t="s">
        <v>62</v>
      </c>
      <c r="B10042" t="s">
        <v>64</v>
      </c>
      <c r="C10042" t="s">
        <v>117</v>
      </c>
      <c r="D10042" t="s">
        <v>118</v>
      </c>
      <c r="E10042">
        <v>2019</v>
      </c>
      <c r="F10042">
        <v>2019</v>
      </c>
      <c r="G10042" t="s">
        <v>126</v>
      </c>
      <c r="H10042" t="s">
        <v>121</v>
      </c>
      <c r="I10042" t="s">
        <v>15</v>
      </c>
      <c r="J10042" s="10">
        <v>39.482001080000003</v>
      </c>
    </row>
    <row r="10043" spans="1:10" x14ac:dyDescent="0.35">
      <c r="A10043" t="s">
        <v>62</v>
      </c>
      <c r="B10043" t="s">
        <v>64</v>
      </c>
      <c r="C10043" t="s">
        <v>117</v>
      </c>
      <c r="D10043" t="s">
        <v>118</v>
      </c>
      <c r="E10043">
        <v>2019</v>
      </c>
      <c r="F10043">
        <v>2019</v>
      </c>
      <c r="G10043" t="s">
        <v>126</v>
      </c>
      <c r="H10043" t="s">
        <v>122</v>
      </c>
      <c r="I10043" t="s">
        <v>15</v>
      </c>
      <c r="J10043" s="10">
        <v>19.95426398</v>
      </c>
    </row>
    <row r="10044" spans="1:10" x14ac:dyDescent="0.35">
      <c r="A10044" t="s">
        <v>62</v>
      </c>
      <c r="B10044" t="s">
        <v>64</v>
      </c>
      <c r="C10044" t="s">
        <v>117</v>
      </c>
      <c r="D10044" t="s">
        <v>118</v>
      </c>
      <c r="E10044">
        <v>2019</v>
      </c>
      <c r="F10044">
        <v>2019</v>
      </c>
      <c r="G10044" t="s">
        <v>126</v>
      </c>
      <c r="H10044" t="s">
        <v>123</v>
      </c>
      <c r="I10044" t="s">
        <v>15</v>
      </c>
      <c r="J10044" s="10">
        <v>14.44795601</v>
      </c>
    </row>
    <row r="10045" spans="1:10" x14ac:dyDescent="0.35">
      <c r="A10045" t="s">
        <v>62</v>
      </c>
      <c r="B10045" t="s">
        <v>64</v>
      </c>
      <c r="C10045" t="s">
        <v>117</v>
      </c>
      <c r="D10045" t="s">
        <v>118</v>
      </c>
      <c r="E10045">
        <v>2019</v>
      </c>
      <c r="F10045">
        <v>2019</v>
      </c>
      <c r="G10045" t="s">
        <v>126</v>
      </c>
      <c r="H10045" t="s">
        <v>124</v>
      </c>
      <c r="I10045" t="s">
        <v>15</v>
      </c>
      <c r="J10045" s="10">
        <v>2.5899946040000001</v>
      </c>
    </row>
    <row r="10046" spans="1:10" x14ac:dyDescent="0.35">
      <c r="A10046" t="s">
        <v>62</v>
      </c>
      <c r="B10046" t="s">
        <v>64</v>
      </c>
      <c r="C10046" t="s">
        <v>117</v>
      </c>
      <c r="D10046" t="s">
        <v>118</v>
      </c>
      <c r="E10046">
        <v>2018</v>
      </c>
      <c r="F10046">
        <v>2018</v>
      </c>
      <c r="G10046" t="s">
        <v>14</v>
      </c>
      <c r="H10046" t="s">
        <v>119</v>
      </c>
      <c r="I10046" t="s">
        <v>15</v>
      </c>
      <c r="J10046" s="10">
        <v>16.28948389</v>
      </c>
    </row>
    <row r="10047" spans="1:10" x14ac:dyDescent="0.35">
      <c r="A10047" t="s">
        <v>62</v>
      </c>
      <c r="B10047" t="s">
        <v>64</v>
      </c>
      <c r="C10047" t="s">
        <v>117</v>
      </c>
      <c r="D10047" t="s">
        <v>118</v>
      </c>
      <c r="E10047">
        <v>2018</v>
      </c>
      <c r="F10047">
        <v>2018</v>
      </c>
      <c r="G10047" t="s">
        <v>14</v>
      </c>
      <c r="H10047" t="s">
        <v>120</v>
      </c>
      <c r="I10047" t="s">
        <v>15</v>
      </c>
      <c r="J10047" s="10">
        <v>8.4775895949999995</v>
      </c>
    </row>
    <row r="10048" spans="1:10" x14ac:dyDescent="0.35">
      <c r="A10048" t="s">
        <v>62</v>
      </c>
      <c r="B10048" t="s">
        <v>64</v>
      </c>
      <c r="C10048" t="s">
        <v>117</v>
      </c>
      <c r="D10048" t="s">
        <v>118</v>
      </c>
      <c r="E10048">
        <v>2018</v>
      </c>
      <c r="F10048">
        <v>2018</v>
      </c>
      <c r="G10048" t="s">
        <v>14</v>
      </c>
      <c r="H10048" t="s">
        <v>121</v>
      </c>
      <c r="I10048" t="s">
        <v>15</v>
      </c>
      <c r="J10048" s="10">
        <v>40.205055539999996</v>
      </c>
    </row>
    <row r="10049" spans="1:10" x14ac:dyDescent="0.35">
      <c r="A10049" t="s">
        <v>62</v>
      </c>
      <c r="B10049" t="s">
        <v>64</v>
      </c>
      <c r="C10049" t="s">
        <v>117</v>
      </c>
      <c r="D10049" t="s">
        <v>118</v>
      </c>
      <c r="E10049">
        <v>2018</v>
      </c>
      <c r="F10049">
        <v>2018</v>
      </c>
      <c r="G10049" t="s">
        <v>14</v>
      </c>
      <c r="H10049" t="s">
        <v>122</v>
      </c>
      <c r="I10049" t="s">
        <v>15</v>
      </c>
      <c r="J10049" s="10">
        <v>19.536419410000001</v>
      </c>
    </row>
    <row r="10050" spans="1:10" x14ac:dyDescent="0.35">
      <c r="A10050" t="s">
        <v>62</v>
      </c>
      <c r="B10050" t="s">
        <v>64</v>
      </c>
      <c r="C10050" t="s">
        <v>117</v>
      </c>
      <c r="D10050" t="s">
        <v>118</v>
      </c>
      <c r="E10050">
        <v>2018</v>
      </c>
      <c r="F10050">
        <v>2018</v>
      </c>
      <c r="G10050" t="s">
        <v>14</v>
      </c>
      <c r="H10050" t="s">
        <v>123</v>
      </c>
      <c r="I10050" t="s">
        <v>15</v>
      </c>
      <c r="J10050" s="10">
        <v>13.575906639999999</v>
      </c>
    </row>
    <row r="10051" spans="1:10" x14ac:dyDescent="0.35">
      <c r="A10051" t="s">
        <v>62</v>
      </c>
      <c r="B10051" t="s">
        <v>64</v>
      </c>
      <c r="C10051" t="s">
        <v>117</v>
      </c>
      <c r="D10051" t="s">
        <v>118</v>
      </c>
      <c r="E10051">
        <v>2018</v>
      </c>
      <c r="F10051">
        <v>2018</v>
      </c>
      <c r="G10051" t="s">
        <v>14</v>
      </c>
      <c r="H10051" t="s">
        <v>124</v>
      </c>
      <c r="I10051" t="s">
        <v>15</v>
      </c>
      <c r="J10051" s="10">
        <v>1.915544921</v>
      </c>
    </row>
    <row r="10052" spans="1:10" x14ac:dyDescent="0.35">
      <c r="A10052" t="s">
        <v>62</v>
      </c>
      <c r="B10052" t="s">
        <v>64</v>
      </c>
      <c r="C10052" t="s">
        <v>117</v>
      </c>
      <c r="D10052" t="s">
        <v>118</v>
      </c>
      <c r="E10052">
        <v>2018</v>
      </c>
      <c r="F10052">
        <v>2018</v>
      </c>
      <c r="G10052" t="s">
        <v>125</v>
      </c>
      <c r="H10052" t="s">
        <v>119</v>
      </c>
      <c r="I10052" t="s">
        <v>15</v>
      </c>
      <c r="J10052" s="10">
        <v>17.107162689999999</v>
      </c>
    </row>
    <row r="10053" spans="1:10" x14ac:dyDescent="0.35">
      <c r="A10053" t="s">
        <v>62</v>
      </c>
      <c r="B10053" t="s">
        <v>64</v>
      </c>
      <c r="C10053" t="s">
        <v>117</v>
      </c>
      <c r="D10053" t="s">
        <v>118</v>
      </c>
      <c r="E10053">
        <v>2018</v>
      </c>
      <c r="F10053">
        <v>2018</v>
      </c>
      <c r="G10053" t="s">
        <v>125</v>
      </c>
      <c r="H10053" t="s">
        <v>120</v>
      </c>
      <c r="I10053" t="s">
        <v>15</v>
      </c>
      <c r="J10053" s="10">
        <v>8.9033870069999992</v>
      </c>
    </row>
    <row r="10054" spans="1:10" x14ac:dyDescent="0.35">
      <c r="A10054" t="s">
        <v>62</v>
      </c>
      <c r="B10054" t="s">
        <v>64</v>
      </c>
      <c r="C10054" t="s">
        <v>117</v>
      </c>
      <c r="D10054" t="s">
        <v>118</v>
      </c>
      <c r="E10054">
        <v>2018</v>
      </c>
      <c r="F10054">
        <v>2018</v>
      </c>
      <c r="G10054" t="s">
        <v>125</v>
      </c>
      <c r="H10054" t="s">
        <v>121</v>
      </c>
      <c r="I10054" t="s">
        <v>15</v>
      </c>
      <c r="J10054" s="10">
        <v>41.09938923</v>
      </c>
    </row>
    <row r="10055" spans="1:10" x14ac:dyDescent="0.35">
      <c r="A10055" t="s">
        <v>62</v>
      </c>
      <c r="B10055" t="s">
        <v>64</v>
      </c>
      <c r="C10055" t="s">
        <v>117</v>
      </c>
      <c r="D10055" t="s">
        <v>118</v>
      </c>
      <c r="E10055">
        <v>2018</v>
      </c>
      <c r="F10055">
        <v>2018</v>
      </c>
      <c r="G10055" t="s">
        <v>125</v>
      </c>
      <c r="H10055" t="s">
        <v>122</v>
      </c>
      <c r="I10055" t="s">
        <v>15</v>
      </c>
      <c r="J10055" s="10">
        <v>18.972792890000001</v>
      </c>
    </row>
    <row r="10056" spans="1:10" x14ac:dyDescent="0.35">
      <c r="A10056" t="s">
        <v>62</v>
      </c>
      <c r="B10056" t="s">
        <v>64</v>
      </c>
      <c r="C10056" t="s">
        <v>117</v>
      </c>
      <c r="D10056" t="s">
        <v>118</v>
      </c>
      <c r="E10056">
        <v>2018</v>
      </c>
      <c r="F10056">
        <v>2018</v>
      </c>
      <c r="G10056" t="s">
        <v>125</v>
      </c>
      <c r="H10056" t="s">
        <v>123</v>
      </c>
      <c r="I10056" t="s">
        <v>15</v>
      </c>
      <c r="J10056" s="10">
        <v>12.75957801</v>
      </c>
    </row>
    <row r="10057" spans="1:10" x14ac:dyDescent="0.35">
      <c r="A10057" t="s">
        <v>62</v>
      </c>
      <c r="B10057" t="s">
        <v>64</v>
      </c>
      <c r="C10057" t="s">
        <v>117</v>
      </c>
      <c r="D10057" t="s">
        <v>118</v>
      </c>
      <c r="E10057">
        <v>2018</v>
      </c>
      <c r="F10057">
        <v>2018</v>
      </c>
      <c r="G10057" t="s">
        <v>125</v>
      </c>
      <c r="H10057" t="s">
        <v>124</v>
      </c>
      <c r="I10057" t="s">
        <v>15</v>
      </c>
      <c r="J10057" s="10">
        <v>1.1576901719999999</v>
      </c>
    </row>
    <row r="10058" spans="1:10" x14ac:dyDescent="0.35">
      <c r="A10058" t="s">
        <v>62</v>
      </c>
      <c r="B10058" t="s">
        <v>64</v>
      </c>
      <c r="C10058" t="s">
        <v>117</v>
      </c>
      <c r="D10058" t="s">
        <v>118</v>
      </c>
      <c r="E10058">
        <v>2018</v>
      </c>
      <c r="F10058">
        <v>2018</v>
      </c>
      <c r="G10058" t="s">
        <v>126</v>
      </c>
      <c r="H10058" t="s">
        <v>119</v>
      </c>
      <c r="I10058" t="s">
        <v>15</v>
      </c>
      <c r="J10058" s="10">
        <v>15.53017608</v>
      </c>
    </row>
    <row r="10059" spans="1:10" x14ac:dyDescent="0.35">
      <c r="A10059" t="s">
        <v>62</v>
      </c>
      <c r="B10059" t="s">
        <v>64</v>
      </c>
      <c r="C10059" t="s">
        <v>117</v>
      </c>
      <c r="D10059" t="s">
        <v>118</v>
      </c>
      <c r="E10059">
        <v>2018</v>
      </c>
      <c r="F10059">
        <v>2018</v>
      </c>
      <c r="G10059" t="s">
        <v>126</v>
      </c>
      <c r="H10059" t="s">
        <v>120</v>
      </c>
      <c r="I10059" t="s">
        <v>15</v>
      </c>
      <c r="J10059" s="10">
        <v>8.0821882489999997</v>
      </c>
    </row>
    <row r="10060" spans="1:10" x14ac:dyDescent="0.35">
      <c r="A10060" t="s">
        <v>62</v>
      </c>
      <c r="B10060" t="s">
        <v>64</v>
      </c>
      <c r="C10060" t="s">
        <v>117</v>
      </c>
      <c r="D10060" t="s">
        <v>118</v>
      </c>
      <c r="E10060">
        <v>2018</v>
      </c>
      <c r="F10060">
        <v>2018</v>
      </c>
      <c r="G10060" t="s">
        <v>126</v>
      </c>
      <c r="H10060" t="s">
        <v>121</v>
      </c>
      <c r="I10060" t="s">
        <v>15</v>
      </c>
      <c r="J10060" s="10">
        <v>39.37456495</v>
      </c>
    </row>
    <row r="10061" spans="1:10" x14ac:dyDescent="0.35">
      <c r="A10061" t="s">
        <v>62</v>
      </c>
      <c r="B10061" t="s">
        <v>64</v>
      </c>
      <c r="C10061" t="s">
        <v>117</v>
      </c>
      <c r="D10061" t="s">
        <v>118</v>
      </c>
      <c r="E10061">
        <v>2018</v>
      </c>
      <c r="F10061">
        <v>2018</v>
      </c>
      <c r="G10061" t="s">
        <v>126</v>
      </c>
      <c r="H10061" t="s">
        <v>122</v>
      </c>
      <c r="I10061" t="s">
        <v>15</v>
      </c>
      <c r="J10061" s="10">
        <v>20.059810769999999</v>
      </c>
    </row>
    <row r="10062" spans="1:10" x14ac:dyDescent="0.35">
      <c r="A10062" t="s">
        <v>62</v>
      </c>
      <c r="B10062" t="s">
        <v>64</v>
      </c>
      <c r="C10062" t="s">
        <v>117</v>
      </c>
      <c r="D10062" t="s">
        <v>118</v>
      </c>
      <c r="E10062">
        <v>2018</v>
      </c>
      <c r="F10062">
        <v>2018</v>
      </c>
      <c r="G10062" t="s">
        <v>126</v>
      </c>
      <c r="H10062" t="s">
        <v>123</v>
      </c>
      <c r="I10062" t="s">
        <v>15</v>
      </c>
      <c r="J10062" s="10">
        <v>14.333960660000001</v>
      </c>
    </row>
    <row r="10063" spans="1:10" x14ac:dyDescent="0.35">
      <c r="A10063" t="s">
        <v>62</v>
      </c>
      <c r="B10063" t="s">
        <v>64</v>
      </c>
      <c r="C10063" t="s">
        <v>117</v>
      </c>
      <c r="D10063" t="s">
        <v>118</v>
      </c>
      <c r="E10063">
        <v>2018</v>
      </c>
      <c r="F10063">
        <v>2018</v>
      </c>
      <c r="G10063" t="s">
        <v>126</v>
      </c>
      <c r="H10063" t="s">
        <v>124</v>
      </c>
      <c r="I10063" t="s">
        <v>15</v>
      </c>
      <c r="J10063" s="10">
        <v>2.6192992859999999</v>
      </c>
    </row>
    <row r="10064" spans="1:10" x14ac:dyDescent="0.35">
      <c r="A10064" t="s">
        <v>62</v>
      </c>
      <c r="B10064" t="s">
        <v>64</v>
      </c>
      <c r="C10064" t="s">
        <v>117</v>
      </c>
      <c r="D10064" t="s">
        <v>118</v>
      </c>
      <c r="E10064">
        <v>2017</v>
      </c>
      <c r="F10064">
        <v>2017</v>
      </c>
      <c r="G10064" t="s">
        <v>14</v>
      </c>
      <c r="H10064" t="s">
        <v>119</v>
      </c>
      <c r="I10064" t="s">
        <v>15</v>
      </c>
      <c r="J10064" s="10">
        <v>16.354971769999999</v>
      </c>
    </row>
    <row r="10065" spans="1:10" x14ac:dyDescent="0.35">
      <c r="A10065" t="s">
        <v>62</v>
      </c>
      <c r="B10065" t="s">
        <v>64</v>
      </c>
      <c r="C10065" t="s">
        <v>117</v>
      </c>
      <c r="D10065" t="s">
        <v>118</v>
      </c>
      <c r="E10065">
        <v>2017</v>
      </c>
      <c r="F10065">
        <v>2017</v>
      </c>
      <c r="G10065" t="s">
        <v>14</v>
      </c>
      <c r="H10065" t="s">
        <v>120</v>
      </c>
      <c r="I10065" t="s">
        <v>15</v>
      </c>
      <c r="J10065" s="10">
        <v>8.8996569349999994</v>
      </c>
    </row>
    <row r="10066" spans="1:10" x14ac:dyDescent="0.35">
      <c r="A10066" t="s">
        <v>62</v>
      </c>
      <c r="B10066" t="s">
        <v>64</v>
      </c>
      <c r="C10066" t="s">
        <v>117</v>
      </c>
      <c r="D10066" t="s">
        <v>118</v>
      </c>
      <c r="E10066">
        <v>2017</v>
      </c>
      <c r="F10066">
        <v>2017</v>
      </c>
      <c r="G10066" t="s">
        <v>14</v>
      </c>
      <c r="H10066" t="s">
        <v>121</v>
      </c>
      <c r="I10066" t="s">
        <v>15</v>
      </c>
      <c r="J10066" s="10">
        <v>39.919640119999997</v>
      </c>
    </row>
    <row r="10067" spans="1:10" x14ac:dyDescent="0.35">
      <c r="A10067" t="s">
        <v>62</v>
      </c>
      <c r="B10067" t="s">
        <v>64</v>
      </c>
      <c r="C10067" t="s">
        <v>117</v>
      </c>
      <c r="D10067" t="s">
        <v>118</v>
      </c>
      <c r="E10067">
        <v>2017</v>
      </c>
      <c r="F10067">
        <v>2017</v>
      </c>
      <c r="G10067" t="s">
        <v>14</v>
      </c>
      <c r="H10067" t="s">
        <v>122</v>
      </c>
      <c r="I10067" t="s">
        <v>15</v>
      </c>
      <c r="J10067" s="10">
        <v>19.517306739999999</v>
      </c>
    </row>
    <row r="10068" spans="1:10" x14ac:dyDescent="0.35">
      <c r="A10068" t="s">
        <v>62</v>
      </c>
      <c r="B10068" t="s">
        <v>64</v>
      </c>
      <c r="C10068" t="s">
        <v>117</v>
      </c>
      <c r="D10068" t="s">
        <v>118</v>
      </c>
      <c r="E10068">
        <v>2017</v>
      </c>
      <c r="F10068">
        <v>2017</v>
      </c>
      <c r="G10068" t="s">
        <v>14</v>
      </c>
      <c r="H10068" t="s">
        <v>123</v>
      </c>
      <c r="I10068" t="s">
        <v>15</v>
      </c>
      <c r="J10068" s="10">
        <v>13.35282261</v>
      </c>
    </row>
    <row r="10069" spans="1:10" x14ac:dyDescent="0.35">
      <c r="A10069" t="s">
        <v>62</v>
      </c>
      <c r="B10069" t="s">
        <v>64</v>
      </c>
      <c r="C10069" t="s">
        <v>117</v>
      </c>
      <c r="D10069" t="s">
        <v>118</v>
      </c>
      <c r="E10069">
        <v>2017</v>
      </c>
      <c r="F10069">
        <v>2017</v>
      </c>
      <c r="G10069" t="s">
        <v>14</v>
      </c>
      <c r="H10069" t="s">
        <v>124</v>
      </c>
      <c r="I10069" t="s">
        <v>15</v>
      </c>
      <c r="J10069" s="10">
        <v>1.9556018310000001</v>
      </c>
    </row>
    <row r="10070" spans="1:10" x14ac:dyDescent="0.35">
      <c r="A10070" t="s">
        <v>62</v>
      </c>
      <c r="B10070" t="s">
        <v>64</v>
      </c>
      <c r="C10070" t="s">
        <v>117</v>
      </c>
      <c r="D10070" t="s">
        <v>118</v>
      </c>
      <c r="E10070">
        <v>2017</v>
      </c>
      <c r="F10070">
        <v>2017</v>
      </c>
      <c r="G10070" t="s">
        <v>125</v>
      </c>
      <c r="H10070" t="s">
        <v>119</v>
      </c>
      <c r="I10070" t="s">
        <v>15</v>
      </c>
      <c r="J10070" s="10">
        <v>17.175392309999999</v>
      </c>
    </row>
    <row r="10071" spans="1:10" x14ac:dyDescent="0.35">
      <c r="A10071" t="s">
        <v>62</v>
      </c>
      <c r="B10071" t="s">
        <v>64</v>
      </c>
      <c r="C10071" t="s">
        <v>117</v>
      </c>
      <c r="D10071" t="s">
        <v>118</v>
      </c>
      <c r="E10071">
        <v>2017</v>
      </c>
      <c r="F10071">
        <v>2017</v>
      </c>
      <c r="G10071" t="s">
        <v>125</v>
      </c>
      <c r="H10071" t="s">
        <v>120</v>
      </c>
      <c r="I10071" t="s">
        <v>15</v>
      </c>
      <c r="J10071" s="10">
        <v>9.3570337450000007</v>
      </c>
    </row>
    <row r="10072" spans="1:10" x14ac:dyDescent="0.35">
      <c r="A10072" t="s">
        <v>62</v>
      </c>
      <c r="B10072" t="s">
        <v>64</v>
      </c>
      <c r="C10072" t="s">
        <v>117</v>
      </c>
      <c r="D10072" t="s">
        <v>118</v>
      </c>
      <c r="E10072">
        <v>2017</v>
      </c>
      <c r="F10072">
        <v>2017</v>
      </c>
      <c r="G10072" t="s">
        <v>125</v>
      </c>
      <c r="H10072" t="s">
        <v>121</v>
      </c>
      <c r="I10072" t="s">
        <v>15</v>
      </c>
      <c r="J10072" s="10">
        <v>40.67490626</v>
      </c>
    </row>
    <row r="10073" spans="1:10" x14ac:dyDescent="0.35">
      <c r="A10073" t="s">
        <v>62</v>
      </c>
      <c r="B10073" t="s">
        <v>64</v>
      </c>
      <c r="C10073" t="s">
        <v>117</v>
      </c>
      <c r="D10073" t="s">
        <v>118</v>
      </c>
      <c r="E10073">
        <v>2017</v>
      </c>
      <c r="F10073">
        <v>2017</v>
      </c>
      <c r="G10073" t="s">
        <v>125</v>
      </c>
      <c r="H10073" t="s">
        <v>122</v>
      </c>
      <c r="I10073" t="s">
        <v>15</v>
      </c>
      <c r="J10073" s="10">
        <v>19.13067629</v>
      </c>
    </row>
    <row r="10074" spans="1:10" x14ac:dyDescent="0.35">
      <c r="A10074" t="s">
        <v>62</v>
      </c>
      <c r="B10074" t="s">
        <v>64</v>
      </c>
      <c r="C10074" t="s">
        <v>117</v>
      </c>
      <c r="D10074" t="s">
        <v>118</v>
      </c>
      <c r="E10074">
        <v>2017</v>
      </c>
      <c r="F10074">
        <v>2017</v>
      </c>
      <c r="G10074" t="s">
        <v>125</v>
      </c>
      <c r="H10074" t="s">
        <v>123</v>
      </c>
      <c r="I10074" t="s">
        <v>15</v>
      </c>
      <c r="J10074" s="10">
        <v>12.548257189999999</v>
      </c>
    </row>
    <row r="10075" spans="1:10" x14ac:dyDescent="0.35">
      <c r="A10075" t="s">
        <v>62</v>
      </c>
      <c r="B10075" t="s">
        <v>64</v>
      </c>
      <c r="C10075" t="s">
        <v>117</v>
      </c>
      <c r="D10075" t="s">
        <v>118</v>
      </c>
      <c r="E10075">
        <v>2017</v>
      </c>
      <c r="F10075">
        <v>2017</v>
      </c>
      <c r="G10075" t="s">
        <v>125</v>
      </c>
      <c r="H10075" t="s">
        <v>124</v>
      </c>
      <c r="I10075" t="s">
        <v>15</v>
      </c>
      <c r="J10075" s="10">
        <v>1.113734204</v>
      </c>
    </row>
    <row r="10076" spans="1:10" x14ac:dyDescent="0.35">
      <c r="A10076" t="s">
        <v>62</v>
      </c>
      <c r="B10076" t="s">
        <v>64</v>
      </c>
      <c r="C10076" t="s">
        <v>117</v>
      </c>
      <c r="D10076" t="s">
        <v>118</v>
      </c>
      <c r="E10076">
        <v>2017</v>
      </c>
      <c r="F10076">
        <v>2017</v>
      </c>
      <c r="G10076" t="s">
        <v>126</v>
      </c>
      <c r="H10076" t="s">
        <v>119</v>
      </c>
      <c r="I10076" t="s">
        <v>15</v>
      </c>
      <c r="J10076" s="10">
        <v>15.595764369999999</v>
      </c>
    </row>
    <row r="10077" spans="1:10" x14ac:dyDescent="0.35">
      <c r="A10077" t="s">
        <v>62</v>
      </c>
      <c r="B10077" t="s">
        <v>64</v>
      </c>
      <c r="C10077" t="s">
        <v>117</v>
      </c>
      <c r="D10077" t="s">
        <v>118</v>
      </c>
      <c r="E10077">
        <v>2017</v>
      </c>
      <c r="F10077">
        <v>2017</v>
      </c>
      <c r="G10077" t="s">
        <v>126</v>
      </c>
      <c r="H10077" t="s">
        <v>120</v>
      </c>
      <c r="I10077" t="s">
        <v>15</v>
      </c>
      <c r="J10077" s="10">
        <v>8.4764058809999998</v>
      </c>
    </row>
    <row r="10078" spans="1:10" x14ac:dyDescent="0.35">
      <c r="A10078" t="s">
        <v>62</v>
      </c>
      <c r="B10078" t="s">
        <v>64</v>
      </c>
      <c r="C10078" t="s">
        <v>117</v>
      </c>
      <c r="D10078" t="s">
        <v>118</v>
      </c>
      <c r="E10078">
        <v>2017</v>
      </c>
      <c r="F10078">
        <v>2017</v>
      </c>
      <c r="G10078" t="s">
        <v>126</v>
      </c>
      <c r="H10078" t="s">
        <v>121</v>
      </c>
      <c r="I10078" t="s">
        <v>15</v>
      </c>
      <c r="J10078" s="10">
        <v>39.220725809999998</v>
      </c>
    </row>
    <row r="10079" spans="1:10" x14ac:dyDescent="0.35">
      <c r="A10079" t="s">
        <v>62</v>
      </c>
      <c r="B10079" t="s">
        <v>64</v>
      </c>
      <c r="C10079" t="s">
        <v>117</v>
      </c>
      <c r="D10079" t="s">
        <v>118</v>
      </c>
      <c r="E10079">
        <v>2017</v>
      </c>
      <c r="F10079">
        <v>2017</v>
      </c>
      <c r="G10079" t="s">
        <v>126</v>
      </c>
      <c r="H10079" t="s">
        <v>122</v>
      </c>
      <c r="I10079" t="s">
        <v>15</v>
      </c>
      <c r="J10079" s="10">
        <v>19.87508996</v>
      </c>
    </row>
    <row r="10080" spans="1:10" x14ac:dyDescent="0.35">
      <c r="A10080" t="s">
        <v>62</v>
      </c>
      <c r="B10080" t="s">
        <v>64</v>
      </c>
      <c r="C10080" t="s">
        <v>117</v>
      </c>
      <c r="D10080" t="s">
        <v>118</v>
      </c>
      <c r="E10080">
        <v>2017</v>
      </c>
      <c r="F10080">
        <v>2017</v>
      </c>
      <c r="G10080" t="s">
        <v>126</v>
      </c>
      <c r="H10080" t="s">
        <v>123</v>
      </c>
      <c r="I10080" t="s">
        <v>15</v>
      </c>
      <c r="J10080" s="10">
        <v>14.09735787</v>
      </c>
    </row>
    <row r="10081" spans="1:10" x14ac:dyDescent="0.35">
      <c r="A10081" t="s">
        <v>62</v>
      </c>
      <c r="B10081" t="s">
        <v>64</v>
      </c>
      <c r="C10081" t="s">
        <v>117</v>
      </c>
      <c r="D10081" t="s">
        <v>118</v>
      </c>
      <c r="E10081">
        <v>2017</v>
      </c>
      <c r="F10081">
        <v>2017</v>
      </c>
      <c r="G10081" t="s">
        <v>126</v>
      </c>
      <c r="H10081" t="s">
        <v>124</v>
      </c>
      <c r="I10081" t="s">
        <v>15</v>
      </c>
      <c r="J10081" s="10">
        <v>2.7346561120000001</v>
      </c>
    </row>
    <row r="10082" spans="1:10" x14ac:dyDescent="0.35">
      <c r="A10082" t="s">
        <v>62</v>
      </c>
      <c r="B10082" t="s">
        <v>64</v>
      </c>
      <c r="C10082" t="s">
        <v>117</v>
      </c>
      <c r="D10082" t="s">
        <v>118</v>
      </c>
      <c r="E10082">
        <v>2016</v>
      </c>
      <c r="F10082">
        <v>2016</v>
      </c>
      <c r="G10082" t="s">
        <v>14</v>
      </c>
      <c r="H10082" t="s">
        <v>119</v>
      </c>
      <c r="I10082" t="s">
        <v>15</v>
      </c>
      <c r="J10082" s="10">
        <v>16.446901650000001</v>
      </c>
    </row>
    <row r="10083" spans="1:10" x14ac:dyDescent="0.35">
      <c r="A10083" t="s">
        <v>62</v>
      </c>
      <c r="B10083" t="s">
        <v>64</v>
      </c>
      <c r="C10083" t="s">
        <v>117</v>
      </c>
      <c r="D10083" t="s">
        <v>118</v>
      </c>
      <c r="E10083">
        <v>2016</v>
      </c>
      <c r="F10083">
        <v>2016</v>
      </c>
      <c r="G10083" t="s">
        <v>14</v>
      </c>
      <c r="H10083" t="s">
        <v>120</v>
      </c>
      <c r="I10083" t="s">
        <v>15</v>
      </c>
      <c r="J10083" s="10">
        <v>9.4804621089999994</v>
      </c>
    </row>
    <row r="10084" spans="1:10" x14ac:dyDescent="0.35">
      <c r="A10084" t="s">
        <v>62</v>
      </c>
      <c r="B10084" t="s">
        <v>64</v>
      </c>
      <c r="C10084" t="s">
        <v>117</v>
      </c>
      <c r="D10084" t="s">
        <v>118</v>
      </c>
      <c r="E10084">
        <v>2016</v>
      </c>
      <c r="F10084">
        <v>2016</v>
      </c>
      <c r="G10084" t="s">
        <v>14</v>
      </c>
      <c r="H10084" t="s">
        <v>121</v>
      </c>
      <c r="I10084" t="s">
        <v>15</v>
      </c>
      <c r="J10084" s="10">
        <v>39.530929970000003</v>
      </c>
    </row>
    <row r="10085" spans="1:10" x14ac:dyDescent="0.35">
      <c r="A10085" t="s">
        <v>62</v>
      </c>
      <c r="B10085" t="s">
        <v>64</v>
      </c>
      <c r="C10085" t="s">
        <v>117</v>
      </c>
      <c r="D10085" t="s">
        <v>118</v>
      </c>
      <c r="E10085">
        <v>2016</v>
      </c>
      <c r="F10085">
        <v>2016</v>
      </c>
      <c r="G10085" t="s">
        <v>14</v>
      </c>
      <c r="H10085" t="s">
        <v>122</v>
      </c>
      <c r="I10085" t="s">
        <v>15</v>
      </c>
      <c r="J10085" s="10">
        <v>19.351815909999999</v>
      </c>
    </row>
    <row r="10086" spans="1:10" x14ac:dyDescent="0.35">
      <c r="A10086" t="s">
        <v>62</v>
      </c>
      <c r="B10086" t="s">
        <v>64</v>
      </c>
      <c r="C10086" t="s">
        <v>117</v>
      </c>
      <c r="D10086" t="s">
        <v>118</v>
      </c>
      <c r="E10086">
        <v>2016</v>
      </c>
      <c r="F10086">
        <v>2016</v>
      </c>
      <c r="G10086" t="s">
        <v>14</v>
      </c>
      <c r="H10086" t="s">
        <v>123</v>
      </c>
      <c r="I10086" t="s">
        <v>15</v>
      </c>
      <c r="J10086" s="10">
        <v>13.25685064</v>
      </c>
    </row>
    <row r="10087" spans="1:10" x14ac:dyDescent="0.35">
      <c r="A10087" t="s">
        <v>62</v>
      </c>
      <c r="B10087" t="s">
        <v>64</v>
      </c>
      <c r="C10087" t="s">
        <v>117</v>
      </c>
      <c r="D10087" t="s">
        <v>118</v>
      </c>
      <c r="E10087">
        <v>2016</v>
      </c>
      <c r="F10087">
        <v>2016</v>
      </c>
      <c r="G10087" t="s">
        <v>14</v>
      </c>
      <c r="H10087" t="s">
        <v>124</v>
      </c>
      <c r="I10087" t="s">
        <v>15</v>
      </c>
      <c r="J10087" s="10">
        <v>1.9330397180000001</v>
      </c>
    </row>
    <row r="10088" spans="1:10" x14ac:dyDescent="0.35">
      <c r="A10088" t="s">
        <v>62</v>
      </c>
      <c r="B10088" t="s">
        <v>64</v>
      </c>
      <c r="C10088" t="s">
        <v>117</v>
      </c>
      <c r="D10088" t="s">
        <v>118</v>
      </c>
      <c r="E10088">
        <v>2016</v>
      </c>
      <c r="F10088">
        <v>2016</v>
      </c>
      <c r="G10088" t="s">
        <v>125</v>
      </c>
      <c r="H10088" t="s">
        <v>119</v>
      </c>
      <c r="I10088" t="s">
        <v>15</v>
      </c>
      <c r="J10088" s="10">
        <v>17.268192079999999</v>
      </c>
    </row>
    <row r="10089" spans="1:10" x14ac:dyDescent="0.35">
      <c r="A10089" t="s">
        <v>62</v>
      </c>
      <c r="B10089" t="s">
        <v>64</v>
      </c>
      <c r="C10089" t="s">
        <v>117</v>
      </c>
      <c r="D10089" t="s">
        <v>118</v>
      </c>
      <c r="E10089">
        <v>2016</v>
      </c>
      <c r="F10089">
        <v>2016</v>
      </c>
      <c r="G10089" t="s">
        <v>125</v>
      </c>
      <c r="H10089" t="s">
        <v>120</v>
      </c>
      <c r="I10089" t="s">
        <v>15</v>
      </c>
      <c r="J10089" s="10">
        <v>9.9718513980000001</v>
      </c>
    </row>
    <row r="10090" spans="1:10" x14ac:dyDescent="0.35">
      <c r="A10090" t="s">
        <v>62</v>
      </c>
      <c r="B10090" t="s">
        <v>64</v>
      </c>
      <c r="C10090" t="s">
        <v>117</v>
      </c>
      <c r="D10090" t="s">
        <v>118</v>
      </c>
      <c r="E10090">
        <v>2016</v>
      </c>
      <c r="F10090">
        <v>2016</v>
      </c>
      <c r="G10090" t="s">
        <v>125</v>
      </c>
      <c r="H10090" t="s">
        <v>121</v>
      </c>
      <c r="I10090" t="s">
        <v>15</v>
      </c>
      <c r="J10090" s="10">
        <v>40.400211810000002</v>
      </c>
    </row>
    <row r="10091" spans="1:10" x14ac:dyDescent="0.35">
      <c r="A10091" t="s">
        <v>62</v>
      </c>
      <c r="B10091" t="s">
        <v>64</v>
      </c>
      <c r="C10091" t="s">
        <v>117</v>
      </c>
      <c r="D10091" t="s">
        <v>118</v>
      </c>
      <c r="E10091">
        <v>2016</v>
      </c>
      <c r="F10091">
        <v>2016</v>
      </c>
      <c r="G10091" t="s">
        <v>125</v>
      </c>
      <c r="H10091" t="s">
        <v>122</v>
      </c>
      <c r="I10091" t="s">
        <v>15</v>
      </c>
      <c r="J10091" s="10">
        <v>19.004487050000002</v>
      </c>
    </row>
    <row r="10092" spans="1:10" x14ac:dyDescent="0.35">
      <c r="A10092" t="s">
        <v>62</v>
      </c>
      <c r="B10092" t="s">
        <v>64</v>
      </c>
      <c r="C10092" t="s">
        <v>117</v>
      </c>
      <c r="D10092" t="s">
        <v>118</v>
      </c>
      <c r="E10092">
        <v>2016</v>
      </c>
      <c r="F10092">
        <v>2016</v>
      </c>
      <c r="G10092" t="s">
        <v>125</v>
      </c>
      <c r="H10092" t="s">
        <v>123</v>
      </c>
      <c r="I10092" t="s">
        <v>15</v>
      </c>
      <c r="J10092" s="10">
        <v>12.296201330000001</v>
      </c>
    </row>
    <row r="10093" spans="1:10" x14ac:dyDescent="0.35">
      <c r="A10093" t="s">
        <v>62</v>
      </c>
      <c r="B10093" t="s">
        <v>64</v>
      </c>
      <c r="C10093" t="s">
        <v>117</v>
      </c>
      <c r="D10093" t="s">
        <v>118</v>
      </c>
      <c r="E10093">
        <v>2016</v>
      </c>
      <c r="F10093">
        <v>2016</v>
      </c>
      <c r="G10093" t="s">
        <v>125</v>
      </c>
      <c r="H10093" t="s">
        <v>124</v>
      </c>
      <c r="I10093" t="s">
        <v>15</v>
      </c>
      <c r="J10093" s="10">
        <v>1.059056325</v>
      </c>
    </row>
    <row r="10094" spans="1:10" x14ac:dyDescent="0.35">
      <c r="A10094" t="s">
        <v>62</v>
      </c>
      <c r="B10094" t="s">
        <v>64</v>
      </c>
      <c r="C10094" t="s">
        <v>117</v>
      </c>
      <c r="D10094" t="s">
        <v>118</v>
      </c>
      <c r="E10094">
        <v>2016</v>
      </c>
      <c r="F10094">
        <v>2016</v>
      </c>
      <c r="G10094" t="s">
        <v>126</v>
      </c>
      <c r="H10094" t="s">
        <v>119</v>
      </c>
      <c r="I10094" t="s">
        <v>15</v>
      </c>
      <c r="J10094" s="10">
        <v>15.687789799999999</v>
      </c>
    </row>
    <row r="10095" spans="1:10" x14ac:dyDescent="0.35">
      <c r="A10095" t="s">
        <v>62</v>
      </c>
      <c r="B10095" t="s">
        <v>64</v>
      </c>
      <c r="C10095" t="s">
        <v>117</v>
      </c>
      <c r="D10095" t="s">
        <v>118</v>
      </c>
      <c r="E10095">
        <v>2016</v>
      </c>
      <c r="F10095">
        <v>2016</v>
      </c>
      <c r="G10095" t="s">
        <v>126</v>
      </c>
      <c r="H10095" t="s">
        <v>120</v>
      </c>
      <c r="I10095" t="s">
        <v>15</v>
      </c>
      <c r="J10095" s="10">
        <v>9.0262751160000008</v>
      </c>
    </row>
    <row r="10096" spans="1:10" x14ac:dyDescent="0.35">
      <c r="A10096" t="s">
        <v>62</v>
      </c>
      <c r="B10096" t="s">
        <v>64</v>
      </c>
      <c r="C10096" t="s">
        <v>117</v>
      </c>
      <c r="D10096" t="s">
        <v>118</v>
      </c>
      <c r="E10096">
        <v>2016</v>
      </c>
      <c r="F10096">
        <v>2016</v>
      </c>
      <c r="G10096" t="s">
        <v>126</v>
      </c>
      <c r="H10096" t="s">
        <v>121</v>
      </c>
      <c r="I10096" t="s">
        <v>15</v>
      </c>
      <c r="J10096" s="10">
        <v>38.727460069999999</v>
      </c>
    </row>
    <row r="10097" spans="1:10" x14ac:dyDescent="0.35">
      <c r="A10097" t="s">
        <v>62</v>
      </c>
      <c r="B10097" t="s">
        <v>64</v>
      </c>
      <c r="C10097" t="s">
        <v>117</v>
      </c>
      <c r="D10097" t="s">
        <v>118</v>
      </c>
      <c r="E10097">
        <v>2016</v>
      </c>
      <c r="F10097">
        <v>2016</v>
      </c>
      <c r="G10097" t="s">
        <v>126</v>
      </c>
      <c r="H10097" t="s">
        <v>122</v>
      </c>
      <c r="I10097" t="s">
        <v>15</v>
      </c>
      <c r="J10097" s="10">
        <v>19.67284905</v>
      </c>
    </row>
    <row r="10098" spans="1:10" x14ac:dyDescent="0.35">
      <c r="A10098" t="s">
        <v>62</v>
      </c>
      <c r="B10098" t="s">
        <v>64</v>
      </c>
      <c r="C10098" t="s">
        <v>117</v>
      </c>
      <c r="D10098" t="s">
        <v>118</v>
      </c>
      <c r="E10098">
        <v>2016</v>
      </c>
      <c r="F10098">
        <v>2016</v>
      </c>
      <c r="G10098" t="s">
        <v>126</v>
      </c>
      <c r="H10098" t="s">
        <v>123</v>
      </c>
      <c r="I10098" t="s">
        <v>15</v>
      </c>
      <c r="J10098" s="10">
        <v>14.14477074</v>
      </c>
    </row>
    <row r="10099" spans="1:10" x14ac:dyDescent="0.35">
      <c r="A10099" t="s">
        <v>62</v>
      </c>
      <c r="B10099" t="s">
        <v>64</v>
      </c>
      <c r="C10099" t="s">
        <v>117</v>
      </c>
      <c r="D10099" t="s">
        <v>118</v>
      </c>
      <c r="E10099">
        <v>2016</v>
      </c>
      <c r="F10099">
        <v>2016</v>
      </c>
      <c r="G10099" t="s">
        <v>126</v>
      </c>
      <c r="H10099" t="s">
        <v>124</v>
      </c>
      <c r="I10099" t="s">
        <v>15</v>
      </c>
      <c r="J10099" s="10">
        <v>2.7408552290000001</v>
      </c>
    </row>
    <row r="10100" spans="1:10" x14ac:dyDescent="0.35">
      <c r="A10100" t="s">
        <v>62</v>
      </c>
      <c r="B10100" t="s">
        <v>64</v>
      </c>
      <c r="C10100" t="s">
        <v>117</v>
      </c>
      <c r="D10100" t="s">
        <v>118</v>
      </c>
      <c r="E10100">
        <v>2015</v>
      </c>
      <c r="F10100">
        <v>2015</v>
      </c>
      <c r="G10100" t="s">
        <v>14</v>
      </c>
      <c r="H10100" t="s">
        <v>119</v>
      </c>
      <c r="I10100" t="s">
        <v>15</v>
      </c>
      <c r="J10100" s="10">
        <v>16.623804549999999</v>
      </c>
    </row>
    <row r="10101" spans="1:10" x14ac:dyDescent="0.35">
      <c r="A10101" t="s">
        <v>62</v>
      </c>
      <c r="B10101" t="s">
        <v>64</v>
      </c>
      <c r="C10101" t="s">
        <v>117</v>
      </c>
      <c r="D10101" t="s">
        <v>118</v>
      </c>
      <c r="E10101">
        <v>2015</v>
      </c>
      <c r="F10101">
        <v>2015</v>
      </c>
      <c r="G10101" t="s">
        <v>14</v>
      </c>
      <c r="H10101" t="s">
        <v>120</v>
      </c>
      <c r="I10101" t="s">
        <v>15</v>
      </c>
      <c r="J10101" s="10">
        <v>9.8314982989999997</v>
      </c>
    </row>
    <row r="10102" spans="1:10" x14ac:dyDescent="0.35">
      <c r="A10102" t="s">
        <v>62</v>
      </c>
      <c r="B10102" t="s">
        <v>64</v>
      </c>
      <c r="C10102" t="s">
        <v>117</v>
      </c>
      <c r="D10102" t="s">
        <v>118</v>
      </c>
      <c r="E10102">
        <v>2015</v>
      </c>
      <c r="F10102">
        <v>2015</v>
      </c>
      <c r="G10102" t="s">
        <v>14</v>
      </c>
      <c r="H10102" t="s">
        <v>121</v>
      </c>
      <c r="I10102" t="s">
        <v>15</v>
      </c>
      <c r="J10102" s="10">
        <v>39.222856219999997</v>
      </c>
    </row>
    <row r="10103" spans="1:10" x14ac:dyDescent="0.35">
      <c r="A10103" t="s">
        <v>62</v>
      </c>
      <c r="B10103" t="s">
        <v>64</v>
      </c>
      <c r="C10103" t="s">
        <v>117</v>
      </c>
      <c r="D10103" t="s">
        <v>118</v>
      </c>
      <c r="E10103">
        <v>2015</v>
      </c>
      <c r="F10103">
        <v>2015</v>
      </c>
      <c r="G10103" t="s">
        <v>14</v>
      </c>
      <c r="H10103" t="s">
        <v>122</v>
      </c>
      <c r="I10103" t="s">
        <v>15</v>
      </c>
      <c r="J10103" s="10">
        <v>19.23303598</v>
      </c>
    </row>
    <row r="10104" spans="1:10" x14ac:dyDescent="0.35">
      <c r="A10104" t="s">
        <v>62</v>
      </c>
      <c r="B10104" t="s">
        <v>64</v>
      </c>
      <c r="C10104" t="s">
        <v>117</v>
      </c>
      <c r="D10104" t="s">
        <v>118</v>
      </c>
      <c r="E10104">
        <v>2015</v>
      </c>
      <c r="F10104">
        <v>2015</v>
      </c>
      <c r="G10104" t="s">
        <v>14</v>
      </c>
      <c r="H10104" t="s">
        <v>123</v>
      </c>
      <c r="I10104" t="s">
        <v>15</v>
      </c>
      <c r="J10104" s="10">
        <v>13.15599132</v>
      </c>
    </row>
    <row r="10105" spans="1:10" x14ac:dyDescent="0.35">
      <c r="A10105" t="s">
        <v>62</v>
      </c>
      <c r="B10105" t="s">
        <v>64</v>
      </c>
      <c r="C10105" t="s">
        <v>117</v>
      </c>
      <c r="D10105" t="s">
        <v>118</v>
      </c>
      <c r="E10105">
        <v>2015</v>
      </c>
      <c r="F10105">
        <v>2015</v>
      </c>
      <c r="G10105" t="s">
        <v>14</v>
      </c>
      <c r="H10105" t="s">
        <v>124</v>
      </c>
      <c r="I10105" t="s">
        <v>15</v>
      </c>
      <c r="J10105" s="10">
        <v>1.9328136300000001</v>
      </c>
    </row>
    <row r="10106" spans="1:10" x14ac:dyDescent="0.35">
      <c r="A10106" t="s">
        <v>62</v>
      </c>
      <c r="B10106" t="s">
        <v>64</v>
      </c>
      <c r="C10106" t="s">
        <v>117</v>
      </c>
      <c r="D10106" t="s">
        <v>118</v>
      </c>
      <c r="E10106">
        <v>2015</v>
      </c>
      <c r="F10106">
        <v>2015</v>
      </c>
      <c r="G10106" t="s">
        <v>125</v>
      </c>
      <c r="H10106" t="s">
        <v>119</v>
      </c>
      <c r="I10106" t="s">
        <v>15</v>
      </c>
      <c r="J10106" s="10">
        <v>17.565222259999999</v>
      </c>
    </row>
    <row r="10107" spans="1:10" x14ac:dyDescent="0.35">
      <c r="A10107" t="s">
        <v>62</v>
      </c>
      <c r="B10107" t="s">
        <v>64</v>
      </c>
      <c r="C10107" t="s">
        <v>117</v>
      </c>
      <c r="D10107" t="s">
        <v>118</v>
      </c>
      <c r="E10107">
        <v>2015</v>
      </c>
      <c r="F10107">
        <v>2015</v>
      </c>
      <c r="G10107" t="s">
        <v>125</v>
      </c>
      <c r="H10107" t="s">
        <v>120</v>
      </c>
      <c r="I10107" t="s">
        <v>15</v>
      </c>
      <c r="J10107" s="10">
        <v>10.30679655</v>
      </c>
    </row>
    <row r="10108" spans="1:10" x14ac:dyDescent="0.35">
      <c r="A10108" t="s">
        <v>62</v>
      </c>
      <c r="B10108" t="s">
        <v>64</v>
      </c>
      <c r="C10108" t="s">
        <v>117</v>
      </c>
      <c r="D10108" t="s">
        <v>118</v>
      </c>
      <c r="E10108">
        <v>2015</v>
      </c>
      <c r="F10108">
        <v>2015</v>
      </c>
      <c r="G10108" t="s">
        <v>125</v>
      </c>
      <c r="H10108" t="s">
        <v>121</v>
      </c>
      <c r="I10108" t="s">
        <v>15</v>
      </c>
      <c r="J10108" s="10">
        <v>39.919941780000002</v>
      </c>
    </row>
    <row r="10109" spans="1:10" x14ac:dyDescent="0.35">
      <c r="A10109" t="s">
        <v>62</v>
      </c>
      <c r="B10109" t="s">
        <v>64</v>
      </c>
      <c r="C10109" t="s">
        <v>117</v>
      </c>
      <c r="D10109" t="s">
        <v>118</v>
      </c>
      <c r="E10109">
        <v>2015</v>
      </c>
      <c r="F10109">
        <v>2015</v>
      </c>
      <c r="G10109" t="s">
        <v>125</v>
      </c>
      <c r="H10109" t="s">
        <v>122</v>
      </c>
      <c r="I10109" t="s">
        <v>15</v>
      </c>
      <c r="J10109" s="10">
        <v>18.959243090000001</v>
      </c>
    </row>
    <row r="10110" spans="1:10" x14ac:dyDescent="0.35">
      <c r="A10110" t="s">
        <v>62</v>
      </c>
      <c r="B10110" t="s">
        <v>64</v>
      </c>
      <c r="C10110" t="s">
        <v>117</v>
      </c>
      <c r="D10110" t="s">
        <v>118</v>
      </c>
      <c r="E10110">
        <v>2015</v>
      </c>
      <c r="F10110">
        <v>2015</v>
      </c>
      <c r="G10110" t="s">
        <v>125</v>
      </c>
      <c r="H10110" t="s">
        <v>123</v>
      </c>
      <c r="I10110" t="s">
        <v>15</v>
      </c>
      <c r="J10110" s="10">
        <v>12.201881090000001</v>
      </c>
    </row>
    <row r="10111" spans="1:10" x14ac:dyDescent="0.35">
      <c r="A10111" t="s">
        <v>62</v>
      </c>
      <c r="B10111" t="s">
        <v>64</v>
      </c>
      <c r="C10111" t="s">
        <v>117</v>
      </c>
      <c r="D10111" t="s">
        <v>118</v>
      </c>
      <c r="E10111">
        <v>2015</v>
      </c>
      <c r="F10111">
        <v>2015</v>
      </c>
      <c r="G10111" t="s">
        <v>125</v>
      </c>
      <c r="H10111" t="s">
        <v>124</v>
      </c>
      <c r="I10111" t="s">
        <v>15</v>
      </c>
      <c r="J10111" s="10">
        <v>1.0469152390000001</v>
      </c>
    </row>
    <row r="10112" spans="1:10" x14ac:dyDescent="0.35">
      <c r="A10112" t="s">
        <v>62</v>
      </c>
      <c r="B10112" t="s">
        <v>64</v>
      </c>
      <c r="C10112" t="s">
        <v>117</v>
      </c>
      <c r="D10112" t="s">
        <v>118</v>
      </c>
      <c r="E10112">
        <v>2015</v>
      </c>
      <c r="F10112">
        <v>2015</v>
      </c>
      <c r="G10112" t="s">
        <v>126</v>
      </c>
      <c r="H10112" t="s">
        <v>119</v>
      </c>
      <c r="I10112" t="s">
        <v>15</v>
      </c>
      <c r="J10112" s="10">
        <v>15.760004110000001</v>
      </c>
    </row>
    <row r="10113" spans="1:10" x14ac:dyDescent="0.35">
      <c r="A10113" t="s">
        <v>62</v>
      </c>
      <c r="B10113" t="s">
        <v>64</v>
      </c>
      <c r="C10113" t="s">
        <v>117</v>
      </c>
      <c r="D10113" t="s">
        <v>118</v>
      </c>
      <c r="E10113">
        <v>2015</v>
      </c>
      <c r="F10113">
        <v>2015</v>
      </c>
      <c r="G10113" t="s">
        <v>126</v>
      </c>
      <c r="H10113" t="s">
        <v>120</v>
      </c>
      <c r="I10113" t="s">
        <v>15</v>
      </c>
      <c r="J10113" s="10">
        <v>9.3953870649999995</v>
      </c>
    </row>
    <row r="10114" spans="1:10" x14ac:dyDescent="0.35">
      <c r="A10114" t="s">
        <v>62</v>
      </c>
      <c r="B10114" t="s">
        <v>64</v>
      </c>
      <c r="C10114" t="s">
        <v>117</v>
      </c>
      <c r="D10114" t="s">
        <v>118</v>
      </c>
      <c r="E10114">
        <v>2015</v>
      </c>
      <c r="F10114">
        <v>2015</v>
      </c>
      <c r="G10114" t="s">
        <v>126</v>
      </c>
      <c r="H10114" t="s">
        <v>121</v>
      </c>
      <c r="I10114" t="s">
        <v>15</v>
      </c>
      <c r="J10114" s="10">
        <v>38.583243439999997</v>
      </c>
    </row>
    <row r="10115" spans="1:10" x14ac:dyDescent="0.35">
      <c r="A10115" t="s">
        <v>62</v>
      </c>
      <c r="B10115" t="s">
        <v>64</v>
      </c>
      <c r="C10115" t="s">
        <v>117</v>
      </c>
      <c r="D10115" t="s">
        <v>118</v>
      </c>
      <c r="E10115">
        <v>2015</v>
      </c>
      <c r="F10115">
        <v>2015</v>
      </c>
      <c r="G10115" t="s">
        <v>126</v>
      </c>
      <c r="H10115" t="s">
        <v>122</v>
      </c>
      <c r="I10115" t="s">
        <v>15</v>
      </c>
      <c r="J10115" s="10">
        <v>19.484255409999999</v>
      </c>
    </row>
    <row r="10116" spans="1:10" x14ac:dyDescent="0.35">
      <c r="A10116" t="s">
        <v>62</v>
      </c>
      <c r="B10116" t="s">
        <v>64</v>
      </c>
      <c r="C10116" t="s">
        <v>117</v>
      </c>
      <c r="D10116" t="s">
        <v>118</v>
      </c>
      <c r="E10116">
        <v>2015</v>
      </c>
      <c r="F10116">
        <v>2015</v>
      </c>
      <c r="G10116" t="s">
        <v>126</v>
      </c>
      <c r="H10116" t="s">
        <v>123</v>
      </c>
      <c r="I10116" t="s">
        <v>15</v>
      </c>
      <c r="J10116" s="10">
        <v>14.031437820000001</v>
      </c>
    </row>
    <row r="10117" spans="1:10" x14ac:dyDescent="0.35">
      <c r="A10117" t="s">
        <v>62</v>
      </c>
      <c r="B10117" t="s">
        <v>64</v>
      </c>
      <c r="C10117" t="s">
        <v>117</v>
      </c>
      <c r="D10117" t="s">
        <v>118</v>
      </c>
      <c r="E10117">
        <v>2015</v>
      </c>
      <c r="F10117">
        <v>2015</v>
      </c>
      <c r="G10117" t="s">
        <v>126</v>
      </c>
      <c r="H10117" t="s">
        <v>124</v>
      </c>
      <c r="I10117" t="s">
        <v>15</v>
      </c>
      <c r="J10117" s="10">
        <v>2.7456721630000001</v>
      </c>
    </row>
    <row r="10118" spans="1:10" x14ac:dyDescent="0.35">
      <c r="A10118" t="s">
        <v>62</v>
      </c>
      <c r="B10118" t="s">
        <v>64</v>
      </c>
      <c r="C10118" t="s">
        <v>117</v>
      </c>
      <c r="D10118" t="s">
        <v>118</v>
      </c>
      <c r="E10118">
        <v>2014</v>
      </c>
      <c r="F10118">
        <v>2014</v>
      </c>
      <c r="G10118" t="s">
        <v>14</v>
      </c>
      <c r="H10118" t="s">
        <v>119</v>
      </c>
      <c r="I10118" t="s">
        <v>15</v>
      </c>
      <c r="J10118" s="10">
        <v>16.590201759999999</v>
      </c>
    </row>
    <row r="10119" spans="1:10" x14ac:dyDescent="0.35">
      <c r="A10119" t="s">
        <v>62</v>
      </c>
      <c r="B10119" t="s">
        <v>64</v>
      </c>
      <c r="C10119" t="s">
        <v>117</v>
      </c>
      <c r="D10119" t="s">
        <v>118</v>
      </c>
      <c r="E10119">
        <v>2014</v>
      </c>
      <c r="F10119">
        <v>2014</v>
      </c>
      <c r="G10119" t="s">
        <v>14</v>
      </c>
      <c r="H10119" t="s">
        <v>120</v>
      </c>
      <c r="I10119" t="s">
        <v>15</v>
      </c>
      <c r="J10119" s="10">
        <v>10.07861129</v>
      </c>
    </row>
    <row r="10120" spans="1:10" x14ac:dyDescent="0.35">
      <c r="A10120" t="s">
        <v>62</v>
      </c>
      <c r="B10120" t="s">
        <v>64</v>
      </c>
      <c r="C10120" t="s">
        <v>117</v>
      </c>
      <c r="D10120" t="s">
        <v>118</v>
      </c>
      <c r="E10120">
        <v>2014</v>
      </c>
      <c r="F10120">
        <v>2014</v>
      </c>
      <c r="G10120" t="s">
        <v>14</v>
      </c>
      <c r="H10120" t="s">
        <v>121</v>
      </c>
      <c r="I10120" t="s">
        <v>15</v>
      </c>
      <c r="J10120" s="10">
        <v>39.155398150000003</v>
      </c>
    </row>
    <row r="10121" spans="1:10" x14ac:dyDescent="0.35">
      <c r="A10121" t="s">
        <v>62</v>
      </c>
      <c r="B10121" t="s">
        <v>64</v>
      </c>
      <c r="C10121" t="s">
        <v>117</v>
      </c>
      <c r="D10121" t="s">
        <v>118</v>
      </c>
      <c r="E10121">
        <v>2014</v>
      </c>
      <c r="F10121">
        <v>2014</v>
      </c>
      <c r="G10121" t="s">
        <v>14</v>
      </c>
      <c r="H10121" t="s">
        <v>122</v>
      </c>
      <c r="I10121" t="s">
        <v>15</v>
      </c>
      <c r="J10121" s="10">
        <v>19.09073836</v>
      </c>
    </row>
    <row r="10122" spans="1:10" x14ac:dyDescent="0.35">
      <c r="A10122" t="s">
        <v>62</v>
      </c>
      <c r="B10122" t="s">
        <v>64</v>
      </c>
      <c r="C10122" t="s">
        <v>117</v>
      </c>
      <c r="D10122" t="s">
        <v>118</v>
      </c>
      <c r="E10122">
        <v>2014</v>
      </c>
      <c r="F10122">
        <v>2014</v>
      </c>
      <c r="G10122" t="s">
        <v>14</v>
      </c>
      <c r="H10122" t="s">
        <v>123</v>
      </c>
      <c r="I10122" t="s">
        <v>15</v>
      </c>
      <c r="J10122" s="10">
        <v>13.11171925</v>
      </c>
    </row>
    <row r="10123" spans="1:10" x14ac:dyDescent="0.35">
      <c r="A10123" t="s">
        <v>62</v>
      </c>
      <c r="B10123" t="s">
        <v>64</v>
      </c>
      <c r="C10123" t="s">
        <v>117</v>
      </c>
      <c r="D10123" t="s">
        <v>118</v>
      </c>
      <c r="E10123">
        <v>2014</v>
      </c>
      <c r="F10123">
        <v>2014</v>
      </c>
      <c r="G10123" t="s">
        <v>14</v>
      </c>
      <c r="H10123" t="s">
        <v>124</v>
      </c>
      <c r="I10123" t="s">
        <v>15</v>
      </c>
      <c r="J10123" s="10">
        <v>1.9733311870000001</v>
      </c>
    </row>
    <row r="10124" spans="1:10" x14ac:dyDescent="0.35">
      <c r="A10124" t="s">
        <v>62</v>
      </c>
      <c r="B10124" t="s">
        <v>64</v>
      </c>
      <c r="C10124" t="s">
        <v>117</v>
      </c>
      <c r="D10124" t="s">
        <v>118</v>
      </c>
      <c r="E10124">
        <v>2014</v>
      </c>
      <c r="F10124">
        <v>2014</v>
      </c>
      <c r="G10124" t="s">
        <v>125</v>
      </c>
      <c r="H10124" t="s">
        <v>119</v>
      </c>
      <c r="I10124" t="s">
        <v>15</v>
      </c>
      <c r="J10124" s="10">
        <v>17.62658583</v>
      </c>
    </row>
    <row r="10125" spans="1:10" x14ac:dyDescent="0.35">
      <c r="A10125" t="s">
        <v>62</v>
      </c>
      <c r="B10125" t="s">
        <v>64</v>
      </c>
      <c r="C10125" t="s">
        <v>117</v>
      </c>
      <c r="D10125" t="s">
        <v>118</v>
      </c>
      <c r="E10125">
        <v>2014</v>
      </c>
      <c r="F10125">
        <v>2014</v>
      </c>
      <c r="G10125" t="s">
        <v>125</v>
      </c>
      <c r="H10125" t="s">
        <v>120</v>
      </c>
      <c r="I10125" t="s">
        <v>15</v>
      </c>
      <c r="J10125" s="10">
        <v>10.531043</v>
      </c>
    </row>
    <row r="10126" spans="1:10" x14ac:dyDescent="0.35">
      <c r="A10126" t="s">
        <v>62</v>
      </c>
      <c r="B10126" t="s">
        <v>64</v>
      </c>
      <c r="C10126" t="s">
        <v>117</v>
      </c>
      <c r="D10126" t="s">
        <v>118</v>
      </c>
      <c r="E10126">
        <v>2014</v>
      </c>
      <c r="F10126">
        <v>2014</v>
      </c>
      <c r="G10126" t="s">
        <v>125</v>
      </c>
      <c r="H10126" t="s">
        <v>121</v>
      </c>
      <c r="I10126" t="s">
        <v>15</v>
      </c>
      <c r="J10126" s="10">
        <v>39.62332997</v>
      </c>
    </row>
    <row r="10127" spans="1:10" x14ac:dyDescent="0.35">
      <c r="A10127" t="s">
        <v>62</v>
      </c>
      <c r="B10127" t="s">
        <v>64</v>
      </c>
      <c r="C10127" t="s">
        <v>117</v>
      </c>
      <c r="D10127" t="s">
        <v>118</v>
      </c>
      <c r="E10127">
        <v>2014</v>
      </c>
      <c r="F10127">
        <v>2014</v>
      </c>
      <c r="G10127" t="s">
        <v>125</v>
      </c>
      <c r="H10127" t="s">
        <v>122</v>
      </c>
      <c r="I10127" t="s">
        <v>15</v>
      </c>
      <c r="J10127" s="10">
        <v>18.985067919999999</v>
      </c>
    </row>
    <row r="10128" spans="1:10" x14ac:dyDescent="0.35">
      <c r="A10128" t="s">
        <v>62</v>
      </c>
      <c r="B10128" t="s">
        <v>64</v>
      </c>
      <c r="C10128" t="s">
        <v>117</v>
      </c>
      <c r="D10128" t="s">
        <v>118</v>
      </c>
      <c r="E10128">
        <v>2014</v>
      </c>
      <c r="F10128">
        <v>2014</v>
      </c>
      <c r="G10128" t="s">
        <v>125</v>
      </c>
      <c r="H10128" t="s">
        <v>123</v>
      </c>
      <c r="I10128" t="s">
        <v>15</v>
      </c>
      <c r="J10128" s="10">
        <v>12.13371506</v>
      </c>
    </row>
    <row r="10129" spans="1:10" x14ac:dyDescent="0.35">
      <c r="A10129" t="s">
        <v>62</v>
      </c>
      <c r="B10129" t="s">
        <v>64</v>
      </c>
      <c r="C10129" t="s">
        <v>117</v>
      </c>
      <c r="D10129" t="s">
        <v>118</v>
      </c>
      <c r="E10129">
        <v>2014</v>
      </c>
      <c r="F10129">
        <v>2014</v>
      </c>
      <c r="G10129" t="s">
        <v>125</v>
      </c>
      <c r="H10129" t="s">
        <v>124</v>
      </c>
      <c r="I10129" t="s">
        <v>15</v>
      </c>
      <c r="J10129" s="10">
        <v>1.1002582240000001</v>
      </c>
    </row>
    <row r="10130" spans="1:10" x14ac:dyDescent="0.35">
      <c r="A10130" t="s">
        <v>62</v>
      </c>
      <c r="B10130" t="s">
        <v>64</v>
      </c>
      <c r="C10130" t="s">
        <v>117</v>
      </c>
      <c r="D10130" t="s">
        <v>118</v>
      </c>
      <c r="E10130">
        <v>2014</v>
      </c>
      <c r="F10130">
        <v>2014</v>
      </c>
      <c r="G10130" t="s">
        <v>126</v>
      </c>
      <c r="H10130" t="s">
        <v>119</v>
      </c>
      <c r="I10130" t="s">
        <v>15</v>
      </c>
      <c r="J10130" s="10">
        <v>15.64138144</v>
      </c>
    </row>
    <row r="10131" spans="1:10" x14ac:dyDescent="0.35">
      <c r="A10131" t="s">
        <v>62</v>
      </c>
      <c r="B10131" t="s">
        <v>64</v>
      </c>
      <c r="C10131" t="s">
        <v>117</v>
      </c>
      <c r="D10131" t="s">
        <v>118</v>
      </c>
      <c r="E10131">
        <v>2014</v>
      </c>
      <c r="F10131">
        <v>2014</v>
      </c>
      <c r="G10131" t="s">
        <v>126</v>
      </c>
      <c r="H10131" t="s">
        <v>120</v>
      </c>
      <c r="I10131" t="s">
        <v>15</v>
      </c>
      <c r="J10131" s="10">
        <v>9.6644053860000003</v>
      </c>
    </row>
    <row r="10132" spans="1:10" x14ac:dyDescent="0.35">
      <c r="A10132" t="s">
        <v>62</v>
      </c>
      <c r="B10132" t="s">
        <v>64</v>
      </c>
      <c r="C10132" t="s">
        <v>117</v>
      </c>
      <c r="D10132" t="s">
        <v>118</v>
      </c>
      <c r="E10132">
        <v>2014</v>
      </c>
      <c r="F10132">
        <v>2014</v>
      </c>
      <c r="G10132" t="s">
        <v>126</v>
      </c>
      <c r="H10132" t="s">
        <v>121</v>
      </c>
      <c r="I10132" t="s">
        <v>15</v>
      </c>
      <c r="J10132" s="10">
        <v>38.727001749999999</v>
      </c>
    </row>
    <row r="10133" spans="1:10" x14ac:dyDescent="0.35">
      <c r="A10133" t="s">
        <v>62</v>
      </c>
      <c r="B10133" t="s">
        <v>64</v>
      </c>
      <c r="C10133" t="s">
        <v>117</v>
      </c>
      <c r="D10133" t="s">
        <v>118</v>
      </c>
      <c r="E10133">
        <v>2014</v>
      </c>
      <c r="F10133">
        <v>2014</v>
      </c>
      <c r="G10133" t="s">
        <v>126</v>
      </c>
      <c r="H10133" t="s">
        <v>122</v>
      </c>
      <c r="I10133" t="s">
        <v>15</v>
      </c>
      <c r="J10133" s="10">
        <v>19.187480730000001</v>
      </c>
    </row>
    <row r="10134" spans="1:10" x14ac:dyDescent="0.35">
      <c r="A10134" t="s">
        <v>62</v>
      </c>
      <c r="B10134" t="s">
        <v>64</v>
      </c>
      <c r="C10134" t="s">
        <v>117</v>
      </c>
      <c r="D10134" t="s">
        <v>118</v>
      </c>
      <c r="E10134">
        <v>2014</v>
      </c>
      <c r="F10134">
        <v>2014</v>
      </c>
      <c r="G10134" t="s">
        <v>126</v>
      </c>
      <c r="H10134" t="s">
        <v>123</v>
      </c>
      <c r="I10134" t="s">
        <v>15</v>
      </c>
      <c r="J10134" s="10">
        <v>14.007092200000001</v>
      </c>
    </row>
    <row r="10135" spans="1:10" x14ac:dyDescent="0.35">
      <c r="A10135" t="s">
        <v>62</v>
      </c>
      <c r="B10135" t="s">
        <v>64</v>
      </c>
      <c r="C10135" t="s">
        <v>117</v>
      </c>
      <c r="D10135" t="s">
        <v>118</v>
      </c>
      <c r="E10135">
        <v>2014</v>
      </c>
      <c r="F10135">
        <v>2014</v>
      </c>
      <c r="G10135" t="s">
        <v>126</v>
      </c>
      <c r="H10135" t="s">
        <v>124</v>
      </c>
      <c r="I10135" t="s">
        <v>15</v>
      </c>
      <c r="J10135" s="10">
        <v>2.772638503</v>
      </c>
    </row>
    <row r="10136" spans="1:10" x14ac:dyDescent="0.35">
      <c r="A10136" t="s">
        <v>62</v>
      </c>
      <c r="B10136" t="s">
        <v>64</v>
      </c>
      <c r="C10136" t="s">
        <v>117</v>
      </c>
      <c r="D10136" t="s">
        <v>118</v>
      </c>
      <c r="E10136">
        <v>2013</v>
      </c>
      <c r="F10136">
        <v>2013</v>
      </c>
      <c r="G10136" t="s">
        <v>14</v>
      </c>
      <c r="H10136" t="s">
        <v>119</v>
      </c>
      <c r="I10136" t="s">
        <v>15</v>
      </c>
      <c r="J10136" s="10">
        <v>16.623659379999999</v>
      </c>
    </row>
    <row r="10137" spans="1:10" x14ac:dyDescent="0.35">
      <c r="A10137" t="s">
        <v>62</v>
      </c>
      <c r="B10137" t="s">
        <v>64</v>
      </c>
      <c r="C10137" t="s">
        <v>117</v>
      </c>
      <c r="D10137" t="s">
        <v>118</v>
      </c>
      <c r="E10137">
        <v>2013</v>
      </c>
      <c r="F10137">
        <v>2013</v>
      </c>
      <c r="G10137" t="s">
        <v>14</v>
      </c>
      <c r="H10137" t="s">
        <v>120</v>
      </c>
      <c r="I10137" t="s">
        <v>15</v>
      </c>
      <c r="J10137" s="10">
        <v>10.380883259999999</v>
      </c>
    </row>
    <row r="10138" spans="1:10" x14ac:dyDescent="0.35">
      <c r="A10138" t="s">
        <v>62</v>
      </c>
      <c r="B10138" t="s">
        <v>64</v>
      </c>
      <c r="C10138" t="s">
        <v>117</v>
      </c>
      <c r="D10138" t="s">
        <v>118</v>
      </c>
      <c r="E10138">
        <v>2013</v>
      </c>
      <c r="F10138">
        <v>2013</v>
      </c>
      <c r="G10138" t="s">
        <v>14</v>
      </c>
      <c r="H10138" t="s">
        <v>121</v>
      </c>
      <c r="I10138" t="s">
        <v>15</v>
      </c>
      <c r="J10138" s="10">
        <v>39.207859579999997</v>
      </c>
    </row>
    <row r="10139" spans="1:10" x14ac:dyDescent="0.35">
      <c r="A10139" t="s">
        <v>62</v>
      </c>
      <c r="B10139" t="s">
        <v>64</v>
      </c>
      <c r="C10139" t="s">
        <v>117</v>
      </c>
      <c r="D10139" t="s">
        <v>118</v>
      </c>
      <c r="E10139">
        <v>2013</v>
      </c>
      <c r="F10139">
        <v>2013</v>
      </c>
      <c r="G10139" t="s">
        <v>14</v>
      </c>
      <c r="H10139" t="s">
        <v>122</v>
      </c>
      <c r="I10139" t="s">
        <v>15</v>
      </c>
      <c r="J10139" s="10">
        <v>18.82375077</v>
      </c>
    </row>
    <row r="10140" spans="1:10" x14ac:dyDescent="0.35">
      <c r="A10140" t="s">
        <v>62</v>
      </c>
      <c r="B10140" t="s">
        <v>64</v>
      </c>
      <c r="C10140" t="s">
        <v>117</v>
      </c>
      <c r="D10140" t="s">
        <v>118</v>
      </c>
      <c r="E10140">
        <v>2013</v>
      </c>
      <c r="F10140">
        <v>2013</v>
      </c>
      <c r="G10140" t="s">
        <v>14</v>
      </c>
      <c r="H10140" t="s">
        <v>123</v>
      </c>
      <c r="I10140" t="s">
        <v>15</v>
      </c>
      <c r="J10140" s="10">
        <v>13.063462619999999</v>
      </c>
    </row>
    <row r="10141" spans="1:10" x14ac:dyDescent="0.35">
      <c r="A10141" t="s">
        <v>62</v>
      </c>
      <c r="B10141" t="s">
        <v>64</v>
      </c>
      <c r="C10141" t="s">
        <v>117</v>
      </c>
      <c r="D10141" t="s">
        <v>118</v>
      </c>
      <c r="E10141">
        <v>2013</v>
      </c>
      <c r="F10141">
        <v>2013</v>
      </c>
      <c r="G10141" t="s">
        <v>14</v>
      </c>
      <c r="H10141" t="s">
        <v>124</v>
      </c>
      <c r="I10141" t="s">
        <v>15</v>
      </c>
      <c r="J10141" s="10">
        <v>1.900384378</v>
      </c>
    </row>
    <row r="10142" spans="1:10" x14ac:dyDescent="0.35">
      <c r="A10142" t="s">
        <v>62</v>
      </c>
      <c r="B10142" t="s">
        <v>64</v>
      </c>
      <c r="C10142" t="s">
        <v>117</v>
      </c>
      <c r="D10142" t="s">
        <v>118</v>
      </c>
      <c r="E10142">
        <v>2013</v>
      </c>
      <c r="F10142">
        <v>2013</v>
      </c>
      <c r="G10142" t="s">
        <v>125</v>
      </c>
      <c r="H10142" t="s">
        <v>119</v>
      </c>
      <c r="I10142" t="s">
        <v>15</v>
      </c>
      <c r="J10142" s="10">
        <v>17.644082090000001</v>
      </c>
    </row>
    <row r="10143" spans="1:10" x14ac:dyDescent="0.35">
      <c r="A10143" t="s">
        <v>62</v>
      </c>
      <c r="B10143" t="s">
        <v>64</v>
      </c>
      <c r="C10143" t="s">
        <v>117</v>
      </c>
      <c r="D10143" t="s">
        <v>118</v>
      </c>
      <c r="E10143">
        <v>2013</v>
      </c>
      <c r="F10143">
        <v>2013</v>
      </c>
      <c r="G10143" t="s">
        <v>125</v>
      </c>
      <c r="H10143" t="s">
        <v>120</v>
      </c>
      <c r="I10143" t="s">
        <v>15</v>
      </c>
      <c r="J10143" s="10">
        <v>10.944616249999999</v>
      </c>
    </row>
    <row r="10144" spans="1:10" x14ac:dyDescent="0.35">
      <c r="A10144" t="s">
        <v>62</v>
      </c>
      <c r="B10144" t="s">
        <v>64</v>
      </c>
      <c r="C10144" t="s">
        <v>117</v>
      </c>
      <c r="D10144" t="s">
        <v>118</v>
      </c>
      <c r="E10144">
        <v>2013</v>
      </c>
      <c r="F10144">
        <v>2013</v>
      </c>
      <c r="G10144" t="s">
        <v>125</v>
      </c>
      <c r="H10144" t="s">
        <v>121</v>
      </c>
      <c r="I10144" t="s">
        <v>15</v>
      </c>
      <c r="J10144" s="10">
        <v>39.61203261</v>
      </c>
    </row>
    <row r="10145" spans="1:10" x14ac:dyDescent="0.35">
      <c r="A10145" t="s">
        <v>62</v>
      </c>
      <c r="B10145" t="s">
        <v>64</v>
      </c>
      <c r="C10145" t="s">
        <v>117</v>
      </c>
      <c r="D10145" t="s">
        <v>118</v>
      </c>
      <c r="E10145">
        <v>2013</v>
      </c>
      <c r="F10145">
        <v>2013</v>
      </c>
      <c r="G10145" t="s">
        <v>125</v>
      </c>
      <c r="H10145" t="s">
        <v>122</v>
      </c>
      <c r="I10145" t="s">
        <v>15</v>
      </c>
      <c r="J10145" s="10">
        <v>18.84734327</v>
      </c>
    </row>
    <row r="10146" spans="1:10" x14ac:dyDescent="0.35">
      <c r="A10146" t="s">
        <v>62</v>
      </c>
      <c r="B10146" t="s">
        <v>64</v>
      </c>
      <c r="C10146" t="s">
        <v>117</v>
      </c>
      <c r="D10146" t="s">
        <v>118</v>
      </c>
      <c r="E10146">
        <v>2013</v>
      </c>
      <c r="F10146">
        <v>2013</v>
      </c>
      <c r="G10146" t="s">
        <v>125</v>
      </c>
      <c r="H10146" t="s">
        <v>123</v>
      </c>
      <c r="I10146" t="s">
        <v>15</v>
      </c>
      <c r="J10146" s="10">
        <v>11.84143942</v>
      </c>
    </row>
    <row r="10147" spans="1:10" x14ac:dyDescent="0.35">
      <c r="A10147" t="s">
        <v>62</v>
      </c>
      <c r="B10147" t="s">
        <v>64</v>
      </c>
      <c r="C10147" t="s">
        <v>117</v>
      </c>
      <c r="D10147" t="s">
        <v>118</v>
      </c>
      <c r="E10147">
        <v>2013</v>
      </c>
      <c r="F10147">
        <v>2013</v>
      </c>
      <c r="G10147" t="s">
        <v>125</v>
      </c>
      <c r="H10147" t="s">
        <v>124</v>
      </c>
      <c r="I10147" t="s">
        <v>15</v>
      </c>
      <c r="J10147" s="10">
        <v>1.1104863650000001</v>
      </c>
    </row>
    <row r="10148" spans="1:10" x14ac:dyDescent="0.35">
      <c r="A10148" t="s">
        <v>62</v>
      </c>
      <c r="B10148" t="s">
        <v>64</v>
      </c>
      <c r="C10148" t="s">
        <v>117</v>
      </c>
      <c r="D10148" t="s">
        <v>118</v>
      </c>
      <c r="E10148">
        <v>2013</v>
      </c>
      <c r="F10148">
        <v>2013</v>
      </c>
      <c r="G10148" t="s">
        <v>126</v>
      </c>
      <c r="H10148" t="s">
        <v>119</v>
      </c>
      <c r="I10148" t="s">
        <v>15</v>
      </c>
      <c r="J10148" s="10">
        <v>15.6890514</v>
      </c>
    </row>
    <row r="10149" spans="1:10" x14ac:dyDescent="0.35">
      <c r="A10149" t="s">
        <v>62</v>
      </c>
      <c r="B10149" t="s">
        <v>64</v>
      </c>
      <c r="C10149" t="s">
        <v>117</v>
      </c>
      <c r="D10149" t="s">
        <v>118</v>
      </c>
      <c r="E10149">
        <v>2013</v>
      </c>
      <c r="F10149">
        <v>2013</v>
      </c>
      <c r="G10149" t="s">
        <v>126</v>
      </c>
      <c r="H10149" t="s">
        <v>120</v>
      </c>
      <c r="I10149" t="s">
        <v>15</v>
      </c>
      <c r="J10149" s="10">
        <v>9.8645586569999999</v>
      </c>
    </row>
    <row r="10150" spans="1:10" x14ac:dyDescent="0.35">
      <c r="A10150" t="s">
        <v>62</v>
      </c>
      <c r="B10150" t="s">
        <v>64</v>
      </c>
      <c r="C10150" t="s">
        <v>117</v>
      </c>
      <c r="D10150" t="s">
        <v>118</v>
      </c>
      <c r="E10150">
        <v>2013</v>
      </c>
      <c r="F10150">
        <v>2013</v>
      </c>
      <c r="G10150" t="s">
        <v>126</v>
      </c>
      <c r="H10150" t="s">
        <v>121</v>
      </c>
      <c r="I10150" t="s">
        <v>15</v>
      </c>
      <c r="J10150" s="10">
        <v>38.837676379999998</v>
      </c>
    </row>
    <row r="10151" spans="1:10" x14ac:dyDescent="0.35">
      <c r="A10151" t="s">
        <v>62</v>
      </c>
      <c r="B10151" t="s">
        <v>64</v>
      </c>
      <c r="C10151" t="s">
        <v>117</v>
      </c>
      <c r="D10151" t="s">
        <v>118</v>
      </c>
      <c r="E10151">
        <v>2013</v>
      </c>
      <c r="F10151">
        <v>2013</v>
      </c>
      <c r="G10151" t="s">
        <v>126</v>
      </c>
      <c r="H10151" t="s">
        <v>122</v>
      </c>
      <c r="I10151" t="s">
        <v>15</v>
      </c>
      <c r="J10151" s="10">
        <v>18.80214234</v>
      </c>
    </row>
    <row r="10152" spans="1:10" x14ac:dyDescent="0.35">
      <c r="A10152" t="s">
        <v>62</v>
      </c>
      <c r="B10152" t="s">
        <v>64</v>
      </c>
      <c r="C10152" t="s">
        <v>117</v>
      </c>
      <c r="D10152" t="s">
        <v>118</v>
      </c>
      <c r="E10152">
        <v>2013</v>
      </c>
      <c r="F10152">
        <v>2013</v>
      </c>
      <c r="G10152" t="s">
        <v>126</v>
      </c>
      <c r="H10152" t="s">
        <v>123</v>
      </c>
      <c r="I10152" t="s">
        <v>15</v>
      </c>
      <c r="J10152" s="10">
        <v>14.182717070000001</v>
      </c>
    </row>
    <row r="10153" spans="1:10" x14ac:dyDescent="0.35">
      <c r="A10153" t="s">
        <v>62</v>
      </c>
      <c r="B10153" t="s">
        <v>64</v>
      </c>
      <c r="C10153" t="s">
        <v>117</v>
      </c>
      <c r="D10153" t="s">
        <v>118</v>
      </c>
      <c r="E10153">
        <v>2013</v>
      </c>
      <c r="F10153">
        <v>2013</v>
      </c>
      <c r="G10153" t="s">
        <v>126</v>
      </c>
      <c r="H10153" t="s">
        <v>124</v>
      </c>
      <c r="I10153" t="s">
        <v>15</v>
      </c>
      <c r="J10153" s="10">
        <v>2.6238541560000002</v>
      </c>
    </row>
    <row r="10154" spans="1:10" x14ac:dyDescent="0.35">
      <c r="A10154" t="s">
        <v>62</v>
      </c>
      <c r="B10154" t="s">
        <v>64</v>
      </c>
      <c r="C10154" t="s">
        <v>117</v>
      </c>
      <c r="D10154" t="s">
        <v>118</v>
      </c>
      <c r="E10154">
        <v>2012</v>
      </c>
      <c r="F10154">
        <v>2012</v>
      </c>
      <c r="G10154" t="s">
        <v>14</v>
      </c>
      <c r="H10154" t="s">
        <v>119</v>
      </c>
      <c r="I10154" t="s">
        <v>15</v>
      </c>
      <c r="J10154" s="10">
        <v>16.840722320000001</v>
      </c>
    </row>
    <row r="10155" spans="1:10" x14ac:dyDescent="0.35">
      <c r="A10155" t="s">
        <v>62</v>
      </c>
      <c r="B10155" t="s">
        <v>64</v>
      </c>
      <c r="C10155" t="s">
        <v>117</v>
      </c>
      <c r="D10155" t="s">
        <v>118</v>
      </c>
      <c r="E10155">
        <v>2012</v>
      </c>
      <c r="F10155">
        <v>2012</v>
      </c>
      <c r="G10155" t="s">
        <v>14</v>
      </c>
      <c r="H10155" t="s">
        <v>120</v>
      </c>
      <c r="I10155" t="s">
        <v>15</v>
      </c>
      <c r="J10155" s="10">
        <v>10.74631668</v>
      </c>
    </row>
    <row r="10156" spans="1:10" x14ac:dyDescent="0.35">
      <c r="A10156" t="s">
        <v>62</v>
      </c>
      <c r="B10156" t="s">
        <v>64</v>
      </c>
      <c r="C10156" t="s">
        <v>117</v>
      </c>
      <c r="D10156" t="s">
        <v>118</v>
      </c>
      <c r="E10156">
        <v>2012</v>
      </c>
      <c r="F10156">
        <v>2012</v>
      </c>
      <c r="G10156" t="s">
        <v>14</v>
      </c>
      <c r="H10156" t="s">
        <v>121</v>
      </c>
      <c r="I10156" t="s">
        <v>15</v>
      </c>
      <c r="J10156" s="10">
        <v>38.987572559999997</v>
      </c>
    </row>
    <row r="10157" spans="1:10" x14ac:dyDescent="0.35">
      <c r="A10157" t="s">
        <v>62</v>
      </c>
      <c r="B10157" t="s">
        <v>64</v>
      </c>
      <c r="C10157" t="s">
        <v>117</v>
      </c>
      <c r="D10157" t="s">
        <v>118</v>
      </c>
      <c r="E10157">
        <v>2012</v>
      </c>
      <c r="F10157">
        <v>2012</v>
      </c>
      <c r="G10157" t="s">
        <v>14</v>
      </c>
      <c r="H10157" t="s">
        <v>122</v>
      </c>
      <c r="I10157" t="s">
        <v>15</v>
      </c>
      <c r="J10157" s="10">
        <v>18.670652740000001</v>
      </c>
    </row>
    <row r="10158" spans="1:10" x14ac:dyDescent="0.35">
      <c r="A10158" t="s">
        <v>62</v>
      </c>
      <c r="B10158" t="s">
        <v>64</v>
      </c>
      <c r="C10158" t="s">
        <v>117</v>
      </c>
      <c r="D10158" t="s">
        <v>118</v>
      </c>
      <c r="E10158">
        <v>2012</v>
      </c>
      <c r="F10158">
        <v>2012</v>
      </c>
      <c r="G10158" t="s">
        <v>14</v>
      </c>
      <c r="H10158" t="s">
        <v>123</v>
      </c>
      <c r="I10158" t="s">
        <v>15</v>
      </c>
      <c r="J10158" s="10">
        <v>12.8483906</v>
      </c>
    </row>
    <row r="10159" spans="1:10" x14ac:dyDescent="0.35">
      <c r="A10159" t="s">
        <v>62</v>
      </c>
      <c r="B10159" t="s">
        <v>64</v>
      </c>
      <c r="C10159" t="s">
        <v>117</v>
      </c>
      <c r="D10159" t="s">
        <v>118</v>
      </c>
      <c r="E10159">
        <v>2012</v>
      </c>
      <c r="F10159">
        <v>2012</v>
      </c>
      <c r="G10159" t="s">
        <v>14</v>
      </c>
      <c r="H10159" t="s">
        <v>124</v>
      </c>
      <c r="I10159" t="s">
        <v>15</v>
      </c>
      <c r="J10159" s="10">
        <v>1.9063450989999999</v>
      </c>
    </row>
    <row r="10160" spans="1:10" x14ac:dyDescent="0.35">
      <c r="A10160" t="s">
        <v>62</v>
      </c>
      <c r="B10160" t="s">
        <v>64</v>
      </c>
      <c r="C10160" t="s">
        <v>117</v>
      </c>
      <c r="D10160" t="s">
        <v>118</v>
      </c>
      <c r="E10160">
        <v>2012</v>
      </c>
      <c r="F10160">
        <v>2012</v>
      </c>
      <c r="G10160" t="s">
        <v>125</v>
      </c>
      <c r="H10160" t="s">
        <v>119</v>
      </c>
      <c r="I10160" t="s">
        <v>15</v>
      </c>
      <c r="J10160" s="10">
        <v>17.886864599999999</v>
      </c>
    </row>
    <row r="10161" spans="1:10" x14ac:dyDescent="0.35">
      <c r="A10161" t="s">
        <v>62</v>
      </c>
      <c r="B10161" t="s">
        <v>64</v>
      </c>
      <c r="C10161" t="s">
        <v>117</v>
      </c>
      <c r="D10161" t="s">
        <v>118</v>
      </c>
      <c r="E10161">
        <v>2012</v>
      </c>
      <c r="F10161">
        <v>2012</v>
      </c>
      <c r="G10161" t="s">
        <v>125</v>
      </c>
      <c r="H10161" t="s">
        <v>120</v>
      </c>
      <c r="I10161" t="s">
        <v>15</v>
      </c>
      <c r="J10161" s="10">
        <v>11.32197481</v>
      </c>
    </row>
    <row r="10162" spans="1:10" x14ac:dyDescent="0.35">
      <c r="A10162" t="s">
        <v>62</v>
      </c>
      <c r="B10162" t="s">
        <v>64</v>
      </c>
      <c r="C10162" t="s">
        <v>117</v>
      </c>
      <c r="D10162" t="s">
        <v>118</v>
      </c>
      <c r="E10162">
        <v>2012</v>
      </c>
      <c r="F10162">
        <v>2012</v>
      </c>
      <c r="G10162" t="s">
        <v>125</v>
      </c>
      <c r="H10162" t="s">
        <v>121</v>
      </c>
      <c r="I10162" t="s">
        <v>15</v>
      </c>
      <c r="J10162" s="10">
        <v>39.40620783</v>
      </c>
    </row>
    <row r="10163" spans="1:10" x14ac:dyDescent="0.35">
      <c r="A10163" t="s">
        <v>62</v>
      </c>
      <c r="B10163" t="s">
        <v>64</v>
      </c>
      <c r="C10163" t="s">
        <v>117</v>
      </c>
      <c r="D10163" t="s">
        <v>118</v>
      </c>
      <c r="E10163">
        <v>2012</v>
      </c>
      <c r="F10163">
        <v>2012</v>
      </c>
      <c r="G10163" t="s">
        <v>125</v>
      </c>
      <c r="H10163" t="s">
        <v>122</v>
      </c>
      <c r="I10163" t="s">
        <v>15</v>
      </c>
      <c r="J10163" s="10">
        <v>18.876518220000001</v>
      </c>
    </row>
    <row r="10164" spans="1:10" x14ac:dyDescent="0.35">
      <c r="A10164" t="s">
        <v>62</v>
      </c>
      <c r="B10164" t="s">
        <v>64</v>
      </c>
      <c r="C10164" t="s">
        <v>117</v>
      </c>
      <c r="D10164" t="s">
        <v>118</v>
      </c>
      <c r="E10164">
        <v>2012</v>
      </c>
      <c r="F10164">
        <v>2012</v>
      </c>
      <c r="G10164" t="s">
        <v>125</v>
      </c>
      <c r="H10164" t="s">
        <v>123</v>
      </c>
      <c r="I10164" t="s">
        <v>15</v>
      </c>
      <c r="J10164" s="10">
        <v>11.39507422</v>
      </c>
    </row>
    <row r="10165" spans="1:10" x14ac:dyDescent="0.35">
      <c r="A10165" t="s">
        <v>62</v>
      </c>
      <c r="B10165" t="s">
        <v>64</v>
      </c>
      <c r="C10165" t="s">
        <v>117</v>
      </c>
      <c r="D10165" t="s">
        <v>118</v>
      </c>
      <c r="E10165">
        <v>2012</v>
      </c>
      <c r="F10165">
        <v>2012</v>
      </c>
      <c r="G10165" t="s">
        <v>125</v>
      </c>
      <c r="H10165" t="s">
        <v>124</v>
      </c>
      <c r="I10165" t="s">
        <v>15</v>
      </c>
      <c r="J10165" s="10">
        <v>1.1133603240000001</v>
      </c>
    </row>
    <row r="10166" spans="1:10" x14ac:dyDescent="0.35">
      <c r="A10166" t="s">
        <v>62</v>
      </c>
      <c r="B10166" t="s">
        <v>64</v>
      </c>
      <c r="C10166" t="s">
        <v>117</v>
      </c>
      <c r="D10166" t="s">
        <v>118</v>
      </c>
      <c r="E10166">
        <v>2012</v>
      </c>
      <c r="F10166">
        <v>2012</v>
      </c>
      <c r="G10166" t="s">
        <v>126</v>
      </c>
      <c r="H10166" t="s">
        <v>119</v>
      </c>
      <c r="I10166" t="s">
        <v>15</v>
      </c>
      <c r="J10166" s="10">
        <v>15.88725176</v>
      </c>
    </row>
    <row r="10167" spans="1:10" x14ac:dyDescent="0.35">
      <c r="A10167" t="s">
        <v>62</v>
      </c>
      <c r="B10167" t="s">
        <v>64</v>
      </c>
      <c r="C10167" t="s">
        <v>117</v>
      </c>
      <c r="D10167" t="s">
        <v>118</v>
      </c>
      <c r="E10167">
        <v>2012</v>
      </c>
      <c r="F10167">
        <v>2012</v>
      </c>
      <c r="G10167" t="s">
        <v>126</v>
      </c>
      <c r="H10167" t="s">
        <v>120</v>
      </c>
      <c r="I10167" t="s">
        <v>15</v>
      </c>
      <c r="J10167" s="10">
        <v>10.22165279</v>
      </c>
    </row>
    <row r="10168" spans="1:10" x14ac:dyDescent="0.35">
      <c r="A10168" t="s">
        <v>62</v>
      </c>
      <c r="B10168" t="s">
        <v>64</v>
      </c>
      <c r="C10168" t="s">
        <v>117</v>
      </c>
      <c r="D10168" t="s">
        <v>118</v>
      </c>
      <c r="E10168">
        <v>2012</v>
      </c>
      <c r="F10168">
        <v>2012</v>
      </c>
      <c r="G10168" t="s">
        <v>126</v>
      </c>
      <c r="H10168" t="s">
        <v>121</v>
      </c>
      <c r="I10168" t="s">
        <v>15</v>
      </c>
      <c r="J10168" s="10">
        <v>38.606021779999999</v>
      </c>
    </row>
    <row r="10169" spans="1:10" x14ac:dyDescent="0.35">
      <c r="A10169" t="s">
        <v>62</v>
      </c>
      <c r="B10169" t="s">
        <v>64</v>
      </c>
      <c r="C10169" t="s">
        <v>117</v>
      </c>
      <c r="D10169" t="s">
        <v>118</v>
      </c>
      <c r="E10169">
        <v>2012</v>
      </c>
      <c r="F10169">
        <v>2012</v>
      </c>
      <c r="G10169" t="s">
        <v>126</v>
      </c>
      <c r="H10169" t="s">
        <v>122</v>
      </c>
      <c r="I10169" t="s">
        <v>15</v>
      </c>
      <c r="J10169" s="10">
        <v>18.4830237</v>
      </c>
    </row>
    <row r="10170" spans="1:10" x14ac:dyDescent="0.35">
      <c r="A10170" t="s">
        <v>62</v>
      </c>
      <c r="B10170" t="s">
        <v>64</v>
      </c>
      <c r="C10170" t="s">
        <v>117</v>
      </c>
      <c r="D10170" t="s">
        <v>118</v>
      </c>
      <c r="E10170">
        <v>2012</v>
      </c>
      <c r="F10170">
        <v>2012</v>
      </c>
      <c r="G10170" t="s">
        <v>126</v>
      </c>
      <c r="H10170" t="s">
        <v>123</v>
      </c>
      <c r="I10170" t="s">
        <v>15</v>
      </c>
      <c r="J10170" s="10">
        <v>14.172966049999999</v>
      </c>
    </row>
    <row r="10171" spans="1:10" x14ac:dyDescent="0.35">
      <c r="A10171" t="s">
        <v>62</v>
      </c>
      <c r="B10171" t="s">
        <v>64</v>
      </c>
      <c r="C10171" t="s">
        <v>117</v>
      </c>
      <c r="D10171" t="s">
        <v>118</v>
      </c>
      <c r="E10171">
        <v>2012</v>
      </c>
      <c r="F10171">
        <v>2012</v>
      </c>
      <c r="G10171" t="s">
        <v>126</v>
      </c>
      <c r="H10171" t="s">
        <v>124</v>
      </c>
      <c r="I10171" t="s">
        <v>15</v>
      </c>
      <c r="J10171" s="10">
        <v>2.6290839209999999</v>
      </c>
    </row>
    <row r="10172" spans="1:10" x14ac:dyDescent="0.35">
      <c r="A10172" t="s">
        <v>62</v>
      </c>
      <c r="B10172" t="s">
        <v>64</v>
      </c>
      <c r="C10172" t="s">
        <v>117</v>
      </c>
      <c r="D10172" t="s">
        <v>118</v>
      </c>
      <c r="E10172">
        <v>2011</v>
      </c>
      <c r="F10172">
        <v>2011</v>
      </c>
      <c r="G10172" t="s">
        <v>14</v>
      </c>
      <c r="H10172" t="s">
        <v>119</v>
      </c>
      <c r="I10172" t="s">
        <v>15</v>
      </c>
      <c r="J10172" s="10">
        <v>16.856672069999998</v>
      </c>
    </row>
    <row r="10173" spans="1:10" x14ac:dyDescent="0.35">
      <c r="A10173" t="s">
        <v>62</v>
      </c>
      <c r="B10173" t="s">
        <v>64</v>
      </c>
      <c r="C10173" t="s">
        <v>117</v>
      </c>
      <c r="D10173" t="s">
        <v>118</v>
      </c>
      <c r="E10173">
        <v>2011</v>
      </c>
      <c r="F10173">
        <v>2011</v>
      </c>
      <c r="G10173" t="s">
        <v>14</v>
      </c>
      <c r="H10173" t="s">
        <v>120</v>
      </c>
      <c r="I10173" t="s">
        <v>15</v>
      </c>
      <c r="J10173" s="10">
        <v>11.03192359</v>
      </c>
    </row>
    <row r="10174" spans="1:10" x14ac:dyDescent="0.35">
      <c r="A10174" t="s">
        <v>62</v>
      </c>
      <c r="B10174" t="s">
        <v>64</v>
      </c>
      <c r="C10174" t="s">
        <v>117</v>
      </c>
      <c r="D10174" t="s">
        <v>118</v>
      </c>
      <c r="E10174">
        <v>2011</v>
      </c>
      <c r="F10174">
        <v>2011</v>
      </c>
      <c r="G10174" t="s">
        <v>14</v>
      </c>
      <c r="H10174" t="s">
        <v>121</v>
      </c>
      <c r="I10174" t="s">
        <v>15</v>
      </c>
      <c r="J10174" s="10">
        <v>39.173710929999999</v>
      </c>
    </row>
    <row r="10175" spans="1:10" x14ac:dyDescent="0.35">
      <c r="A10175" t="s">
        <v>62</v>
      </c>
      <c r="B10175" t="s">
        <v>64</v>
      </c>
      <c r="C10175" t="s">
        <v>117</v>
      </c>
      <c r="D10175" t="s">
        <v>118</v>
      </c>
      <c r="E10175">
        <v>2011</v>
      </c>
      <c r="F10175">
        <v>2011</v>
      </c>
      <c r="G10175" t="s">
        <v>14</v>
      </c>
      <c r="H10175" t="s">
        <v>122</v>
      </c>
      <c r="I10175" t="s">
        <v>15</v>
      </c>
      <c r="J10175" s="10">
        <v>18.508446419999999</v>
      </c>
    </row>
    <row r="10176" spans="1:10" x14ac:dyDescent="0.35">
      <c r="A10176" t="s">
        <v>62</v>
      </c>
      <c r="B10176" t="s">
        <v>64</v>
      </c>
      <c r="C10176" t="s">
        <v>117</v>
      </c>
      <c r="D10176" t="s">
        <v>118</v>
      </c>
      <c r="E10176">
        <v>2011</v>
      </c>
      <c r="F10176">
        <v>2011</v>
      </c>
      <c r="G10176" t="s">
        <v>14</v>
      </c>
      <c r="H10176" t="s">
        <v>123</v>
      </c>
      <c r="I10176" t="s">
        <v>15</v>
      </c>
      <c r="J10176" s="10">
        <v>12.618055650000001</v>
      </c>
    </row>
    <row r="10177" spans="1:10" x14ac:dyDescent="0.35">
      <c r="A10177" t="s">
        <v>62</v>
      </c>
      <c r="B10177" t="s">
        <v>64</v>
      </c>
      <c r="C10177" t="s">
        <v>117</v>
      </c>
      <c r="D10177" t="s">
        <v>118</v>
      </c>
      <c r="E10177">
        <v>2011</v>
      </c>
      <c r="F10177">
        <v>2011</v>
      </c>
      <c r="G10177" t="s">
        <v>14</v>
      </c>
      <c r="H10177" t="s">
        <v>124</v>
      </c>
      <c r="I10177" t="s">
        <v>15</v>
      </c>
      <c r="J10177" s="10">
        <v>1.811191341</v>
      </c>
    </row>
    <row r="10178" spans="1:10" x14ac:dyDescent="0.35">
      <c r="A10178" t="s">
        <v>62</v>
      </c>
      <c r="B10178" t="s">
        <v>64</v>
      </c>
      <c r="C10178" t="s">
        <v>117</v>
      </c>
      <c r="D10178" t="s">
        <v>118</v>
      </c>
      <c r="E10178">
        <v>2011</v>
      </c>
      <c r="F10178">
        <v>2011</v>
      </c>
      <c r="G10178" t="s">
        <v>125</v>
      </c>
      <c r="H10178" t="s">
        <v>119</v>
      </c>
      <c r="I10178" t="s">
        <v>15</v>
      </c>
      <c r="J10178" s="10">
        <v>17.87908543</v>
      </c>
    </row>
    <row r="10179" spans="1:10" x14ac:dyDescent="0.35">
      <c r="A10179" t="s">
        <v>62</v>
      </c>
      <c r="B10179" t="s">
        <v>64</v>
      </c>
      <c r="C10179" t="s">
        <v>117</v>
      </c>
      <c r="D10179" t="s">
        <v>118</v>
      </c>
      <c r="E10179">
        <v>2011</v>
      </c>
      <c r="F10179">
        <v>2011</v>
      </c>
      <c r="G10179" t="s">
        <v>125</v>
      </c>
      <c r="H10179" t="s">
        <v>120</v>
      </c>
      <c r="I10179" t="s">
        <v>15</v>
      </c>
      <c r="J10179" s="10">
        <v>11.58928321</v>
      </c>
    </row>
    <row r="10180" spans="1:10" x14ac:dyDescent="0.35">
      <c r="A10180" t="s">
        <v>62</v>
      </c>
      <c r="B10180" t="s">
        <v>64</v>
      </c>
      <c r="C10180" t="s">
        <v>117</v>
      </c>
      <c r="D10180" t="s">
        <v>118</v>
      </c>
      <c r="E10180">
        <v>2011</v>
      </c>
      <c r="F10180">
        <v>2011</v>
      </c>
      <c r="G10180" t="s">
        <v>125</v>
      </c>
      <c r="H10180" t="s">
        <v>121</v>
      </c>
      <c r="I10180" t="s">
        <v>15</v>
      </c>
      <c r="J10180" s="10">
        <v>39.604432600000003</v>
      </c>
    </row>
    <row r="10181" spans="1:10" x14ac:dyDescent="0.35">
      <c r="A10181" t="s">
        <v>62</v>
      </c>
      <c r="B10181" t="s">
        <v>64</v>
      </c>
      <c r="C10181" t="s">
        <v>117</v>
      </c>
      <c r="D10181" t="s">
        <v>118</v>
      </c>
      <c r="E10181">
        <v>2011</v>
      </c>
      <c r="F10181">
        <v>2011</v>
      </c>
      <c r="G10181" t="s">
        <v>125</v>
      </c>
      <c r="H10181" t="s">
        <v>122</v>
      </c>
      <c r="I10181" t="s">
        <v>15</v>
      </c>
      <c r="J10181" s="10">
        <v>18.745967180000001</v>
      </c>
    </row>
    <row r="10182" spans="1:10" x14ac:dyDescent="0.35">
      <c r="A10182" t="s">
        <v>62</v>
      </c>
      <c r="B10182" t="s">
        <v>64</v>
      </c>
      <c r="C10182" t="s">
        <v>117</v>
      </c>
      <c r="D10182" t="s">
        <v>118</v>
      </c>
      <c r="E10182">
        <v>2011</v>
      </c>
      <c r="F10182">
        <v>2011</v>
      </c>
      <c r="G10182" t="s">
        <v>125</v>
      </c>
      <c r="H10182" t="s">
        <v>123</v>
      </c>
      <c r="I10182" t="s">
        <v>15</v>
      </c>
      <c r="J10182" s="10">
        <v>11.11796886</v>
      </c>
    </row>
    <row r="10183" spans="1:10" x14ac:dyDescent="0.35">
      <c r="A10183" t="s">
        <v>62</v>
      </c>
      <c r="B10183" t="s">
        <v>64</v>
      </c>
      <c r="C10183" t="s">
        <v>117</v>
      </c>
      <c r="D10183" t="s">
        <v>118</v>
      </c>
      <c r="E10183">
        <v>2011</v>
      </c>
      <c r="F10183">
        <v>2011</v>
      </c>
      <c r="G10183" t="s">
        <v>125</v>
      </c>
      <c r="H10183" t="s">
        <v>124</v>
      </c>
      <c r="I10183" t="s">
        <v>15</v>
      </c>
      <c r="J10183" s="10">
        <v>1.0632627299999999</v>
      </c>
    </row>
    <row r="10184" spans="1:10" x14ac:dyDescent="0.35">
      <c r="A10184" t="s">
        <v>62</v>
      </c>
      <c r="B10184" t="s">
        <v>64</v>
      </c>
      <c r="C10184" t="s">
        <v>117</v>
      </c>
      <c r="D10184" t="s">
        <v>118</v>
      </c>
      <c r="E10184">
        <v>2011</v>
      </c>
      <c r="F10184">
        <v>2011</v>
      </c>
      <c r="G10184" t="s">
        <v>126</v>
      </c>
      <c r="H10184" t="s">
        <v>119</v>
      </c>
      <c r="I10184" t="s">
        <v>15</v>
      </c>
      <c r="J10184" s="10">
        <v>15.922260400000001</v>
      </c>
    </row>
    <row r="10185" spans="1:10" x14ac:dyDescent="0.35">
      <c r="A10185" t="s">
        <v>62</v>
      </c>
      <c r="B10185" t="s">
        <v>64</v>
      </c>
      <c r="C10185" t="s">
        <v>117</v>
      </c>
      <c r="D10185" t="s">
        <v>118</v>
      </c>
      <c r="E10185">
        <v>2011</v>
      </c>
      <c r="F10185">
        <v>2011</v>
      </c>
      <c r="G10185" t="s">
        <v>126</v>
      </c>
      <c r="H10185" t="s">
        <v>120</v>
      </c>
      <c r="I10185" t="s">
        <v>15</v>
      </c>
      <c r="J10185" s="10">
        <v>10.522537310000001</v>
      </c>
    </row>
    <row r="10186" spans="1:10" x14ac:dyDescent="0.35">
      <c r="A10186" t="s">
        <v>62</v>
      </c>
      <c r="B10186" t="s">
        <v>64</v>
      </c>
      <c r="C10186" t="s">
        <v>117</v>
      </c>
      <c r="D10186" t="s">
        <v>118</v>
      </c>
      <c r="E10186">
        <v>2011</v>
      </c>
      <c r="F10186">
        <v>2011</v>
      </c>
      <c r="G10186" t="s">
        <v>126</v>
      </c>
      <c r="H10186" t="s">
        <v>121</v>
      </c>
      <c r="I10186" t="s">
        <v>15</v>
      </c>
      <c r="J10186" s="10">
        <v>38.780062559999998</v>
      </c>
    </row>
    <row r="10187" spans="1:10" x14ac:dyDescent="0.35">
      <c r="A10187" t="s">
        <v>62</v>
      </c>
      <c r="B10187" t="s">
        <v>64</v>
      </c>
      <c r="C10187" t="s">
        <v>117</v>
      </c>
      <c r="D10187" t="s">
        <v>118</v>
      </c>
      <c r="E10187">
        <v>2011</v>
      </c>
      <c r="F10187">
        <v>2011</v>
      </c>
      <c r="G10187" t="s">
        <v>126</v>
      </c>
      <c r="H10187" t="s">
        <v>122</v>
      </c>
      <c r="I10187" t="s">
        <v>15</v>
      </c>
      <c r="J10187" s="10">
        <v>18.291369670000002</v>
      </c>
    </row>
    <row r="10188" spans="1:10" x14ac:dyDescent="0.35">
      <c r="A10188" t="s">
        <v>62</v>
      </c>
      <c r="B10188" t="s">
        <v>64</v>
      </c>
      <c r="C10188" t="s">
        <v>117</v>
      </c>
      <c r="D10188" t="s">
        <v>118</v>
      </c>
      <c r="E10188">
        <v>2011</v>
      </c>
      <c r="F10188">
        <v>2011</v>
      </c>
      <c r="G10188" t="s">
        <v>126</v>
      </c>
      <c r="H10188" t="s">
        <v>123</v>
      </c>
      <c r="I10188" t="s">
        <v>15</v>
      </c>
      <c r="J10188" s="10">
        <v>13.9890262</v>
      </c>
    </row>
    <row r="10189" spans="1:10" x14ac:dyDescent="0.35">
      <c r="A10189" t="s">
        <v>62</v>
      </c>
      <c r="B10189" t="s">
        <v>64</v>
      </c>
      <c r="C10189" t="s">
        <v>117</v>
      </c>
      <c r="D10189" t="s">
        <v>118</v>
      </c>
      <c r="E10189">
        <v>2011</v>
      </c>
      <c r="F10189">
        <v>2011</v>
      </c>
      <c r="G10189" t="s">
        <v>126</v>
      </c>
      <c r="H10189" t="s">
        <v>124</v>
      </c>
      <c r="I10189" t="s">
        <v>15</v>
      </c>
      <c r="J10189" s="10">
        <v>2.4947438590000002</v>
      </c>
    </row>
    <row r="10190" spans="1:10" x14ac:dyDescent="0.35">
      <c r="A10190" t="s">
        <v>62</v>
      </c>
      <c r="B10190" t="s">
        <v>65</v>
      </c>
      <c r="C10190" t="s">
        <v>117</v>
      </c>
      <c r="D10190" t="s">
        <v>118</v>
      </c>
      <c r="E10190">
        <v>2020</v>
      </c>
      <c r="F10190">
        <v>2020</v>
      </c>
      <c r="G10190" t="s">
        <v>14</v>
      </c>
      <c r="H10190" t="s">
        <v>119</v>
      </c>
      <c r="I10190" t="s">
        <v>15</v>
      </c>
      <c r="J10190" s="10">
        <v>8.3401940450000005</v>
      </c>
    </row>
    <row r="10191" spans="1:10" x14ac:dyDescent="0.35">
      <c r="A10191" t="s">
        <v>62</v>
      </c>
      <c r="B10191" t="s">
        <v>65</v>
      </c>
      <c r="C10191" t="s">
        <v>117</v>
      </c>
      <c r="D10191" t="s">
        <v>118</v>
      </c>
      <c r="E10191">
        <v>2020</v>
      </c>
      <c r="F10191">
        <v>2020</v>
      </c>
      <c r="G10191" t="s">
        <v>14</v>
      </c>
      <c r="H10191" t="s">
        <v>120</v>
      </c>
      <c r="I10191" t="s">
        <v>15</v>
      </c>
      <c r="J10191" s="10">
        <v>27.446668819999999</v>
      </c>
    </row>
    <row r="10192" spans="1:10" x14ac:dyDescent="0.35">
      <c r="A10192" t="s">
        <v>62</v>
      </c>
      <c r="B10192" t="s">
        <v>65</v>
      </c>
      <c r="C10192" t="s">
        <v>117</v>
      </c>
      <c r="D10192" t="s">
        <v>118</v>
      </c>
      <c r="E10192">
        <v>2020</v>
      </c>
      <c r="F10192">
        <v>2020</v>
      </c>
      <c r="G10192" t="s">
        <v>14</v>
      </c>
      <c r="H10192" t="s">
        <v>121</v>
      </c>
      <c r="I10192" t="s">
        <v>15</v>
      </c>
      <c r="J10192" s="10">
        <v>44.160405179999998</v>
      </c>
    </row>
    <row r="10193" spans="1:10" x14ac:dyDescent="0.35">
      <c r="A10193" t="s">
        <v>62</v>
      </c>
      <c r="B10193" t="s">
        <v>65</v>
      </c>
      <c r="C10193" t="s">
        <v>117</v>
      </c>
      <c r="D10193" t="s">
        <v>118</v>
      </c>
      <c r="E10193">
        <v>2020</v>
      </c>
      <c r="F10193">
        <v>2020</v>
      </c>
      <c r="G10193" t="s">
        <v>14</v>
      </c>
      <c r="H10193" t="s">
        <v>122</v>
      </c>
      <c r="I10193" t="s">
        <v>15</v>
      </c>
      <c r="J10193" s="10">
        <v>11.76360245</v>
      </c>
    </row>
    <row r="10194" spans="1:10" x14ac:dyDescent="0.35">
      <c r="A10194" t="s">
        <v>62</v>
      </c>
      <c r="B10194" t="s">
        <v>65</v>
      </c>
      <c r="C10194" t="s">
        <v>117</v>
      </c>
      <c r="D10194" t="s">
        <v>118</v>
      </c>
      <c r="E10194">
        <v>2020</v>
      </c>
      <c r="F10194">
        <v>2020</v>
      </c>
      <c r="G10194" t="s">
        <v>14</v>
      </c>
      <c r="H10194" t="s">
        <v>123</v>
      </c>
      <c r="I10194" t="s">
        <v>15</v>
      </c>
      <c r="J10194" s="10">
        <v>7.3387037939999997</v>
      </c>
    </row>
    <row r="10195" spans="1:10" x14ac:dyDescent="0.35">
      <c r="A10195" t="s">
        <v>62</v>
      </c>
      <c r="B10195" t="s">
        <v>65</v>
      </c>
      <c r="C10195" t="s">
        <v>117</v>
      </c>
      <c r="D10195" t="s">
        <v>118</v>
      </c>
      <c r="E10195">
        <v>2020</v>
      </c>
      <c r="F10195">
        <v>2020</v>
      </c>
      <c r="G10195" t="s">
        <v>14</v>
      </c>
      <c r="H10195" t="s">
        <v>124</v>
      </c>
      <c r="I10195" t="s">
        <v>15</v>
      </c>
      <c r="J10195" s="10">
        <v>0.95042571200000003</v>
      </c>
    </row>
    <row r="10196" spans="1:10" x14ac:dyDescent="0.35">
      <c r="A10196" t="s">
        <v>62</v>
      </c>
      <c r="B10196" t="s">
        <v>65</v>
      </c>
      <c r="C10196" t="s">
        <v>117</v>
      </c>
      <c r="D10196" t="s">
        <v>118</v>
      </c>
      <c r="E10196">
        <v>2020</v>
      </c>
      <c r="F10196">
        <v>2020</v>
      </c>
      <c r="G10196" t="s">
        <v>125</v>
      </c>
      <c r="H10196" t="s">
        <v>119</v>
      </c>
      <c r="I10196" t="s">
        <v>15</v>
      </c>
      <c r="J10196" s="10">
        <v>8.5084689329999996</v>
      </c>
    </row>
    <row r="10197" spans="1:10" x14ac:dyDescent="0.35">
      <c r="A10197" t="s">
        <v>62</v>
      </c>
      <c r="B10197" t="s">
        <v>65</v>
      </c>
      <c r="C10197" t="s">
        <v>117</v>
      </c>
      <c r="D10197" t="s">
        <v>118</v>
      </c>
      <c r="E10197">
        <v>2020</v>
      </c>
      <c r="F10197">
        <v>2020</v>
      </c>
      <c r="G10197" t="s">
        <v>125</v>
      </c>
      <c r="H10197" t="s">
        <v>120</v>
      </c>
      <c r="I10197" t="s">
        <v>15</v>
      </c>
      <c r="J10197" s="10">
        <v>24.740938029999999</v>
      </c>
    </row>
    <row r="10198" spans="1:10" x14ac:dyDescent="0.35">
      <c r="A10198" t="s">
        <v>62</v>
      </c>
      <c r="B10198" t="s">
        <v>65</v>
      </c>
      <c r="C10198" t="s">
        <v>117</v>
      </c>
      <c r="D10198" t="s">
        <v>118</v>
      </c>
      <c r="E10198">
        <v>2020</v>
      </c>
      <c r="F10198">
        <v>2020</v>
      </c>
      <c r="G10198" t="s">
        <v>125</v>
      </c>
      <c r="H10198" t="s">
        <v>121</v>
      </c>
      <c r="I10198" t="s">
        <v>15</v>
      </c>
      <c r="J10198" s="10">
        <v>46.924549499999998</v>
      </c>
    </row>
    <row r="10199" spans="1:10" x14ac:dyDescent="0.35">
      <c r="A10199" t="s">
        <v>62</v>
      </c>
      <c r="B10199" t="s">
        <v>65</v>
      </c>
      <c r="C10199" t="s">
        <v>117</v>
      </c>
      <c r="D10199" t="s">
        <v>118</v>
      </c>
      <c r="E10199">
        <v>2020</v>
      </c>
      <c r="F10199">
        <v>2020</v>
      </c>
      <c r="G10199" t="s">
        <v>125</v>
      </c>
      <c r="H10199" t="s">
        <v>122</v>
      </c>
      <c r="I10199" t="s">
        <v>15</v>
      </c>
      <c r="J10199" s="10">
        <v>12.11452828</v>
      </c>
    </row>
    <row r="10200" spans="1:10" x14ac:dyDescent="0.35">
      <c r="A10200" t="s">
        <v>62</v>
      </c>
      <c r="B10200" t="s">
        <v>65</v>
      </c>
      <c r="C10200" t="s">
        <v>117</v>
      </c>
      <c r="D10200" t="s">
        <v>118</v>
      </c>
      <c r="E10200">
        <v>2020</v>
      </c>
      <c r="F10200">
        <v>2020</v>
      </c>
      <c r="G10200" t="s">
        <v>125</v>
      </c>
      <c r="H10200" t="s">
        <v>123</v>
      </c>
      <c r="I10200" t="s">
        <v>15</v>
      </c>
      <c r="J10200" s="10">
        <v>7.0622997209999996</v>
      </c>
    </row>
    <row r="10201" spans="1:10" x14ac:dyDescent="0.35">
      <c r="A10201" t="s">
        <v>62</v>
      </c>
      <c r="B10201" t="s">
        <v>65</v>
      </c>
      <c r="C10201" t="s">
        <v>117</v>
      </c>
      <c r="D10201" t="s">
        <v>118</v>
      </c>
      <c r="E10201">
        <v>2020</v>
      </c>
      <c r="F10201">
        <v>2020</v>
      </c>
      <c r="G10201" t="s">
        <v>125</v>
      </c>
      <c r="H10201" t="s">
        <v>124</v>
      </c>
      <c r="I10201" t="s">
        <v>15</v>
      </c>
      <c r="J10201" s="10">
        <v>0.64921553099999996</v>
      </c>
    </row>
    <row r="10202" spans="1:10" x14ac:dyDescent="0.35">
      <c r="A10202" t="s">
        <v>62</v>
      </c>
      <c r="B10202" t="s">
        <v>65</v>
      </c>
      <c r="C10202" t="s">
        <v>117</v>
      </c>
      <c r="D10202" t="s">
        <v>118</v>
      </c>
      <c r="E10202">
        <v>2020</v>
      </c>
      <c r="F10202">
        <v>2020</v>
      </c>
      <c r="G10202" t="s">
        <v>126</v>
      </c>
      <c r="H10202" t="s">
        <v>119</v>
      </c>
      <c r="I10202" t="s">
        <v>15</v>
      </c>
      <c r="J10202" s="10">
        <v>8.1713605709999992</v>
      </c>
    </row>
    <row r="10203" spans="1:10" x14ac:dyDescent="0.35">
      <c r="A10203" t="s">
        <v>62</v>
      </c>
      <c r="B10203" t="s">
        <v>65</v>
      </c>
      <c r="C10203" t="s">
        <v>117</v>
      </c>
      <c r="D10203" t="s">
        <v>118</v>
      </c>
      <c r="E10203">
        <v>2020</v>
      </c>
      <c r="F10203">
        <v>2020</v>
      </c>
      <c r="G10203" t="s">
        <v>126</v>
      </c>
      <c r="H10203" t="s">
        <v>120</v>
      </c>
      <c r="I10203" t="s">
        <v>15</v>
      </c>
      <c r="J10203" s="10">
        <v>30.161381240000001</v>
      </c>
    </row>
    <row r="10204" spans="1:10" x14ac:dyDescent="0.35">
      <c r="A10204" t="s">
        <v>62</v>
      </c>
      <c r="B10204" t="s">
        <v>65</v>
      </c>
      <c r="C10204" t="s">
        <v>117</v>
      </c>
      <c r="D10204" t="s">
        <v>118</v>
      </c>
      <c r="E10204">
        <v>2020</v>
      </c>
      <c r="F10204">
        <v>2020</v>
      </c>
      <c r="G10204" t="s">
        <v>126</v>
      </c>
      <c r="H10204" t="s">
        <v>121</v>
      </c>
      <c r="I10204" t="s">
        <v>15</v>
      </c>
      <c r="J10204" s="10">
        <v>41.387085329999998</v>
      </c>
    </row>
    <row r="10205" spans="1:10" x14ac:dyDescent="0.35">
      <c r="A10205" t="s">
        <v>62</v>
      </c>
      <c r="B10205" t="s">
        <v>65</v>
      </c>
      <c r="C10205" t="s">
        <v>117</v>
      </c>
      <c r="D10205" t="s">
        <v>118</v>
      </c>
      <c r="E10205">
        <v>2020</v>
      </c>
      <c r="F10205">
        <v>2020</v>
      </c>
      <c r="G10205" t="s">
        <v>126</v>
      </c>
      <c r="H10205" t="s">
        <v>122</v>
      </c>
      <c r="I10205" t="s">
        <v>15</v>
      </c>
      <c r="J10205" s="10">
        <v>11.41151172</v>
      </c>
    </row>
    <row r="10206" spans="1:10" x14ac:dyDescent="0.35">
      <c r="A10206" t="s">
        <v>62</v>
      </c>
      <c r="B10206" t="s">
        <v>65</v>
      </c>
      <c r="C10206" t="s">
        <v>117</v>
      </c>
      <c r="D10206" t="s">
        <v>118</v>
      </c>
      <c r="E10206">
        <v>2020</v>
      </c>
      <c r="F10206">
        <v>2020</v>
      </c>
      <c r="G10206" t="s">
        <v>126</v>
      </c>
      <c r="H10206" t="s">
        <v>123</v>
      </c>
      <c r="I10206" t="s">
        <v>15</v>
      </c>
      <c r="J10206" s="10">
        <v>7.6160253869999996</v>
      </c>
    </row>
    <row r="10207" spans="1:10" x14ac:dyDescent="0.35">
      <c r="A10207" t="s">
        <v>62</v>
      </c>
      <c r="B10207" t="s">
        <v>65</v>
      </c>
      <c r="C10207" t="s">
        <v>117</v>
      </c>
      <c r="D10207" t="s">
        <v>118</v>
      </c>
      <c r="E10207">
        <v>2020</v>
      </c>
      <c r="F10207">
        <v>2020</v>
      </c>
      <c r="G10207" t="s">
        <v>126</v>
      </c>
      <c r="H10207" t="s">
        <v>124</v>
      </c>
      <c r="I10207" t="s">
        <v>15</v>
      </c>
      <c r="J10207" s="10">
        <v>1.2526357539999999</v>
      </c>
    </row>
    <row r="10208" spans="1:10" x14ac:dyDescent="0.35">
      <c r="A10208" t="s">
        <v>62</v>
      </c>
      <c r="B10208" t="s">
        <v>65</v>
      </c>
      <c r="C10208" t="s">
        <v>117</v>
      </c>
      <c r="D10208" t="s">
        <v>118</v>
      </c>
      <c r="E10208">
        <v>2019</v>
      </c>
      <c r="F10208">
        <v>2019</v>
      </c>
      <c r="G10208" t="s">
        <v>14</v>
      </c>
      <c r="H10208" t="s">
        <v>119</v>
      </c>
      <c r="I10208" t="s">
        <v>15</v>
      </c>
      <c r="J10208" s="10">
        <v>8.3437228260000005</v>
      </c>
    </row>
    <row r="10209" spans="1:10" x14ac:dyDescent="0.35">
      <c r="A10209" t="s">
        <v>62</v>
      </c>
      <c r="B10209" t="s">
        <v>65</v>
      </c>
      <c r="C10209" t="s">
        <v>117</v>
      </c>
      <c r="D10209" t="s">
        <v>118</v>
      </c>
      <c r="E10209">
        <v>2019</v>
      </c>
      <c r="F10209">
        <v>2019</v>
      </c>
      <c r="G10209" t="s">
        <v>14</v>
      </c>
      <c r="H10209" t="s">
        <v>120</v>
      </c>
      <c r="I10209" t="s">
        <v>15</v>
      </c>
      <c r="J10209" s="10">
        <v>27.657702019999999</v>
      </c>
    </row>
    <row r="10210" spans="1:10" x14ac:dyDescent="0.35">
      <c r="A10210" t="s">
        <v>62</v>
      </c>
      <c r="B10210" t="s">
        <v>65</v>
      </c>
      <c r="C10210" t="s">
        <v>117</v>
      </c>
      <c r="D10210" t="s">
        <v>118</v>
      </c>
      <c r="E10210">
        <v>2019</v>
      </c>
      <c r="F10210">
        <v>2019</v>
      </c>
      <c r="G10210" t="s">
        <v>14</v>
      </c>
      <c r="H10210" t="s">
        <v>121</v>
      </c>
      <c r="I10210" t="s">
        <v>15</v>
      </c>
      <c r="J10210" s="10">
        <v>44.051797290000003</v>
      </c>
    </row>
    <row r="10211" spans="1:10" x14ac:dyDescent="0.35">
      <c r="A10211" t="s">
        <v>62</v>
      </c>
      <c r="B10211" t="s">
        <v>65</v>
      </c>
      <c r="C10211" t="s">
        <v>117</v>
      </c>
      <c r="D10211" t="s">
        <v>118</v>
      </c>
      <c r="E10211">
        <v>2019</v>
      </c>
      <c r="F10211">
        <v>2019</v>
      </c>
      <c r="G10211" t="s">
        <v>14</v>
      </c>
      <c r="H10211" t="s">
        <v>122</v>
      </c>
      <c r="I10211" t="s">
        <v>15</v>
      </c>
      <c r="J10211" s="10">
        <v>11.701536949999999</v>
      </c>
    </row>
    <row r="10212" spans="1:10" x14ac:dyDescent="0.35">
      <c r="A10212" t="s">
        <v>62</v>
      </c>
      <c r="B10212" t="s">
        <v>65</v>
      </c>
      <c r="C10212" t="s">
        <v>117</v>
      </c>
      <c r="D10212" t="s">
        <v>118</v>
      </c>
      <c r="E10212">
        <v>2019</v>
      </c>
      <c r="F10212">
        <v>2019</v>
      </c>
      <c r="G10212" t="s">
        <v>14</v>
      </c>
      <c r="H10212" t="s">
        <v>123</v>
      </c>
      <c r="I10212" t="s">
        <v>15</v>
      </c>
      <c r="J10212" s="10">
        <v>7.2792800340000001</v>
      </c>
    </row>
    <row r="10213" spans="1:10" x14ac:dyDescent="0.35">
      <c r="A10213" t="s">
        <v>62</v>
      </c>
      <c r="B10213" t="s">
        <v>65</v>
      </c>
      <c r="C10213" t="s">
        <v>117</v>
      </c>
      <c r="D10213" t="s">
        <v>118</v>
      </c>
      <c r="E10213">
        <v>2019</v>
      </c>
      <c r="F10213">
        <v>2019</v>
      </c>
      <c r="G10213" t="s">
        <v>14</v>
      </c>
      <c r="H10213" t="s">
        <v>124</v>
      </c>
      <c r="I10213" t="s">
        <v>15</v>
      </c>
      <c r="J10213" s="10">
        <v>0.96596088000000002</v>
      </c>
    </row>
    <row r="10214" spans="1:10" x14ac:dyDescent="0.35">
      <c r="A10214" t="s">
        <v>62</v>
      </c>
      <c r="B10214" t="s">
        <v>65</v>
      </c>
      <c r="C10214" t="s">
        <v>117</v>
      </c>
      <c r="D10214" t="s">
        <v>118</v>
      </c>
      <c r="E10214">
        <v>2019</v>
      </c>
      <c r="F10214">
        <v>2019</v>
      </c>
      <c r="G10214" t="s">
        <v>125</v>
      </c>
      <c r="H10214" t="s">
        <v>119</v>
      </c>
      <c r="I10214" t="s">
        <v>15</v>
      </c>
      <c r="J10214" s="10">
        <v>8.6096458180000006</v>
      </c>
    </row>
    <row r="10215" spans="1:10" x14ac:dyDescent="0.35">
      <c r="A10215" t="s">
        <v>62</v>
      </c>
      <c r="B10215" t="s">
        <v>65</v>
      </c>
      <c r="C10215" t="s">
        <v>117</v>
      </c>
      <c r="D10215" t="s">
        <v>118</v>
      </c>
      <c r="E10215">
        <v>2019</v>
      </c>
      <c r="F10215">
        <v>2019</v>
      </c>
      <c r="G10215" t="s">
        <v>125</v>
      </c>
      <c r="H10215" t="s">
        <v>120</v>
      </c>
      <c r="I10215" t="s">
        <v>15</v>
      </c>
      <c r="J10215" s="10">
        <v>24.916268939999998</v>
      </c>
    </row>
    <row r="10216" spans="1:10" x14ac:dyDescent="0.35">
      <c r="A10216" t="s">
        <v>62</v>
      </c>
      <c r="B10216" t="s">
        <v>65</v>
      </c>
      <c r="C10216" t="s">
        <v>117</v>
      </c>
      <c r="D10216" t="s">
        <v>118</v>
      </c>
      <c r="E10216">
        <v>2019</v>
      </c>
      <c r="F10216">
        <v>2019</v>
      </c>
      <c r="G10216" t="s">
        <v>125</v>
      </c>
      <c r="H10216" t="s">
        <v>121</v>
      </c>
      <c r="I10216" t="s">
        <v>15</v>
      </c>
      <c r="J10216" s="10">
        <v>46.749141760000001</v>
      </c>
    </row>
    <row r="10217" spans="1:10" x14ac:dyDescent="0.35">
      <c r="A10217" t="s">
        <v>62</v>
      </c>
      <c r="B10217" t="s">
        <v>65</v>
      </c>
      <c r="C10217" t="s">
        <v>117</v>
      </c>
      <c r="D10217" t="s">
        <v>118</v>
      </c>
      <c r="E10217">
        <v>2019</v>
      </c>
      <c r="F10217">
        <v>2019</v>
      </c>
      <c r="G10217" t="s">
        <v>125</v>
      </c>
      <c r="H10217" t="s">
        <v>122</v>
      </c>
      <c r="I10217" t="s">
        <v>15</v>
      </c>
      <c r="J10217" s="10">
        <v>12.10332412</v>
      </c>
    </row>
    <row r="10218" spans="1:10" x14ac:dyDescent="0.35">
      <c r="A10218" t="s">
        <v>62</v>
      </c>
      <c r="B10218" t="s">
        <v>65</v>
      </c>
      <c r="C10218" t="s">
        <v>117</v>
      </c>
      <c r="D10218" t="s">
        <v>118</v>
      </c>
      <c r="E10218">
        <v>2019</v>
      </c>
      <c r="F10218">
        <v>2019</v>
      </c>
      <c r="G10218" t="s">
        <v>125</v>
      </c>
      <c r="H10218" t="s">
        <v>123</v>
      </c>
      <c r="I10218" t="s">
        <v>15</v>
      </c>
      <c r="J10218" s="10">
        <v>6.9706103989999999</v>
      </c>
    </row>
    <row r="10219" spans="1:10" x14ac:dyDescent="0.35">
      <c r="A10219" t="s">
        <v>62</v>
      </c>
      <c r="B10219" t="s">
        <v>65</v>
      </c>
      <c r="C10219" t="s">
        <v>117</v>
      </c>
      <c r="D10219" t="s">
        <v>118</v>
      </c>
      <c r="E10219">
        <v>2019</v>
      </c>
      <c r="F10219">
        <v>2019</v>
      </c>
      <c r="G10219" t="s">
        <v>125</v>
      </c>
      <c r="H10219" t="s">
        <v>124</v>
      </c>
      <c r="I10219" t="s">
        <v>15</v>
      </c>
      <c r="J10219" s="10">
        <v>0.651008959</v>
      </c>
    </row>
    <row r="10220" spans="1:10" x14ac:dyDescent="0.35">
      <c r="A10220" t="s">
        <v>62</v>
      </c>
      <c r="B10220" t="s">
        <v>65</v>
      </c>
      <c r="C10220" t="s">
        <v>117</v>
      </c>
      <c r="D10220" t="s">
        <v>118</v>
      </c>
      <c r="E10220">
        <v>2019</v>
      </c>
      <c r="F10220">
        <v>2019</v>
      </c>
      <c r="G10220" t="s">
        <v>126</v>
      </c>
      <c r="H10220" t="s">
        <v>119</v>
      </c>
      <c r="I10220" t="s">
        <v>15</v>
      </c>
      <c r="J10220" s="10">
        <v>8.0772699620000008</v>
      </c>
    </row>
    <row r="10221" spans="1:10" x14ac:dyDescent="0.35">
      <c r="A10221" t="s">
        <v>62</v>
      </c>
      <c r="B10221" t="s">
        <v>65</v>
      </c>
      <c r="C10221" t="s">
        <v>117</v>
      </c>
      <c r="D10221" t="s">
        <v>118</v>
      </c>
      <c r="E10221">
        <v>2019</v>
      </c>
      <c r="F10221">
        <v>2019</v>
      </c>
      <c r="G10221" t="s">
        <v>126</v>
      </c>
      <c r="H10221" t="s">
        <v>120</v>
      </c>
      <c r="I10221" t="s">
        <v>15</v>
      </c>
      <c r="J10221" s="10">
        <v>30.404597599999999</v>
      </c>
    </row>
    <row r="10222" spans="1:10" x14ac:dyDescent="0.35">
      <c r="A10222" t="s">
        <v>62</v>
      </c>
      <c r="B10222" t="s">
        <v>65</v>
      </c>
      <c r="C10222" t="s">
        <v>117</v>
      </c>
      <c r="D10222" t="s">
        <v>118</v>
      </c>
      <c r="E10222">
        <v>2019</v>
      </c>
      <c r="F10222">
        <v>2019</v>
      </c>
      <c r="G10222" t="s">
        <v>126</v>
      </c>
      <c r="H10222" t="s">
        <v>121</v>
      </c>
      <c r="I10222" t="s">
        <v>15</v>
      </c>
      <c r="J10222" s="10">
        <v>41.349078169999999</v>
      </c>
    </row>
    <row r="10223" spans="1:10" x14ac:dyDescent="0.35">
      <c r="A10223" t="s">
        <v>62</v>
      </c>
      <c r="B10223" t="s">
        <v>65</v>
      </c>
      <c r="C10223" t="s">
        <v>117</v>
      </c>
      <c r="D10223" t="s">
        <v>118</v>
      </c>
      <c r="E10223">
        <v>2019</v>
      </c>
      <c r="F10223">
        <v>2019</v>
      </c>
      <c r="G10223" t="s">
        <v>126</v>
      </c>
      <c r="H10223" t="s">
        <v>122</v>
      </c>
      <c r="I10223" t="s">
        <v>15</v>
      </c>
      <c r="J10223" s="10">
        <v>11.298949179999999</v>
      </c>
    </row>
    <row r="10224" spans="1:10" x14ac:dyDescent="0.35">
      <c r="A10224" t="s">
        <v>62</v>
      </c>
      <c r="B10224" t="s">
        <v>65</v>
      </c>
      <c r="C10224" t="s">
        <v>117</v>
      </c>
      <c r="D10224" t="s">
        <v>118</v>
      </c>
      <c r="E10224">
        <v>2019</v>
      </c>
      <c r="F10224">
        <v>2019</v>
      </c>
      <c r="G10224" t="s">
        <v>126</v>
      </c>
      <c r="H10224" t="s">
        <v>123</v>
      </c>
      <c r="I10224" t="s">
        <v>15</v>
      </c>
      <c r="J10224" s="10">
        <v>7.5885647169999997</v>
      </c>
    </row>
    <row r="10225" spans="1:10" x14ac:dyDescent="0.35">
      <c r="A10225" t="s">
        <v>62</v>
      </c>
      <c r="B10225" t="s">
        <v>65</v>
      </c>
      <c r="C10225" t="s">
        <v>117</v>
      </c>
      <c r="D10225" t="s">
        <v>118</v>
      </c>
      <c r="E10225">
        <v>2019</v>
      </c>
      <c r="F10225">
        <v>2019</v>
      </c>
      <c r="G10225" t="s">
        <v>126</v>
      </c>
      <c r="H10225" t="s">
        <v>124</v>
      </c>
      <c r="I10225" t="s">
        <v>15</v>
      </c>
      <c r="J10225" s="10">
        <v>1.2815403649999999</v>
      </c>
    </row>
    <row r="10226" spans="1:10" x14ac:dyDescent="0.35">
      <c r="A10226" t="s">
        <v>62</v>
      </c>
      <c r="B10226" t="s">
        <v>65</v>
      </c>
      <c r="C10226" t="s">
        <v>117</v>
      </c>
      <c r="D10226" t="s">
        <v>118</v>
      </c>
      <c r="E10226">
        <v>2018</v>
      </c>
      <c r="F10226">
        <v>2018</v>
      </c>
      <c r="G10226" t="s">
        <v>14</v>
      </c>
      <c r="H10226" t="s">
        <v>119</v>
      </c>
      <c r="I10226" t="s">
        <v>15</v>
      </c>
      <c r="J10226" s="10">
        <v>8.3165257690000001</v>
      </c>
    </row>
    <row r="10227" spans="1:10" x14ac:dyDescent="0.35">
      <c r="A10227" t="s">
        <v>62</v>
      </c>
      <c r="B10227" t="s">
        <v>65</v>
      </c>
      <c r="C10227" t="s">
        <v>117</v>
      </c>
      <c r="D10227" t="s">
        <v>118</v>
      </c>
      <c r="E10227">
        <v>2018</v>
      </c>
      <c r="F10227">
        <v>2018</v>
      </c>
      <c r="G10227" t="s">
        <v>14</v>
      </c>
      <c r="H10227" t="s">
        <v>120</v>
      </c>
      <c r="I10227" t="s">
        <v>15</v>
      </c>
      <c r="J10227" s="10">
        <v>27.619834359999999</v>
      </c>
    </row>
    <row r="10228" spans="1:10" x14ac:dyDescent="0.35">
      <c r="A10228" t="s">
        <v>62</v>
      </c>
      <c r="B10228" t="s">
        <v>65</v>
      </c>
      <c r="C10228" t="s">
        <v>117</v>
      </c>
      <c r="D10228" t="s">
        <v>118</v>
      </c>
      <c r="E10228">
        <v>2018</v>
      </c>
      <c r="F10228">
        <v>2018</v>
      </c>
      <c r="G10228" t="s">
        <v>14</v>
      </c>
      <c r="H10228" t="s">
        <v>121</v>
      </c>
      <c r="I10228" t="s">
        <v>15</v>
      </c>
      <c r="J10228" s="10">
        <v>44.065141830000002</v>
      </c>
    </row>
    <row r="10229" spans="1:10" x14ac:dyDescent="0.35">
      <c r="A10229" t="s">
        <v>62</v>
      </c>
      <c r="B10229" t="s">
        <v>65</v>
      </c>
      <c r="C10229" t="s">
        <v>117</v>
      </c>
      <c r="D10229" t="s">
        <v>118</v>
      </c>
      <c r="E10229">
        <v>2018</v>
      </c>
      <c r="F10229">
        <v>2018</v>
      </c>
      <c r="G10229" t="s">
        <v>14</v>
      </c>
      <c r="H10229" t="s">
        <v>122</v>
      </c>
      <c r="I10229" t="s">
        <v>15</v>
      </c>
      <c r="J10229" s="10">
        <v>11.72810368</v>
      </c>
    </row>
    <row r="10230" spans="1:10" x14ac:dyDescent="0.35">
      <c r="A10230" t="s">
        <v>62</v>
      </c>
      <c r="B10230" t="s">
        <v>65</v>
      </c>
      <c r="C10230" t="s">
        <v>117</v>
      </c>
      <c r="D10230" t="s">
        <v>118</v>
      </c>
      <c r="E10230">
        <v>2018</v>
      </c>
      <c r="F10230">
        <v>2018</v>
      </c>
      <c r="G10230" t="s">
        <v>14</v>
      </c>
      <c r="H10230" t="s">
        <v>123</v>
      </c>
      <c r="I10230" t="s">
        <v>15</v>
      </c>
      <c r="J10230" s="10">
        <v>7.2726687549999998</v>
      </c>
    </row>
    <row r="10231" spans="1:10" x14ac:dyDescent="0.35">
      <c r="A10231" t="s">
        <v>62</v>
      </c>
      <c r="B10231" t="s">
        <v>65</v>
      </c>
      <c r="C10231" t="s">
        <v>117</v>
      </c>
      <c r="D10231" t="s">
        <v>118</v>
      </c>
      <c r="E10231">
        <v>2018</v>
      </c>
      <c r="F10231">
        <v>2018</v>
      </c>
      <c r="G10231" t="s">
        <v>14</v>
      </c>
      <c r="H10231" t="s">
        <v>124</v>
      </c>
      <c r="I10231" t="s">
        <v>15</v>
      </c>
      <c r="J10231" s="10">
        <v>0.99772561500000001</v>
      </c>
    </row>
    <row r="10232" spans="1:10" x14ac:dyDescent="0.35">
      <c r="A10232" t="s">
        <v>62</v>
      </c>
      <c r="B10232" t="s">
        <v>65</v>
      </c>
      <c r="C10232" t="s">
        <v>117</v>
      </c>
      <c r="D10232" t="s">
        <v>118</v>
      </c>
      <c r="E10232">
        <v>2018</v>
      </c>
      <c r="F10232">
        <v>2018</v>
      </c>
      <c r="G10232" t="s">
        <v>125</v>
      </c>
      <c r="H10232" t="s">
        <v>119</v>
      </c>
      <c r="I10232" t="s">
        <v>15</v>
      </c>
      <c r="J10232" s="10">
        <v>8.5958470229999993</v>
      </c>
    </row>
    <row r="10233" spans="1:10" x14ac:dyDescent="0.35">
      <c r="A10233" t="s">
        <v>62</v>
      </c>
      <c r="B10233" t="s">
        <v>65</v>
      </c>
      <c r="C10233" t="s">
        <v>117</v>
      </c>
      <c r="D10233" t="s">
        <v>118</v>
      </c>
      <c r="E10233">
        <v>2018</v>
      </c>
      <c r="F10233">
        <v>2018</v>
      </c>
      <c r="G10233" t="s">
        <v>125</v>
      </c>
      <c r="H10233" t="s">
        <v>120</v>
      </c>
      <c r="I10233" t="s">
        <v>15</v>
      </c>
      <c r="J10233" s="10">
        <v>24.761107169999999</v>
      </c>
    </row>
    <row r="10234" spans="1:10" x14ac:dyDescent="0.35">
      <c r="A10234" t="s">
        <v>62</v>
      </c>
      <c r="B10234" t="s">
        <v>65</v>
      </c>
      <c r="C10234" t="s">
        <v>117</v>
      </c>
      <c r="D10234" t="s">
        <v>118</v>
      </c>
      <c r="E10234">
        <v>2018</v>
      </c>
      <c r="F10234">
        <v>2018</v>
      </c>
      <c r="G10234" t="s">
        <v>125</v>
      </c>
      <c r="H10234" t="s">
        <v>121</v>
      </c>
      <c r="I10234" t="s">
        <v>15</v>
      </c>
      <c r="J10234" s="10">
        <v>46.986192529999997</v>
      </c>
    </row>
    <row r="10235" spans="1:10" x14ac:dyDescent="0.35">
      <c r="A10235" t="s">
        <v>62</v>
      </c>
      <c r="B10235" t="s">
        <v>65</v>
      </c>
      <c r="C10235" t="s">
        <v>117</v>
      </c>
      <c r="D10235" t="s">
        <v>118</v>
      </c>
      <c r="E10235">
        <v>2018</v>
      </c>
      <c r="F10235">
        <v>2018</v>
      </c>
      <c r="G10235" t="s">
        <v>125</v>
      </c>
      <c r="H10235" t="s">
        <v>122</v>
      </c>
      <c r="I10235" t="s">
        <v>15</v>
      </c>
      <c r="J10235" s="10">
        <v>12.04664047</v>
      </c>
    </row>
    <row r="10236" spans="1:10" x14ac:dyDescent="0.35">
      <c r="A10236" t="s">
        <v>62</v>
      </c>
      <c r="B10236" t="s">
        <v>65</v>
      </c>
      <c r="C10236" t="s">
        <v>117</v>
      </c>
      <c r="D10236" t="s">
        <v>118</v>
      </c>
      <c r="E10236">
        <v>2018</v>
      </c>
      <c r="F10236">
        <v>2018</v>
      </c>
      <c r="G10236" t="s">
        <v>125</v>
      </c>
      <c r="H10236" t="s">
        <v>123</v>
      </c>
      <c r="I10236" t="s">
        <v>15</v>
      </c>
      <c r="J10236" s="10">
        <v>6.918765703</v>
      </c>
    </row>
    <row r="10237" spans="1:10" x14ac:dyDescent="0.35">
      <c r="A10237" t="s">
        <v>62</v>
      </c>
      <c r="B10237" t="s">
        <v>65</v>
      </c>
      <c r="C10237" t="s">
        <v>117</v>
      </c>
      <c r="D10237" t="s">
        <v>118</v>
      </c>
      <c r="E10237">
        <v>2018</v>
      </c>
      <c r="F10237">
        <v>2018</v>
      </c>
      <c r="G10237" t="s">
        <v>125</v>
      </c>
      <c r="H10237" t="s">
        <v>124</v>
      </c>
      <c r="I10237" t="s">
        <v>15</v>
      </c>
      <c r="J10237" s="10">
        <v>0.69144709999999998</v>
      </c>
    </row>
    <row r="10238" spans="1:10" x14ac:dyDescent="0.35">
      <c r="A10238" t="s">
        <v>62</v>
      </c>
      <c r="B10238" t="s">
        <v>65</v>
      </c>
      <c r="C10238" t="s">
        <v>117</v>
      </c>
      <c r="D10238" t="s">
        <v>118</v>
      </c>
      <c r="E10238">
        <v>2018</v>
      </c>
      <c r="F10238">
        <v>2018</v>
      </c>
      <c r="G10238" t="s">
        <v>126</v>
      </c>
      <c r="H10238" t="s">
        <v>119</v>
      </c>
      <c r="I10238" t="s">
        <v>15</v>
      </c>
      <c r="J10238" s="10">
        <v>8.0376476639999996</v>
      </c>
    </row>
    <row r="10239" spans="1:10" x14ac:dyDescent="0.35">
      <c r="A10239" t="s">
        <v>62</v>
      </c>
      <c r="B10239" t="s">
        <v>65</v>
      </c>
      <c r="C10239" t="s">
        <v>117</v>
      </c>
      <c r="D10239" t="s">
        <v>118</v>
      </c>
      <c r="E10239">
        <v>2018</v>
      </c>
      <c r="F10239">
        <v>2018</v>
      </c>
      <c r="G10239" t="s">
        <v>126</v>
      </c>
      <c r="H10239" t="s">
        <v>120</v>
      </c>
      <c r="I10239" t="s">
        <v>15</v>
      </c>
      <c r="J10239" s="10">
        <v>30.474026110000001</v>
      </c>
    </row>
    <row r="10240" spans="1:10" x14ac:dyDescent="0.35">
      <c r="A10240" t="s">
        <v>62</v>
      </c>
      <c r="B10240" t="s">
        <v>65</v>
      </c>
      <c r="C10240" t="s">
        <v>117</v>
      </c>
      <c r="D10240" t="s">
        <v>118</v>
      </c>
      <c r="E10240">
        <v>2018</v>
      </c>
      <c r="F10240">
        <v>2018</v>
      </c>
      <c r="G10240" t="s">
        <v>126</v>
      </c>
      <c r="H10240" t="s">
        <v>121</v>
      </c>
      <c r="I10240" t="s">
        <v>15</v>
      </c>
      <c r="J10240" s="10">
        <v>41.148725429999999</v>
      </c>
    </row>
    <row r="10241" spans="1:10" x14ac:dyDescent="0.35">
      <c r="A10241" t="s">
        <v>62</v>
      </c>
      <c r="B10241" t="s">
        <v>65</v>
      </c>
      <c r="C10241" t="s">
        <v>117</v>
      </c>
      <c r="D10241" t="s">
        <v>118</v>
      </c>
      <c r="E10241">
        <v>2018</v>
      </c>
      <c r="F10241">
        <v>2018</v>
      </c>
      <c r="G10241" t="s">
        <v>126</v>
      </c>
      <c r="H10241" t="s">
        <v>122</v>
      </c>
      <c r="I10241" t="s">
        <v>15</v>
      </c>
      <c r="J10241" s="10">
        <v>11.410072250000001</v>
      </c>
    </row>
    <row r="10242" spans="1:10" x14ac:dyDescent="0.35">
      <c r="A10242" t="s">
        <v>62</v>
      </c>
      <c r="B10242" t="s">
        <v>65</v>
      </c>
      <c r="C10242" t="s">
        <v>117</v>
      </c>
      <c r="D10242" t="s">
        <v>118</v>
      </c>
      <c r="E10242">
        <v>2018</v>
      </c>
      <c r="F10242">
        <v>2018</v>
      </c>
      <c r="G10242" t="s">
        <v>126</v>
      </c>
      <c r="H10242" t="s">
        <v>123</v>
      </c>
      <c r="I10242" t="s">
        <v>15</v>
      </c>
      <c r="J10242" s="10">
        <v>7.6260103340000001</v>
      </c>
    </row>
    <row r="10243" spans="1:10" x14ac:dyDescent="0.35">
      <c r="A10243" t="s">
        <v>62</v>
      </c>
      <c r="B10243" t="s">
        <v>65</v>
      </c>
      <c r="C10243" t="s">
        <v>117</v>
      </c>
      <c r="D10243" t="s">
        <v>118</v>
      </c>
      <c r="E10243">
        <v>2018</v>
      </c>
      <c r="F10243">
        <v>2018</v>
      </c>
      <c r="G10243" t="s">
        <v>126</v>
      </c>
      <c r="H10243" t="s">
        <v>124</v>
      </c>
      <c r="I10243" t="s">
        <v>15</v>
      </c>
      <c r="J10243" s="10">
        <v>1.303518213</v>
      </c>
    </row>
    <row r="10244" spans="1:10" x14ac:dyDescent="0.35">
      <c r="A10244" t="s">
        <v>62</v>
      </c>
      <c r="B10244" t="s">
        <v>65</v>
      </c>
      <c r="C10244" t="s">
        <v>117</v>
      </c>
      <c r="D10244" t="s">
        <v>118</v>
      </c>
      <c r="E10244">
        <v>2017</v>
      </c>
      <c r="F10244">
        <v>2017</v>
      </c>
      <c r="G10244" t="s">
        <v>14</v>
      </c>
      <c r="H10244" t="s">
        <v>119</v>
      </c>
      <c r="I10244" t="s">
        <v>15</v>
      </c>
      <c r="J10244" s="10">
        <v>8.4026421469999999</v>
      </c>
    </row>
    <row r="10245" spans="1:10" x14ac:dyDescent="0.35">
      <c r="A10245" t="s">
        <v>62</v>
      </c>
      <c r="B10245" t="s">
        <v>65</v>
      </c>
      <c r="C10245" t="s">
        <v>117</v>
      </c>
      <c r="D10245" t="s">
        <v>118</v>
      </c>
      <c r="E10245">
        <v>2017</v>
      </c>
      <c r="F10245">
        <v>2017</v>
      </c>
      <c r="G10245" t="s">
        <v>14</v>
      </c>
      <c r="H10245" t="s">
        <v>120</v>
      </c>
      <c r="I10245" t="s">
        <v>15</v>
      </c>
      <c r="J10245" s="10">
        <v>27.433123399999999</v>
      </c>
    </row>
    <row r="10246" spans="1:10" x14ac:dyDescent="0.35">
      <c r="A10246" t="s">
        <v>62</v>
      </c>
      <c r="B10246" t="s">
        <v>65</v>
      </c>
      <c r="C10246" t="s">
        <v>117</v>
      </c>
      <c r="D10246" t="s">
        <v>118</v>
      </c>
      <c r="E10246">
        <v>2017</v>
      </c>
      <c r="F10246">
        <v>2017</v>
      </c>
      <c r="G10246" t="s">
        <v>14</v>
      </c>
      <c r="H10246" t="s">
        <v>121</v>
      </c>
      <c r="I10246" t="s">
        <v>15</v>
      </c>
      <c r="J10246" s="10">
        <v>44.050780140000001</v>
      </c>
    </row>
    <row r="10247" spans="1:10" x14ac:dyDescent="0.35">
      <c r="A10247" t="s">
        <v>62</v>
      </c>
      <c r="B10247" t="s">
        <v>65</v>
      </c>
      <c r="C10247" t="s">
        <v>117</v>
      </c>
      <c r="D10247" t="s">
        <v>118</v>
      </c>
      <c r="E10247">
        <v>2017</v>
      </c>
      <c r="F10247">
        <v>2017</v>
      </c>
      <c r="G10247" t="s">
        <v>14</v>
      </c>
      <c r="H10247" t="s">
        <v>122</v>
      </c>
      <c r="I10247" t="s">
        <v>15</v>
      </c>
      <c r="J10247" s="10">
        <v>11.73934034</v>
      </c>
    </row>
    <row r="10248" spans="1:10" x14ac:dyDescent="0.35">
      <c r="A10248" t="s">
        <v>62</v>
      </c>
      <c r="B10248" t="s">
        <v>65</v>
      </c>
      <c r="C10248" t="s">
        <v>117</v>
      </c>
      <c r="D10248" t="s">
        <v>118</v>
      </c>
      <c r="E10248">
        <v>2017</v>
      </c>
      <c r="F10248">
        <v>2017</v>
      </c>
      <c r="G10248" t="s">
        <v>14</v>
      </c>
      <c r="H10248" t="s">
        <v>123</v>
      </c>
      <c r="I10248" t="s">
        <v>15</v>
      </c>
      <c r="J10248" s="10">
        <v>7.3712392199999996</v>
      </c>
    </row>
    <row r="10249" spans="1:10" x14ac:dyDescent="0.35">
      <c r="A10249" t="s">
        <v>62</v>
      </c>
      <c r="B10249" t="s">
        <v>65</v>
      </c>
      <c r="C10249" t="s">
        <v>117</v>
      </c>
      <c r="D10249" t="s">
        <v>118</v>
      </c>
      <c r="E10249">
        <v>2017</v>
      </c>
      <c r="F10249">
        <v>2017</v>
      </c>
      <c r="G10249" t="s">
        <v>14</v>
      </c>
      <c r="H10249" t="s">
        <v>124</v>
      </c>
      <c r="I10249" t="s">
        <v>15</v>
      </c>
      <c r="J10249" s="10">
        <v>1.0028747609999999</v>
      </c>
    </row>
    <row r="10250" spans="1:10" x14ac:dyDescent="0.35">
      <c r="A10250" t="s">
        <v>62</v>
      </c>
      <c r="B10250" t="s">
        <v>65</v>
      </c>
      <c r="C10250" t="s">
        <v>117</v>
      </c>
      <c r="D10250" t="s">
        <v>118</v>
      </c>
      <c r="E10250">
        <v>2017</v>
      </c>
      <c r="F10250">
        <v>2017</v>
      </c>
      <c r="G10250" t="s">
        <v>125</v>
      </c>
      <c r="H10250" t="s">
        <v>119</v>
      </c>
      <c r="I10250" t="s">
        <v>15</v>
      </c>
      <c r="J10250" s="10">
        <v>8.7454645410000005</v>
      </c>
    </row>
    <row r="10251" spans="1:10" x14ac:dyDescent="0.35">
      <c r="A10251" t="s">
        <v>62</v>
      </c>
      <c r="B10251" t="s">
        <v>65</v>
      </c>
      <c r="C10251" t="s">
        <v>117</v>
      </c>
      <c r="D10251" t="s">
        <v>118</v>
      </c>
      <c r="E10251">
        <v>2017</v>
      </c>
      <c r="F10251">
        <v>2017</v>
      </c>
      <c r="G10251" t="s">
        <v>125</v>
      </c>
      <c r="H10251" t="s">
        <v>120</v>
      </c>
      <c r="I10251" t="s">
        <v>15</v>
      </c>
      <c r="J10251" s="10">
        <v>24.496976360000001</v>
      </c>
    </row>
    <row r="10252" spans="1:10" x14ac:dyDescent="0.35">
      <c r="A10252" t="s">
        <v>62</v>
      </c>
      <c r="B10252" t="s">
        <v>65</v>
      </c>
      <c r="C10252" t="s">
        <v>117</v>
      </c>
      <c r="D10252" t="s">
        <v>118</v>
      </c>
      <c r="E10252">
        <v>2017</v>
      </c>
      <c r="F10252">
        <v>2017</v>
      </c>
      <c r="G10252" t="s">
        <v>125</v>
      </c>
      <c r="H10252" t="s">
        <v>121</v>
      </c>
      <c r="I10252" t="s">
        <v>15</v>
      </c>
      <c r="J10252" s="10">
        <v>46.935678940000003</v>
      </c>
    </row>
    <row r="10253" spans="1:10" x14ac:dyDescent="0.35">
      <c r="A10253" t="s">
        <v>62</v>
      </c>
      <c r="B10253" t="s">
        <v>65</v>
      </c>
      <c r="C10253" t="s">
        <v>117</v>
      </c>
      <c r="D10253" t="s">
        <v>118</v>
      </c>
      <c r="E10253">
        <v>2017</v>
      </c>
      <c r="F10253">
        <v>2017</v>
      </c>
      <c r="G10253" t="s">
        <v>125</v>
      </c>
      <c r="H10253" t="s">
        <v>122</v>
      </c>
      <c r="I10253" t="s">
        <v>15</v>
      </c>
      <c r="J10253" s="10">
        <v>12.171522810000001</v>
      </c>
    </row>
    <row r="10254" spans="1:10" x14ac:dyDescent="0.35">
      <c r="A10254" t="s">
        <v>62</v>
      </c>
      <c r="B10254" t="s">
        <v>65</v>
      </c>
      <c r="C10254" t="s">
        <v>117</v>
      </c>
      <c r="D10254" t="s">
        <v>118</v>
      </c>
      <c r="E10254">
        <v>2017</v>
      </c>
      <c r="F10254">
        <v>2017</v>
      </c>
      <c r="G10254" t="s">
        <v>125</v>
      </c>
      <c r="H10254" t="s">
        <v>123</v>
      </c>
      <c r="I10254" t="s">
        <v>15</v>
      </c>
      <c r="J10254" s="10">
        <v>6.9510720179999996</v>
      </c>
    </row>
    <row r="10255" spans="1:10" x14ac:dyDescent="0.35">
      <c r="A10255" t="s">
        <v>62</v>
      </c>
      <c r="B10255" t="s">
        <v>65</v>
      </c>
      <c r="C10255" t="s">
        <v>117</v>
      </c>
      <c r="D10255" t="s">
        <v>118</v>
      </c>
      <c r="E10255">
        <v>2017</v>
      </c>
      <c r="F10255">
        <v>2017</v>
      </c>
      <c r="G10255" t="s">
        <v>125</v>
      </c>
      <c r="H10255" t="s">
        <v>124</v>
      </c>
      <c r="I10255" t="s">
        <v>15</v>
      </c>
      <c r="J10255" s="10">
        <v>0.69928532200000004</v>
      </c>
    </row>
    <row r="10256" spans="1:10" x14ac:dyDescent="0.35">
      <c r="A10256" t="s">
        <v>62</v>
      </c>
      <c r="B10256" t="s">
        <v>65</v>
      </c>
      <c r="C10256" t="s">
        <v>117</v>
      </c>
      <c r="D10256" t="s">
        <v>118</v>
      </c>
      <c r="E10256">
        <v>2017</v>
      </c>
      <c r="F10256">
        <v>2017</v>
      </c>
      <c r="G10256" t="s">
        <v>126</v>
      </c>
      <c r="H10256" t="s">
        <v>119</v>
      </c>
      <c r="I10256" t="s">
        <v>15</v>
      </c>
      <c r="J10256" s="10">
        <v>8.0612311939999994</v>
      </c>
    </row>
    <row r="10257" spans="1:10" x14ac:dyDescent="0.35">
      <c r="A10257" t="s">
        <v>62</v>
      </c>
      <c r="B10257" t="s">
        <v>65</v>
      </c>
      <c r="C10257" t="s">
        <v>117</v>
      </c>
      <c r="D10257" t="s">
        <v>118</v>
      </c>
      <c r="E10257">
        <v>2017</v>
      </c>
      <c r="F10257">
        <v>2017</v>
      </c>
      <c r="G10257" t="s">
        <v>126</v>
      </c>
      <c r="H10257" t="s">
        <v>120</v>
      </c>
      <c r="I10257" t="s">
        <v>15</v>
      </c>
      <c r="J10257" s="10">
        <v>30.357181959999998</v>
      </c>
    </row>
    <row r="10258" spans="1:10" x14ac:dyDescent="0.35">
      <c r="A10258" t="s">
        <v>62</v>
      </c>
      <c r="B10258" t="s">
        <v>65</v>
      </c>
      <c r="C10258" t="s">
        <v>117</v>
      </c>
      <c r="D10258" t="s">
        <v>118</v>
      </c>
      <c r="E10258">
        <v>2017</v>
      </c>
      <c r="F10258">
        <v>2017</v>
      </c>
      <c r="G10258" t="s">
        <v>126</v>
      </c>
      <c r="H10258" t="s">
        <v>121</v>
      </c>
      <c r="I10258" t="s">
        <v>15</v>
      </c>
      <c r="J10258" s="10">
        <v>41.177758799999999</v>
      </c>
    </row>
    <row r="10259" spans="1:10" x14ac:dyDescent="0.35">
      <c r="A10259" t="s">
        <v>62</v>
      </c>
      <c r="B10259" t="s">
        <v>65</v>
      </c>
      <c r="C10259" t="s">
        <v>117</v>
      </c>
      <c r="D10259" t="s">
        <v>118</v>
      </c>
      <c r="E10259">
        <v>2017</v>
      </c>
      <c r="F10259">
        <v>2017</v>
      </c>
      <c r="G10259" t="s">
        <v>126</v>
      </c>
      <c r="H10259" t="s">
        <v>122</v>
      </c>
      <c r="I10259" t="s">
        <v>15</v>
      </c>
      <c r="J10259" s="10">
        <v>11.30893721</v>
      </c>
    </row>
    <row r="10260" spans="1:10" x14ac:dyDescent="0.35">
      <c r="A10260" t="s">
        <v>62</v>
      </c>
      <c r="B10260" t="s">
        <v>65</v>
      </c>
      <c r="C10260" t="s">
        <v>117</v>
      </c>
      <c r="D10260" t="s">
        <v>118</v>
      </c>
      <c r="E10260">
        <v>2017</v>
      </c>
      <c r="F10260">
        <v>2017</v>
      </c>
      <c r="G10260" t="s">
        <v>126</v>
      </c>
      <c r="H10260" t="s">
        <v>123</v>
      </c>
      <c r="I10260" t="s">
        <v>15</v>
      </c>
      <c r="J10260" s="10">
        <v>7.7896765429999997</v>
      </c>
    </row>
    <row r="10261" spans="1:10" x14ac:dyDescent="0.35">
      <c r="A10261" t="s">
        <v>62</v>
      </c>
      <c r="B10261" t="s">
        <v>65</v>
      </c>
      <c r="C10261" t="s">
        <v>117</v>
      </c>
      <c r="D10261" t="s">
        <v>118</v>
      </c>
      <c r="E10261">
        <v>2017</v>
      </c>
      <c r="F10261">
        <v>2017</v>
      </c>
      <c r="G10261" t="s">
        <v>126</v>
      </c>
      <c r="H10261" t="s">
        <v>124</v>
      </c>
      <c r="I10261" t="s">
        <v>15</v>
      </c>
      <c r="J10261" s="10">
        <v>1.3052142870000001</v>
      </c>
    </row>
    <row r="10262" spans="1:10" x14ac:dyDescent="0.35">
      <c r="A10262" t="s">
        <v>62</v>
      </c>
      <c r="B10262" t="s">
        <v>65</v>
      </c>
      <c r="C10262" t="s">
        <v>117</v>
      </c>
      <c r="D10262" t="s">
        <v>118</v>
      </c>
      <c r="E10262">
        <v>2016</v>
      </c>
      <c r="F10262">
        <v>2016</v>
      </c>
      <c r="G10262" t="s">
        <v>14</v>
      </c>
      <c r="H10262" t="s">
        <v>119</v>
      </c>
      <c r="I10262" t="s">
        <v>15</v>
      </c>
      <c r="J10262" s="10">
        <v>8.4916791210000007</v>
      </c>
    </row>
    <row r="10263" spans="1:10" x14ac:dyDescent="0.35">
      <c r="A10263" t="s">
        <v>62</v>
      </c>
      <c r="B10263" t="s">
        <v>65</v>
      </c>
      <c r="C10263" t="s">
        <v>117</v>
      </c>
      <c r="D10263" t="s">
        <v>118</v>
      </c>
      <c r="E10263">
        <v>2016</v>
      </c>
      <c r="F10263">
        <v>2016</v>
      </c>
      <c r="G10263" t="s">
        <v>14</v>
      </c>
      <c r="H10263" t="s">
        <v>120</v>
      </c>
      <c r="I10263" t="s">
        <v>15</v>
      </c>
      <c r="J10263" s="10">
        <v>27.696560399999999</v>
      </c>
    </row>
    <row r="10264" spans="1:10" x14ac:dyDescent="0.35">
      <c r="A10264" t="s">
        <v>62</v>
      </c>
      <c r="B10264" t="s">
        <v>65</v>
      </c>
      <c r="C10264" t="s">
        <v>117</v>
      </c>
      <c r="D10264" t="s">
        <v>118</v>
      </c>
      <c r="E10264">
        <v>2016</v>
      </c>
      <c r="F10264">
        <v>2016</v>
      </c>
      <c r="G10264" t="s">
        <v>14</v>
      </c>
      <c r="H10264" t="s">
        <v>121</v>
      </c>
      <c r="I10264" t="s">
        <v>15</v>
      </c>
      <c r="J10264" s="10">
        <v>43.576461070000001</v>
      </c>
    </row>
    <row r="10265" spans="1:10" x14ac:dyDescent="0.35">
      <c r="A10265" t="s">
        <v>62</v>
      </c>
      <c r="B10265" t="s">
        <v>65</v>
      </c>
      <c r="C10265" t="s">
        <v>117</v>
      </c>
      <c r="D10265" t="s">
        <v>118</v>
      </c>
      <c r="E10265">
        <v>2016</v>
      </c>
      <c r="F10265">
        <v>2016</v>
      </c>
      <c r="G10265" t="s">
        <v>14</v>
      </c>
      <c r="H10265" t="s">
        <v>122</v>
      </c>
      <c r="I10265" t="s">
        <v>15</v>
      </c>
      <c r="J10265" s="10">
        <v>11.75373344</v>
      </c>
    </row>
    <row r="10266" spans="1:10" x14ac:dyDescent="0.35">
      <c r="A10266" t="s">
        <v>62</v>
      </c>
      <c r="B10266" t="s">
        <v>65</v>
      </c>
      <c r="C10266" t="s">
        <v>117</v>
      </c>
      <c r="D10266" t="s">
        <v>118</v>
      </c>
      <c r="E10266">
        <v>2016</v>
      </c>
      <c r="F10266">
        <v>2016</v>
      </c>
      <c r="G10266" t="s">
        <v>14</v>
      </c>
      <c r="H10266" t="s">
        <v>123</v>
      </c>
      <c r="I10266" t="s">
        <v>15</v>
      </c>
      <c r="J10266" s="10">
        <v>7.4916004630000002</v>
      </c>
    </row>
    <row r="10267" spans="1:10" x14ac:dyDescent="0.35">
      <c r="A10267" t="s">
        <v>62</v>
      </c>
      <c r="B10267" t="s">
        <v>65</v>
      </c>
      <c r="C10267" t="s">
        <v>117</v>
      </c>
      <c r="D10267" t="s">
        <v>118</v>
      </c>
      <c r="E10267">
        <v>2016</v>
      </c>
      <c r="F10267">
        <v>2016</v>
      </c>
      <c r="G10267" t="s">
        <v>14</v>
      </c>
      <c r="H10267" t="s">
        <v>124</v>
      </c>
      <c r="I10267" t="s">
        <v>15</v>
      </c>
      <c r="J10267" s="10">
        <v>0.98996550299999997</v>
      </c>
    </row>
    <row r="10268" spans="1:10" x14ac:dyDescent="0.35">
      <c r="A10268" t="s">
        <v>62</v>
      </c>
      <c r="B10268" t="s">
        <v>65</v>
      </c>
      <c r="C10268" t="s">
        <v>117</v>
      </c>
      <c r="D10268" t="s">
        <v>118</v>
      </c>
      <c r="E10268">
        <v>2016</v>
      </c>
      <c r="F10268">
        <v>2016</v>
      </c>
      <c r="G10268" t="s">
        <v>125</v>
      </c>
      <c r="H10268" t="s">
        <v>119</v>
      </c>
      <c r="I10268" t="s">
        <v>15</v>
      </c>
      <c r="J10268" s="10">
        <v>8.7669440870000006</v>
      </c>
    </row>
    <row r="10269" spans="1:10" x14ac:dyDescent="0.35">
      <c r="A10269" t="s">
        <v>62</v>
      </c>
      <c r="B10269" t="s">
        <v>65</v>
      </c>
      <c r="C10269" t="s">
        <v>117</v>
      </c>
      <c r="D10269" t="s">
        <v>118</v>
      </c>
      <c r="E10269">
        <v>2016</v>
      </c>
      <c r="F10269">
        <v>2016</v>
      </c>
      <c r="G10269" t="s">
        <v>125</v>
      </c>
      <c r="H10269" t="s">
        <v>120</v>
      </c>
      <c r="I10269" t="s">
        <v>15</v>
      </c>
      <c r="J10269" s="10">
        <v>24.60924284</v>
      </c>
    </row>
    <row r="10270" spans="1:10" x14ac:dyDescent="0.35">
      <c r="A10270" t="s">
        <v>62</v>
      </c>
      <c r="B10270" t="s">
        <v>65</v>
      </c>
      <c r="C10270" t="s">
        <v>117</v>
      </c>
      <c r="D10270" t="s">
        <v>118</v>
      </c>
      <c r="E10270">
        <v>2016</v>
      </c>
      <c r="F10270">
        <v>2016</v>
      </c>
      <c r="G10270" t="s">
        <v>125</v>
      </c>
      <c r="H10270" t="s">
        <v>121</v>
      </c>
      <c r="I10270" t="s">
        <v>15</v>
      </c>
      <c r="J10270" s="10">
        <v>46.744254230000003</v>
      </c>
    </row>
    <row r="10271" spans="1:10" x14ac:dyDescent="0.35">
      <c r="A10271" t="s">
        <v>62</v>
      </c>
      <c r="B10271" t="s">
        <v>65</v>
      </c>
      <c r="C10271" t="s">
        <v>117</v>
      </c>
      <c r="D10271" t="s">
        <v>118</v>
      </c>
      <c r="E10271">
        <v>2016</v>
      </c>
      <c r="F10271">
        <v>2016</v>
      </c>
      <c r="G10271" t="s">
        <v>125</v>
      </c>
      <c r="H10271" t="s">
        <v>122</v>
      </c>
      <c r="I10271" t="s">
        <v>15</v>
      </c>
      <c r="J10271" s="10">
        <v>12.17944381</v>
      </c>
    </row>
    <row r="10272" spans="1:10" x14ac:dyDescent="0.35">
      <c r="A10272" t="s">
        <v>62</v>
      </c>
      <c r="B10272" t="s">
        <v>65</v>
      </c>
      <c r="C10272" t="s">
        <v>117</v>
      </c>
      <c r="D10272" t="s">
        <v>118</v>
      </c>
      <c r="E10272">
        <v>2016</v>
      </c>
      <c r="F10272">
        <v>2016</v>
      </c>
      <c r="G10272" t="s">
        <v>125</v>
      </c>
      <c r="H10272" t="s">
        <v>123</v>
      </c>
      <c r="I10272" t="s">
        <v>15</v>
      </c>
      <c r="J10272" s="10">
        <v>7.0189683560000002</v>
      </c>
    </row>
    <row r="10273" spans="1:10" x14ac:dyDescent="0.35">
      <c r="A10273" t="s">
        <v>62</v>
      </c>
      <c r="B10273" t="s">
        <v>65</v>
      </c>
      <c r="C10273" t="s">
        <v>117</v>
      </c>
      <c r="D10273" t="s">
        <v>118</v>
      </c>
      <c r="E10273">
        <v>2016</v>
      </c>
      <c r="F10273">
        <v>2016</v>
      </c>
      <c r="G10273" t="s">
        <v>125</v>
      </c>
      <c r="H10273" t="s">
        <v>124</v>
      </c>
      <c r="I10273" t="s">
        <v>15</v>
      </c>
      <c r="J10273" s="10">
        <v>0.68114667200000001</v>
      </c>
    </row>
    <row r="10274" spans="1:10" x14ac:dyDescent="0.35">
      <c r="A10274" t="s">
        <v>62</v>
      </c>
      <c r="B10274" t="s">
        <v>65</v>
      </c>
      <c r="C10274" t="s">
        <v>117</v>
      </c>
      <c r="D10274" t="s">
        <v>118</v>
      </c>
      <c r="E10274">
        <v>2016</v>
      </c>
      <c r="F10274">
        <v>2016</v>
      </c>
      <c r="G10274" t="s">
        <v>126</v>
      </c>
      <c r="H10274" t="s">
        <v>119</v>
      </c>
      <c r="I10274" t="s">
        <v>15</v>
      </c>
      <c r="J10274" s="10">
        <v>8.2183805089999993</v>
      </c>
    </row>
    <row r="10275" spans="1:10" x14ac:dyDescent="0.35">
      <c r="A10275" t="s">
        <v>62</v>
      </c>
      <c r="B10275" t="s">
        <v>65</v>
      </c>
      <c r="C10275" t="s">
        <v>117</v>
      </c>
      <c r="D10275" t="s">
        <v>118</v>
      </c>
      <c r="E10275">
        <v>2016</v>
      </c>
      <c r="F10275">
        <v>2016</v>
      </c>
      <c r="G10275" t="s">
        <v>126</v>
      </c>
      <c r="H10275" t="s">
        <v>120</v>
      </c>
      <c r="I10275" t="s">
        <v>15</v>
      </c>
      <c r="J10275" s="10">
        <v>30.761823719999999</v>
      </c>
    </row>
    <row r="10276" spans="1:10" x14ac:dyDescent="0.35">
      <c r="A10276" t="s">
        <v>62</v>
      </c>
      <c r="B10276" t="s">
        <v>65</v>
      </c>
      <c r="C10276" t="s">
        <v>117</v>
      </c>
      <c r="D10276" t="s">
        <v>118</v>
      </c>
      <c r="E10276">
        <v>2016</v>
      </c>
      <c r="F10276">
        <v>2016</v>
      </c>
      <c r="G10276" t="s">
        <v>126</v>
      </c>
      <c r="H10276" t="s">
        <v>121</v>
      </c>
      <c r="I10276" t="s">
        <v>15</v>
      </c>
      <c r="J10276" s="10">
        <v>40.431297030000003</v>
      </c>
    </row>
    <row r="10277" spans="1:10" x14ac:dyDescent="0.35">
      <c r="A10277" t="s">
        <v>62</v>
      </c>
      <c r="B10277" t="s">
        <v>65</v>
      </c>
      <c r="C10277" t="s">
        <v>117</v>
      </c>
      <c r="D10277" t="s">
        <v>118</v>
      </c>
      <c r="E10277">
        <v>2016</v>
      </c>
      <c r="F10277">
        <v>2016</v>
      </c>
      <c r="G10277" t="s">
        <v>126</v>
      </c>
      <c r="H10277" t="s">
        <v>122</v>
      </c>
      <c r="I10277" t="s">
        <v>15</v>
      </c>
      <c r="J10277" s="10">
        <v>11.33106413</v>
      </c>
    </row>
    <row r="10278" spans="1:10" x14ac:dyDescent="0.35">
      <c r="A10278" t="s">
        <v>62</v>
      </c>
      <c r="B10278" t="s">
        <v>65</v>
      </c>
      <c r="C10278" t="s">
        <v>117</v>
      </c>
      <c r="D10278" t="s">
        <v>118</v>
      </c>
      <c r="E10278">
        <v>2016</v>
      </c>
      <c r="F10278">
        <v>2016</v>
      </c>
      <c r="G10278" t="s">
        <v>126</v>
      </c>
      <c r="H10278" t="s">
        <v>123</v>
      </c>
      <c r="I10278" t="s">
        <v>15</v>
      </c>
      <c r="J10278" s="10">
        <v>7.9608563239999999</v>
      </c>
    </row>
    <row r="10279" spans="1:10" x14ac:dyDescent="0.35">
      <c r="A10279" t="s">
        <v>62</v>
      </c>
      <c r="B10279" t="s">
        <v>65</v>
      </c>
      <c r="C10279" t="s">
        <v>117</v>
      </c>
      <c r="D10279" t="s">
        <v>118</v>
      </c>
      <c r="E10279">
        <v>2016</v>
      </c>
      <c r="F10279">
        <v>2016</v>
      </c>
      <c r="G10279" t="s">
        <v>126</v>
      </c>
      <c r="H10279" t="s">
        <v>124</v>
      </c>
      <c r="I10279" t="s">
        <v>15</v>
      </c>
      <c r="J10279" s="10">
        <v>1.296578287</v>
      </c>
    </row>
    <row r="10280" spans="1:10" x14ac:dyDescent="0.35">
      <c r="A10280" t="s">
        <v>62</v>
      </c>
      <c r="B10280" t="s">
        <v>65</v>
      </c>
      <c r="C10280" t="s">
        <v>117</v>
      </c>
      <c r="D10280" t="s">
        <v>118</v>
      </c>
      <c r="E10280">
        <v>2015</v>
      </c>
      <c r="F10280">
        <v>2015</v>
      </c>
      <c r="G10280" t="s">
        <v>14</v>
      </c>
      <c r="H10280" t="s">
        <v>119</v>
      </c>
      <c r="I10280" t="s">
        <v>15</v>
      </c>
      <c r="J10280" s="10">
        <v>8.4420112980000006</v>
      </c>
    </row>
    <row r="10281" spans="1:10" x14ac:dyDescent="0.35">
      <c r="A10281" t="s">
        <v>62</v>
      </c>
      <c r="B10281" t="s">
        <v>65</v>
      </c>
      <c r="C10281" t="s">
        <v>117</v>
      </c>
      <c r="D10281" t="s">
        <v>118</v>
      </c>
      <c r="E10281">
        <v>2015</v>
      </c>
      <c r="F10281">
        <v>2015</v>
      </c>
      <c r="G10281" t="s">
        <v>14</v>
      </c>
      <c r="H10281" t="s">
        <v>120</v>
      </c>
      <c r="I10281" t="s">
        <v>15</v>
      </c>
      <c r="J10281" s="10">
        <v>27.618150960000001</v>
      </c>
    </row>
    <row r="10282" spans="1:10" x14ac:dyDescent="0.35">
      <c r="A10282" t="s">
        <v>62</v>
      </c>
      <c r="B10282" t="s">
        <v>65</v>
      </c>
      <c r="C10282" t="s">
        <v>117</v>
      </c>
      <c r="D10282" t="s">
        <v>118</v>
      </c>
      <c r="E10282">
        <v>2015</v>
      </c>
      <c r="F10282">
        <v>2015</v>
      </c>
      <c r="G10282" t="s">
        <v>14</v>
      </c>
      <c r="H10282" t="s">
        <v>121</v>
      </c>
      <c r="I10282" t="s">
        <v>15</v>
      </c>
      <c r="J10282" s="10">
        <v>43.524653039999997</v>
      </c>
    </row>
    <row r="10283" spans="1:10" x14ac:dyDescent="0.35">
      <c r="A10283" t="s">
        <v>62</v>
      </c>
      <c r="B10283" t="s">
        <v>65</v>
      </c>
      <c r="C10283" t="s">
        <v>117</v>
      </c>
      <c r="D10283" t="s">
        <v>118</v>
      </c>
      <c r="E10283">
        <v>2015</v>
      </c>
      <c r="F10283">
        <v>2015</v>
      </c>
      <c r="G10283" t="s">
        <v>14</v>
      </c>
      <c r="H10283" t="s">
        <v>122</v>
      </c>
      <c r="I10283" t="s">
        <v>15</v>
      </c>
      <c r="J10283" s="10">
        <v>11.795336730000001</v>
      </c>
    </row>
    <row r="10284" spans="1:10" x14ac:dyDescent="0.35">
      <c r="A10284" t="s">
        <v>62</v>
      </c>
      <c r="B10284" t="s">
        <v>65</v>
      </c>
      <c r="C10284" t="s">
        <v>117</v>
      </c>
      <c r="D10284" t="s">
        <v>118</v>
      </c>
      <c r="E10284">
        <v>2015</v>
      </c>
      <c r="F10284">
        <v>2015</v>
      </c>
      <c r="G10284" t="s">
        <v>14</v>
      </c>
      <c r="H10284" t="s">
        <v>123</v>
      </c>
      <c r="I10284" t="s">
        <v>15</v>
      </c>
      <c r="J10284" s="10">
        <v>7.6493014390000003</v>
      </c>
    </row>
    <row r="10285" spans="1:10" x14ac:dyDescent="0.35">
      <c r="A10285" t="s">
        <v>62</v>
      </c>
      <c r="B10285" t="s">
        <v>65</v>
      </c>
      <c r="C10285" t="s">
        <v>117</v>
      </c>
      <c r="D10285" t="s">
        <v>118</v>
      </c>
      <c r="E10285">
        <v>2015</v>
      </c>
      <c r="F10285">
        <v>2015</v>
      </c>
      <c r="G10285" t="s">
        <v>14</v>
      </c>
      <c r="H10285" t="s">
        <v>124</v>
      </c>
      <c r="I10285" t="s">
        <v>15</v>
      </c>
      <c r="J10285" s="10">
        <v>0.97054652799999996</v>
      </c>
    </row>
    <row r="10286" spans="1:10" x14ac:dyDescent="0.35">
      <c r="A10286" t="s">
        <v>62</v>
      </c>
      <c r="B10286" t="s">
        <v>65</v>
      </c>
      <c r="C10286" t="s">
        <v>117</v>
      </c>
      <c r="D10286" t="s">
        <v>118</v>
      </c>
      <c r="E10286">
        <v>2015</v>
      </c>
      <c r="F10286">
        <v>2015</v>
      </c>
      <c r="G10286" t="s">
        <v>125</v>
      </c>
      <c r="H10286" t="s">
        <v>119</v>
      </c>
      <c r="I10286" t="s">
        <v>15</v>
      </c>
      <c r="J10286" s="10">
        <v>8.5196080700000003</v>
      </c>
    </row>
    <row r="10287" spans="1:10" x14ac:dyDescent="0.35">
      <c r="A10287" t="s">
        <v>62</v>
      </c>
      <c r="B10287" t="s">
        <v>65</v>
      </c>
      <c r="C10287" t="s">
        <v>117</v>
      </c>
      <c r="D10287" t="s">
        <v>118</v>
      </c>
      <c r="E10287">
        <v>2015</v>
      </c>
      <c r="F10287">
        <v>2015</v>
      </c>
      <c r="G10287" t="s">
        <v>125</v>
      </c>
      <c r="H10287" t="s">
        <v>120</v>
      </c>
      <c r="I10287" t="s">
        <v>15</v>
      </c>
      <c r="J10287" s="10">
        <v>24.847698690000001</v>
      </c>
    </row>
    <row r="10288" spans="1:10" x14ac:dyDescent="0.35">
      <c r="A10288" t="s">
        <v>62</v>
      </c>
      <c r="B10288" t="s">
        <v>65</v>
      </c>
      <c r="C10288" t="s">
        <v>117</v>
      </c>
      <c r="D10288" t="s">
        <v>118</v>
      </c>
      <c r="E10288">
        <v>2015</v>
      </c>
      <c r="F10288">
        <v>2015</v>
      </c>
      <c r="G10288" t="s">
        <v>125</v>
      </c>
      <c r="H10288" t="s">
        <v>121</v>
      </c>
      <c r="I10288" t="s">
        <v>15</v>
      </c>
      <c r="J10288" s="10">
        <v>46.68411665</v>
      </c>
    </row>
    <row r="10289" spans="1:10" x14ac:dyDescent="0.35">
      <c r="A10289" t="s">
        <v>62</v>
      </c>
      <c r="B10289" t="s">
        <v>65</v>
      </c>
      <c r="C10289" t="s">
        <v>117</v>
      </c>
      <c r="D10289" t="s">
        <v>118</v>
      </c>
      <c r="E10289">
        <v>2015</v>
      </c>
      <c r="F10289">
        <v>2015</v>
      </c>
      <c r="G10289" t="s">
        <v>125</v>
      </c>
      <c r="H10289" t="s">
        <v>122</v>
      </c>
      <c r="I10289" t="s">
        <v>15</v>
      </c>
      <c r="J10289" s="10">
        <v>12.20958514</v>
      </c>
    </row>
    <row r="10290" spans="1:10" x14ac:dyDescent="0.35">
      <c r="A10290" t="s">
        <v>62</v>
      </c>
      <c r="B10290" t="s">
        <v>65</v>
      </c>
      <c r="C10290" t="s">
        <v>117</v>
      </c>
      <c r="D10290" t="s">
        <v>118</v>
      </c>
      <c r="E10290">
        <v>2015</v>
      </c>
      <c r="F10290">
        <v>2015</v>
      </c>
      <c r="G10290" t="s">
        <v>125</v>
      </c>
      <c r="H10290" t="s">
        <v>123</v>
      </c>
      <c r="I10290" t="s">
        <v>15</v>
      </c>
      <c r="J10290" s="10">
        <v>7.1019897619999997</v>
      </c>
    </row>
    <row r="10291" spans="1:10" x14ac:dyDescent="0.35">
      <c r="A10291" t="s">
        <v>62</v>
      </c>
      <c r="B10291" t="s">
        <v>65</v>
      </c>
      <c r="C10291" t="s">
        <v>117</v>
      </c>
      <c r="D10291" t="s">
        <v>118</v>
      </c>
      <c r="E10291">
        <v>2015</v>
      </c>
      <c r="F10291">
        <v>2015</v>
      </c>
      <c r="G10291" t="s">
        <v>125</v>
      </c>
      <c r="H10291" t="s">
        <v>124</v>
      </c>
      <c r="I10291" t="s">
        <v>15</v>
      </c>
      <c r="J10291" s="10">
        <v>0.63700169100000004</v>
      </c>
    </row>
    <row r="10292" spans="1:10" x14ac:dyDescent="0.35">
      <c r="A10292" t="s">
        <v>62</v>
      </c>
      <c r="B10292" t="s">
        <v>65</v>
      </c>
      <c r="C10292" t="s">
        <v>117</v>
      </c>
      <c r="D10292" t="s">
        <v>118</v>
      </c>
      <c r="E10292">
        <v>2015</v>
      </c>
      <c r="F10292">
        <v>2015</v>
      </c>
      <c r="G10292" t="s">
        <v>126</v>
      </c>
      <c r="H10292" t="s">
        <v>119</v>
      </c>
      <c r="I10292" t="s">
        <v>15</v>
      </c>
      <c r="J10292" s="10">
        <v>8.3638569399999998</v>
      </c>
    </row>
    <row r="10293" spans="1:10" x14ac:dyDescent="0.35">
      <c r="A10293" t="s">
        <v>62</v>
      </c>
      <c r="B10293" t="s">
        <v>65</v>
      </c>
      <c r="C10293" t="s">
        <v>117</v>
      </c>
      <c r="D10293" t="s">
        <v>118</v>
      </c>
      <c r="E10293">
        <v>2015</v>
      </c>
      <c r="F10293">
        <v>2015</v>
      </c>
      <c r="G10293" t="s">
        <v>126</v>
      </c>
      <c r="H10293" t="s">
        <v>120</v>
      </c>
      <c r="I10293" t="s">
        <v>15</v>
      </c>
      <c r="J10293" s="10">
        <v>30.408510840000002</v>
      </c>
    </row>
    <row r="10294" spans="1:10" x14ac:dyDescent="0.35">
      <c r="A10294" t="s">
        <v>62</v>
      </c>
      <c r="B10294" t="s">
        <v>65</v>
      </c>
      <c r="C10294" t="s">
        <v>117</v>
      </c>
      <c r="D10294" t="s">
        <v>118</v>
      </c>
      <c r="E10294">
        <v>2015</v>
      </c>
      <c r="F10294">
        <v>2015</v>
      </c>
      <c r="G10294" t="s">
        <v>126</v>
      </c>
      <c r="H10294" t="s">
        <v>121</v>
      </c>
      <c r="I10294" t="s">
        <v>15</v>
      </c>
      <c r="J10294" s="10">
        <v>40.342486530000002</v>
      </c>
    </row>
    <row r="10295" spans="1:10" x14ac:dyDescent="0.35">
      <c r="A10295" t="s">
        <v>62</v>
      </c>
      <c r="B10295" t="s">
        <v>65</v>
      </c>
      <c r="C10295" t="s">
        <v>117</v>
      </c>
      <c r="D10295" t="s">
        <v>118</v>
      </c>
      <c r="E10295">
        <v>2015</v>
      </c>
      <c r="F10295">
        <v>2015</v>
      </c>
      <c r="G10295" t="s">
        <v>126</v>
      </c>
      <c r="H10295" t="s">
        <v>122</v>
      </c>
      <c r="I10295" t="s">
        <v>15</v>
      </c>
      <c r="J10295" s="10">
        <v>11.37811166</v>
      </c>
    </row>
    <row r="10296" spans="1:10" x14ac:dyDescent="0.35">
      <c r="A10296" t="s">
        <v>62</v>
      </c>
      <c r="B10296" t="s">
        <v>65</v>
      </c>
      <c r="C10296" t="s">
        <v>117</v>
      </c>
      <c r="D10296" t="s">
        <v>118</v>
      </c>
      <c r="E10296">
        <v>2015</v>
      </c>
      <c r="F10296">
        <v>2015</v>
      </c>
      <c r="G10296" t="s">
        <v>126</v>
      </c>
      <c r="H10296" t="s">
        <v>123</v>
      </c>
      <c r="I10296" t="s">
        <v>15</v>
      </c>
      <c r="J10296" s="10">
        <v>8.2005459250000001</v>
      </c>
    </row>
    <row r="10297" spans="1:10" x14ac:dyDescent="0.35">
      <c r="A10297" t="s">
        <v>62</v>
      </c>
      <c r="B10297" t="s">
        <v>65</v>
      </c>
      <c r="C10297" t="s">
        <v>117</v>
      </c>
      <c r="D10297" t="s">
        <v>118</v>
      </c>
      <c r="E10297">
        <v>2015</v>
      </c>
      <c r="F10297">
        <v>2015</v>
      </c>
      <c r="G10297" t="s">
        <v>126</v>
      </c>
      <c r="H10297" t="s">
        <v>124</v>
      </c>
      <c r="I10297" t="s">
        <v>15</v>
      </c>
      <c r="J10297" s="10">
        <v>1.3064881129999999</v>
      </c>
    </row>
    <row r="10298" spans="1:10" x14ac:dyDescent="0.35">
      <c r="A10298" t="s">
        <v>62</v>
      </c>
      <c r="B10298" t="s">
        <v>65</v>
      </c>
      <c r="C10298" t="s">
        <v>117</v>
      </c>
      <c r="D10298" t="s">
        <v>118</v>
      </c>
      <c r="E10298">
        <v>2014</v>
      </c>
      <c r="F10298">
        <v>2014</v>
      </c>
      <c r="G10298" t="s">
        <v>14</v>
      </c>
      <c r="H10298" t="s">
        <v>119</v>
      </c>
      <c r="I10298" t="s">
        <v>15</v>
      </c>
      <c r="J10298" s="10">
        <v>8.4568241119999996</v>
      </c>
    </row>
    <row r="10299" spans="1:10" x14ac:dyDescent="0.35">
      <c r="A10299" t="s">
        <v>62</v>
      </c>
      <c r="B10299" t="s">
        <v>65</v>
      </c>
      <c r="C10299" t="s">
        <v>117</v>
      </c>
      <c r="D10299" t="s">
        <v>118</v>
      </c>
      <c r="E10299">
        <v>2014</v>
      </c>
      <c r="F10299">
        <v>2014</v>
      </c>
      <c r="G10299" t="s">
        <v>14</v>
      </c>
      <c r="H10299" t="s">
        <v>120</v>
      </c>
      <c r="I10299" t="s">
        <v>15</v>
      </c>
      <c r="J10299" s="10">
        <v>27.430513990000001</v>
      </c>
    </row>
    <row r="10300" spans="1:10" x14ac:dyDescent="0.35">
      <c r="A10300" t="s">
        <v>62</v>
      </c>
      <c r="B10300" t="s">
        <v>65</v>
      </c>
      <c r="C10300" t="s">
        <v>117</v>
      </c>
      <c r="D10300" t="s">
        <v>118</v>
      </c>
      <c r="E10300">
        <v>2014</v>
      </c>
      <c r="F10300">
        <v>2014</v>
      </c>
      <c r="G10300" t="s">
        <v>14</v>
      </c>
      <c r="H10300" t="s">
        <v>121</v>
      </c>
      <c r="I10300" t="s">
        <v>15</v>
      </c>
      <c r="J10300" s="10">
        <v>43.444016179999998</v>
      </c>
    </row>
    <row r="10301" spans="1:10" x14ac:dyDescent="0.35">
      <c r="A10301" t="s">
        <v>62</v>
      </c>
      <c r="B10301" t="s">
        <v>65</v>
      </c>
      <c r="C10301" t="s">
        <v>117</v>
      </c>
      <c r="D10301" t="s">
        <v>118</v>
      </c>
      <c r="E10301">
        <v>2014</v>
      </c>
      <c r="F10301">
        <v>2014</v>
      </c>
      <c r="G10301" t="s">
        <v>14</v>
      </c>
      <c r="H10301" t="s">
        <v>122</v>
      </c>
      <c r="I10301" t="s">
        <v>15</v>
      </c>
      <c r="J10301" s="10">
        <v>11.819204709999999</v>
      </c>
    </row>
    <row r="10302" spans="1:10" x14ac:dyDescent="0.35">
      <c r="A10302" t="s">
        <v>62</v>
      </c>
      <c r="B10302" t="s">
        <v>65</v>
      </c>
      <c r="C10302" t="s">
        <v>117</v>
      </c>
      <c r="D10302" t="s">
        <v>118</v>
      </c>
      <c r="E10302">
        <v>2014</v>
      </c>
      <c r="F10302">
        <v>2014</v>
      </c>
      <c r="G10302" t="s">
        <v>14</v>
      </c>
      <c r="H10302" t="s">
        <v>123</v>
      </c>
      <c r="I10302" t="s">
        <v>15</v>
      </c>
      <c r="J10302" s="10">
        <v>7.803260635</v>
      </c>
    </row>
    <row r="10303" spans="1:10" x14ac:dyDescent="0.35">
      <c r="A10303" t="s">
        <v>62</v>
      </c>
      <c r="B10303" t="s">
        <v>65</v>
      </c>
      <c r="C10303" t="s">
        <v>117</v>
      </c>
      <c r="D10303" t="s">
        <v>118</v>
      </c>
      <c r="E10303">
        <v>2014</v>
      </c>
      <c r="F10303">
        <v>2014</v>
      </c>
      <c r="G10303" t="s">
        <v>14</v>
      </c>
      <c r="H10303" t="s">
        <v>124</v>
      </c>
      <c r="I10303" t="s">
        <v>15</v>
      </c>
      <c r="J10303" s="10">
        <v>1.046180364</v>
      </c>
    </row>
    <row r="10304" spans="1:10" x14ac:dyDescent="0.35">
      <c r="A10304" t="s">
        <v>62</v>
      </c>
      <c r="B10304" t="s">
        <v>65</v>
      </c>
      <c r="C10304" t="s">
        <v>117</v>
      </c>
      <c r="D10304" t="s">
        <v>118</v>
      </c>
      <c r="E10304">
        <v>2014</v>
      </c>
      <c r="F10304">
        <v>2014</v>
      </c>
      <c r="G10304" t="s">
        <v>125</v>
      </c>
      <c r="H10304" t="s">
        <v>119</v>
      </c>
      <c r="I10304" t="s">
        <v>15</v>
      </c>
      <c r="J10304" s="10">
        <v>8.5162276410000004</v>
      </c>
    </row>
    <row r="10305" spans="1:10" x14ac:dyDescent="0.35">
      <c r="A10305" t="s">
        <v>62</v>
      </c>
      <c r="B10305" t="s">
        <v>65</v>
      </c>
      <c r="C10305" t="s">
        <v>117</v>
      </c>
      <c r="D10305" t="s">
        <v>118</v>
      </c>
      <c r="E10305">
        <v>2014</v>
      </c>
      <c r="F10305">
        <v>2014</v>
      </c>
      <c r="G10305" t="s">
        <v>125</v>
      </c>
      <c r="H10305" t="s">
        <v>120</v>
      </c>
      <c r="I10305" t="s">
        <v>15</v>
      </c>
      <c r="J10305" s="10">
        <v>24.746256540000001</v>
      </c>
    </row>
    <row r="10306" spans="1:10" x14ac:dyDescent="0.35">
      <c r="A10306" t="s">
        <v>62</v>
      </c>
      <c r="B10306" t="s">
        <v>65</v>
      </c>
      <c r="C10306" t="s">
        <v>117</v>
      </c>
      <c r="D10306" t="s">
        <v>118</v>
      </c>
      <c r="E10306">
        <v>2014</v>
      </c>
      <c r="F10306">
        <v>2014</v>
      </c>
      <c r="G10306" t="s">
        <v>125</v>
      </c>
      <c r="H10306" t="s">
        <v>121</v>
      </c>
      <c r="I10306" t="s">
        <v>15</v>
      </c>
      <c r="J10306" s="10">
        <v>46.519236739999997</v>
      </c>
    </row>
    <row r="10307" spans="1:10" x14ac:dyDescent="0.35">
      <c r="A10307" t="s">
        <v>62</v>
      </c>
      <c r="B10307" t="s">
        <v>65</v>
      </c>
      <c r="C10307" t="s">
        <v>117</v>
      </c>
      <c r="D10307" t="s">
        <v>118</v>
      </c>
      <c r="E10307">
        <v>2014</v>
      </c>
      <c r="F10307">
        <v>2014</v>
      </c>
      <c r="G10307" t="s">
        <v>125</v>
      </c>
      <c r="H10307" t="s">
        <v>122</v>
      </c>
      <c r="I10307" t="s">
        <v>15</v>
      </c>
      <c r="J10307" s="10">
        <v>12.28476584</v>
      </c>
    </row>
    <row r="10308" spans="1:10" x14ac:dyDescent="0.35">
      <c r="A10308" t="s">
        <v>62</v>
      </c>
      <c r="B10308" t="s">
        <v>65</v>
      </c>
      <c r="C10308" t="s">
        <v>117</v>
      </c>
      <c r="D10308" t="s">
        <v>118</v>
      </c>
      <c r="E10308">
        <v>2014</v>
      </c>
      <c r="F10308">
        <v>2014</v>
      </c>
      <c r="G10308" t="s">
        <v>125</v>
      </c>
      <c r="H10308" t="s">
        <v>123</v>
      </c>
      <c r="I10308" t="s">
        <v>15</v>
      </c>
      <c r="J10308" s="10">
        <v>7.3030353689999998</v>
      </c>
    </row>
    <row r="10309" spans="1:10" x14ac:dyDescent="0.35">
      <c r="A10309" t="s">
        <v>62</v>
      </c>
      <c r="B10309" t="s">
        <v>65</v>
      </c>
      <c r="C10309" t="s">
        <v>117</v>
      </c>
      <c r="D10309" t="s">
        <v>118</v>
      </c>
      <c r="E10309">
        <v>2014</v>
      </c>
      <c r="F10309">
        <v>2014</v>
      </c>
      <c r="G10309" t="s">
        <v>125</v>
      </c>
      <c r="H10309" t="s">
        <v>124</v>
      </c>
      <c r="I10309" t="s">
        <v>15</v>
      </c>
      <c r="J10309" s="10">
        <v>0.63047787399999999</v>
      </c>
    </row>
    <row r="10310" spans="1:10" x14ac:dyDescent="0.35">
      <c r="A10310" t="s">
        <v>62</v>
      </c>
      <c r="B10310" t="s">
        <v>65</v>
      </c>
      <c r="C10310" t="s">
        <v>117</v>
      </c>
      <c r="D10310" t="s">
        <v>118</v>
      </c>
      <c r="E10310">
        <v>2014</v>
      </c>
      <c r="F10310">
        <v>2014</v>
      </c>
      <c r="G10310" t="s">
        <v>126</v>
      </c>
      <c r="H10310" t="s">
        <v>119</v>
      </c>
      <c r="I10310" t="s">
        <v>15</v>
      </c>
      <c r="J10310" s="10">
        <v>8.3971297610000004</v>
      </c>
    </row>
    <row r="10311" spans="1:10" x14ac:dyDescent="0.35">
      <c r="A10311" t="s">
        <v>62</v>
      </c>
      <c r="B10311" t="s">
        <v>65</v>
      </c>
      <c r="C10311" t="s">
        <v>117</v>
      </c>
      <c r="D10311" t="s">
        <v>118</v>
      </c>
      <c r="E10311">
        <v>2014</v>
      </c>
      <c r="F10311">
        <v>2014</v>
      </c>
      <c r="G10311" t="s">
        <v>126</v>
      </c>
      <c r="H10311" t="s">
        <v>120</v>
      </c>
      <c r="I10311" t="s">
        <v>15</v>
      </c>
      <c r="J10311" s="10">
        <v>30.12791284</v>
      </c>
    </row>
    <row r="10312" spans="1:10" x14ac:dyDescent="0.35">
      <c r="A10312" t="s">
        <v>62</v>
      </c>
      <c r="B10312" t="s">
        <v>65</v>
      </c>
      <c r="C10312" t="s">
        <v>117</v>
      </c>
      <c r="D10312" t="s">
        <v>118</v>
      </c>
      <c r="E10312">
        <v>2014</v>
      </c>
      <c r="F10312">
        <v>2014</v>
      </c>
      <c r="G10312" t="s">
        <v>126</v>
      </c>
      <c r="H10312" t="s">
        <v>121</v>
      </c>
      <c r="I10312" t="s">
        <v>15</v>
      </c>
      <c r="J10312" s="10">
        <v>40.353740190000003</v>
      </c>
    </row>
    <row r="10313" spans="1:10" x14ac:dyDescent="0.35">
      <c r="A10313" t="s">
        <v>62</v>
      </c>
      <c r="B10313" t="s">
        <v>65</v>
      </c>
      <c r="C10313" t="s">
        <v>117</v>
      </c>
      <c r="D10313" t="s">
        <v>118</v>
      </c>
      <c r="E10313">
        <v>2014</v>
      </c>
      <c r="F10313">
        <v>2014</v>
      </c>
      <c r="G10313" t="s">
        <v>126</v>
      </c>
      <c r="H10313" t="s">
        <v>122</v>
      </c>
      <c r="I10313" t="s">
        <v>15</v>
      </c>
      <c r="J10313" s="10">
        <v>11.35136432</v>
      </c>
    </row>
    <row r="10314" spans="1:10" x14ac:dyDescent="0.35">
      <c r="A10314" t="s">
        <v>62</v>
      </c>
      <c r="B10314" t="s">
        <v>65</v>
      </c>
      <c r="C10314" t="s">
        <v>117</v>
      </c>
      <c r="D10314" t="s">
        <v>118</v>
      </c>
      <c r="E10314">
        <v>2014</v>
      </c>
      <c r="F10314">
        <v>2014</v>
      </c>
      <c r="G10314" t="s">
        <v>126</v>
      </c>
      <c r="H10314" t="s">
        <v>123</v>
      </c>
      <c r="I10314" t="s">
        <v>15</v>
      </c>
      <c r="J10314" s="10">
        <v>8.3059348679999996</v>
      </c>
    </row>
    <row r="10315" spans="1:10" x14ac:dyDescent="0.35">
      <c r="A10315" t="s">
        <v>62</v>
      </c>
      <c r="B10315" t="s">
        <v>65</v>
      </c>
      <c r="C10315" t="s">
        <v>117</v>
      </c>
      <c r="D10315" t="s">
        <v>118</v>
      </c>
      <c r="E10315">
        <v>2014</v>
      </c>
      <c r="F10315">
        <v>2014</v>
      </c>
      <c r="G10315" t="s">
        <v>126</v>
      </c>
      <c r="H10315" t="s">
        <v>124</v>
      </c>
      <c r="I10315" t="s">
        <v>15</v>
      </c>
      <c r="J10315" s="10">
        <v>1.463918021</v>
      </c>
    </row>
    <row r="10316" spans="1:10" x14ac:dyDescent="0.35">
      <c r="A10316" t="s">
        <v>62</v>
      </c>
      <c r="B10316" t="s">
        <v>65</v>
      </c>
      <c r="C10316" t="s">
        <v>117</v>
      </c>
      <c r="D10316" t="s">
        <v>118</v>
      </c>
      <c r="E10316">
        <v>2013</v>
      </c>
      <c r="F10316">
        <v>2013</v>
      </c>
      <c r="G10316" t="s">
        <v>14</v>
      </c>
      <c r="H10316" t="s">
        <v>119</v>
      </c>
      <c r="I10316" t="s">
        <v>15</v>
      </c>
      <c r="J10316" s="10">
        <v>8.2828675109999992</v>
      </c>
    </row>
    <row r="10317" spans="1:10" x14ac:dyDescent="0.35">
      <c r="A10317" t="s">
        <v>62</v>
      </c>
      <c r="B10317" t="s">
        <v>65</v>
      </c>
      <c r="C10317" t="s">
        <v>117</v>
      </c>
      <c r="D10317" t="s">
        <v>118</v>
      </c>
      <c r="E10317">
        <v>2013</v>
      </c>
      <c r="F10317">
        <v>2013</v>
      </c>
      <c r="G10317" t="s">
        <v>14</v>
      </c>
      <c r="H10317" t="s">
        <v>120</v>
      </c>
      <c r="I10317" t="s">
        <v>15</v>
      </c>
      <c r="J10317" s="10">
        <v>28.1204869</v>
      </c>
    </row>
    <row r="10318" spans="1:10" x14ac:dyDescent="0.35">
      <c r="A10318" t="s">
        <v>62</v>
      </c>
      <c r="B10318" t="s">
        <v>65</v>
      </c>
      <c r="C10318" t="s">
        <v>117</v>
      </c>
      <c r="D10318" t="s">
        <v>118</v>
      </c>
      <c r="E10318">
        <v>2013</v>
      </c>
      <c r="F10318">
        <v>2013</v>
      </c>
      <c r="G10318" t="s">
        <v>14</v>
      </c>
      <c r="H10318" t="s">
        <v>121</v>
      </c>
      <c r="I10318" t="s">
        <v>15</v>
      </c>
      <c r="J10318" s="10">
        <v>43.178922069999999</v>
      </c>
    </row>
    <row r="10319" spans="1:10" x14ac:dyDescent="0.35">
      <c r="A10319" t="s">
        <v>62</v>
      </c>
      <c r="B10319" t="s">
        <v>65</v>
      </c>
      <c r="C10319" t="s">
        <v>117</v>
      </c>
      <c r="D10319" t="s">
        <v>118</v>
      </c>
      <c r="E10319">
        <v>2013</v>
      </c>
      <c r="F10319">
        <v>2013</v>
      </c>
      <c r="G10319" t="s">
        <v>14</v>
      </c>
      <c r="H10319" t="s">
        <v>122</v>
      </c>
      <c r="I10319" t="s">
        <v>15</v>
      </c>
      <c r="J10319" s="10">
        <v>11.560819909999999</v>
      </c>
    </row>
    <row r="10320" spans="1:10" x14ac:dyDescent="0.35">
      <c r="A10320" t="s">
        <v>62</v>
      </c>
      <c r="B10320" t="s">
        <v>65</v>
      </c>
      <c r="C10320" t="s">
        <v>117</v>
      </c>
      <c r="D10320" t="s">
        <v>118</v>
      </c>
      <c r="E10320">
        <v>2013</v>
      </c>
      <c r="F10320">
        <v>2013</v>
      </c>
      <c r="G10320" t="s">
        <v>14</v>
      </c>
      <c r="H10320" t="s">
        <v>123</v>
      </c>
      <c r="I10320" t="s">
        <v>15</v>
      </c>
      <c r="J10320" s="10">
        <v>7.778007015</v>
      </c>
    </row>
    <row r="10321" spans="1:10" x14ac:dyDescent="0.35">
      <c r="A10321" t="s">
        <v>62</v>
      </c>
      <c r="B10321" t="s">
        <v>65</v>
      </c>
      <c r="C10321" t="s">
        <v>117</v>
      </c>
      <c r="D10321" t="s">
        <v>118</v>
      </c>
      <c r="E10321">
        <v>2013</v>
      </c>
      <c r="F10321">
        <v>2013</v>
      </c>
      <c r="G10321" t="s">
        <v>14</v>
      </c>
      <c r="H10321" t="s">
        <v>124</v>
      </c>
      <c r="I10321" t="s">
        <v>15</v>
      </c>
      <c r="J10321" s="10">
        <v>1.078896589</v>
      </c>
    </row>
    <row r="10322" spans="1:10" x14ac:dyDescent="0.35">
      <c r="A10322" t="s">
        <v>62</v>
      </c>
      <c r="B10322" t="s">
        <v>65</v>
      </c>
      <c r="C10322" t="s">
        <v>117</v>
      </c>
      <c r="D10322" t="s">
        <v>118</v>
      </c>
      <c r="E10322">
        <v>2013</v>
      </c>
      <c r="F10322">
        <v>2013</v>
      </c>
      <c r="G10322" t="s">
        <v>125</v>
      </c>
      <c r="H10322" t="s">
        <v>119</v>
      </c>
      <c r="I10322" t="s">
        <v>15</v>
      </c>
      <c r="J10322" s="10">
        <v>8.3828991770000005</v>
      </c>
    </row>
    <row r="10323" spans="1:10" x14ac:dyDescent="0.35">
      <c r="A10323" t="s">
        <v>62</v>
      </c>
      <c r="B10323" t="s">
        <v>65</v>
      </c>
      <c r="C10323" t="s">
        <v>117</v>
      </c>
      <c r="D10323" t="s">
        <v>118</v>
      </c>
      <c r="E10323">
        <v>2013</v>
      </c>
      <c r="F10323">
        <v>2013</v>
      </c>
      <c r="G10323" t="s">
        <v>125</v>
      </c>
      <c r="H10323" t="s">
        <v>120</v>
      </c>
      <c r="I10323" t="s">
        <v>15</v>
      </c>
      <c r="J10323" s="10">
        <v>25.29921585</v>
      </c>
    </row>
    <row r="10324" spans="1:10" x14ac:dyDescent="0.35">
      <c r="A10324" t="s">
        <v>62</v>
      </c>
      <c r="B10324" t="s">
        <v>65</v>
      </c>
      <c r="C10324" t="s">
        <v>117</v>
      </c>
      <c r="D10324" t="s">
        <v>118</v>
      </c>
      <c r="E10324">
        <v>2013</v>
      </c>
      <c r="F10324">
        <v>2013</v>
      </c>
      <c r="G10324" t="s">
        <v>125</v>
      </c>
      <c r="H10324" t="s">
        <v>121</v>
      </c>
      <c r="I10324" t="s">
        <v>15</v>
      </c>
      <c r="J10324" s="10">
        <v>46.301376509999997</v>
      </c>
    </row>
    <row r="10325" spans="1:10" x14ac:dyDescent="0.35">
      <c r="A10325" t="s">
        <v>62</v>
      </c>
      <c r="B10325" t="s">
        <v>65</v>
      </c>
      <c r="C10325" t="s">
        <v>117</v>
      </c>
      <c r="D10325" t="s">
        <v>118</v>
      </c>
      <c r="E10325">
        <v>2013</v>
      </c>
      <c r="F10325">
        <v>2013</v>
      </c>
      <c r="G10325" t="s">
        <v>125</v>
      </c>
      <c r="H10325" t="s">
        <v>122</v>
      </c>
      <c r="I10325" t="s">
        <v>15</v>
      </c>
      <c r="J10325" s="10">
        <v>12.12157996</v>
      </c>
    </row>
    <row r="10326" spans="1:10" x14ac:dyDescent="0.35">
      <c r="A10326" t="s">
        <v>62</v>
      </c>
      <c r="B10326" t="s">
        <v>65</v>
      </c>
      <c r="C10326" t="s">
        <v>117</v>
      </c>
      <c r="D10326" t="s">
        <v>118</v>
      </c>
      <c r="E10326">
        <v>2013</v>
      </c>
      <c r="F10326">
        <v>2013</v>
      </c>
      <c r="G10326" t="s">
        <v>125</v>
      </c>
      <c r="H10326" t="s">
        <v>123</v>
      </c>
      <c r="I10326" t="s">
        <v>15</v>
      </c>
      <c r="J10326" s="10">
        <v>7.2345900800000003</v>
      </c>
    </row>
    <row r="10327" spans="1:10" x14ac:dyDescent="0.35">
      <c r="A10327" t="s">
        <v>62</v>
      </c>
      <c r="B10327" t="s">
        <v>65</v>
      </c>
      <c r="C10327" t="s">
        <v>117</v>
      </c>
      <c r="D10327" t="s">
        <v>118</v>
      </c>
      <c r="E10327">
        <v>2013</v>
      </c>
      <c r="F10327">
        <v>2013</v>
      </c>
      <c r="G10327" t="s">
        <v>125</v>
      </c>
      <c r="H10327" t="s">
        <v>124</v>
      </c>
      <c r="I10327" t="s">
        <v>15</v>
      </c>
      <c r="J10327" s="10">
        <v>0.66033842300000001</v>
      </c>
    </row>
    <row r="10328" spans="1:10" x14ac:dyDescent="0.35">
      <c r="A10328" t="s">
        <v>62</v>
      </c>
      <c r="B10328" t="s">
        <v>65</v>
      </c>
      <c r="C10328" t="s">
        <v>117</v>
      </c>
      <c r="D10328" t="s">
        <v>118</v>
      </c>
      <c r="E10328">
        <v>2013</v>
      </c>
      <c r="F10328">
        <v>2013</v>
      </c>
      <c r="G10328" t="s">
        <v>126</v>
      </c>
      <c r="H10328" t="s">
        <v>119</v>
      </c>
      <c r="I10328" t="s">
        <v>15</v>
      </c>
      <c r="J10328" s="10">
        <v>8.1828771109999998</v>
      </c>
    </row>
    <row r="10329" spans="1:10" x14ac:dyDescent="0.35">
      <c r="A10329" t="s">
        <v>62</v>
      </c>
      <c r="B10329" t="s">
        <v>65</v>
      </c>
      <c r="C10329" t="s">
        <v>117</v>
      </c>
      <c r="D10329" t="s">
        <v>118</v>
      </c>
      <c r="E10329">
        <v>2013</v>
      </c>
      <c r="F10329">
        <v>2013</v>
      </c>
      <c r="G10329" t="s">
        <v>126</v>
      </c>
      <c r="H10329" t="s">
        <v>120</v>
      </c>
      <c r="I10329" t="s">
        <v>15</v>
      </c>
      <c r="J10329" s="10">
        <v>30.940594059999999</v>
      </c>
    </row>
    <row r="10330" spans="1:10" x14ac:dyDescent="0.35">
      <c r="A10330" t="s">
        <v>62</v>
      </c>
      <c r="B10330" t="s">
        <v>65</v>
      </c>
      <c r="C10330" t="s">
        <v>117</v>
      </c>
      <c r="D10330" t="s">
        <v>118</v>
      </c>
      <c r="E10330">
        <v>2013</v>
      </c>
      <c r="F10330">
        <v>2013</v>
      </c>
      <c r="G10330" t="s">
        <v>126</v>
      </c>
      <c r="H10330" t="s">
        <v>121</v>
      </c>
      <c r="I10330" t="s">
        <v>15</v>
      </c>
      <c r="J10330" s="10">
        <v>40.057755780000001</v>
      </c>
    </row>
    <row r="10331" spans="1:10" x14ac:dyDescent="0.35">
      <c r="A10331" t="s">
        <v>62</v>
      </c>
      <c r="B10331" t="s">
        <v>65</v>
      </c>
      <c r="C10331" t="s">
        <v>117</v>
      </c>
      <c r="D10331" t="s">
        <v>118</v>
      </c>
      <c r="E10331">
        <v>2013</v>
      </c>
      <c r="F10331">
        <v>2013</v>
      </c>
      <c r="G10331" t="s">
        <v>126</v>
      </c>
      <c r="H10331" t="s">
        <v>122</v>
      </c>
      <c r="I10331" t="s">
        <v>15</v>
      </c>
      <c r="J10331" s="10">
        <v>11.00029121</v>
      </c>
    </row>
    <row r="10332" spans="1:10" x14ac:dyDescent="0.35">
      <c r="A10332" t="s">
        <v>62</v>
      </c>
      <c r="B10332" t="s">
        <v>65</v>
      </c>
      <c r="C10332" t="s">
        <v>117</v>
      </c>
      <c r="D10332" t="s">
        <v>118</v>
      </c>
      <c r="E10332">
        <v>2013</v>
      </c>
      <c r="F10332">
        <v>2013</v>
      </c>
      <c r="G10332" t="s">
        <v>126</v>
      </c>
      <c r="H10332" t="s">
        <v>123</v>
      </c>
      <c r="I10332" t="s">
        <v>15</v>
      </c>
      <c r="J10332" s="10">
        <v>8.3211997669999995</v>
      </c>
    </row>
    <row r="10333" spans="1:10" x14ac:dyDescent="0.35">
      <c r="A10333" t="s">
        <v>62</v>
      </c>
      <c r="B10333" t="s">
        <v>65</v>
      </c>
      <c r="C10333" t="s">
        <v>117</v>
      </c>
      <c r="D10333" t="s">
        <v>118</v>
      </c>
      <c r="E10333">
        <v>2013</v>
      </c>
      <c r="F10333">
        <v>2013</v>
      </c>
      <c r="G10333" t="s">
        <v>126</v>
      </c>
      <c r="H10333" t="s">
        <v>124</v>
      </c>
      <c r="I10333" t="s">
        <v>15</v>
      </c>
      <c r="J10333" s="10">
        <v>1.497282081</v>
      </c>
    </row>
    <row r="10334" spans="1:10" x14ac:dyDescent="0.35">
      <c r="A10334" t="s">
        <v>62</v>
      </c>
      <c r="B10334" t="s">
        <v>65</v>
      </c>
      <c r="C10334" t="s">
        <v>117</v>
      </c>
      <c r="D10334" t="s">
        <v>118</v>
      </c>
      <c r="E10334">
        <v>2012</v>
      </c>
      <c r="F10334">
        <v>2012</v>
      </c>
      <c r="G10334" t="s">
        <v>14</v>
      </c>
      <c r="H10334" t="s">
        <v>119</v>
      </c>
      <c r="I10334" t="s">
        <v>15</v>
      </c>
      <c r="J10334" s="10">
        <v>8.0594448540000005</v>
      </c>
    </row>
    <row r="10335" spans="1:10" x14ac:dyDescent="0.35">
      <c r="A10335" t="s">
        <v>62</v>
      </c>
      <c r="B10335" t="s">
        <v>65</v>
      </c>
      <c r="C10335" t="s">
        <v>117</v>
      </c>
      <c r="D10335" t="s">
        <v>118</v>
      </c>
      <c r="E10335">
        <v>2012</v>
      </c>
      <c r="F10335">
        <v>2012</v>
      </c>
      <c r="G10335" t="s">
        <v>14</v>
      </c>
      <c r="H10335" t="s">
        <v>120</v>
      </c>
      <c r="I10335" t="s">
        <v>15</v>
      </c>
      <c r="J10335" s="10">
        <v>29.064112009999999</v>
      </c>
    </row>
    <row r="10336" spans="1:10" x14ac:dyDescent="0.35">
      <c r="A10336" t="s">
        <v>62</v>
      </c>
      <c r="B10336" t="s">
        <v>65</v>
      </c>
      <c r="C10336" t="s">
        <v>117</v>
      </c>
      <c r="D10336" t="s">
        <v>118</v>
      </c>
      <c r="E10336">
        <v>2012</v>
      </c>
      <c r="F10336">
        <v>2012</v>
      </c>
      <c r="G10336" t="s">
        <v>14</v>
      </c>
      <c r="H10336" t="s">
        <v>121</v>
      </c>
      <c r="I10336" t="s">
        <v>15</v>
      </c>
      <c r="J10336" s="10">
        <v>42.662736430000002</v>
      </c>
    </row>
    <row r="10337" spans="1:10" x14ac:dyDescent="0.35">
      <c r="A10337" t="s">
        <v>62</v>
      </c>
      <c r="B10337" t="s">
        <v>65</v>
      </c>
      <c r="C10337" t="s">
        <v>117</v>
      </c>
      <c r="D10337" t="s">
        <v>118</v>
      </c>
      <c r="E10337">
        <v>2012</v>
      </c>
      <c r="F10337">
        <v>2012</v>
      </c>
      <c r="G10337" t="s">
        <v>14</v>
      </c>
      <c r="H10337" t="s">
        <v>122</v>
      </c>
      <c r="I10337" t="s">
        <v>15</v>
      </c>
      <c r="J10337" s="10">
        <v>11.373127</v>
      </c>
    </row>
    <row r="10338" spans="1:10" x14ac:dyDescent="0.35">
      <c r="A10338" t="s">
        <v>62</v>
      </c>
      <c r="B10338" t="s">
        <v>65</v>
      </c>
      <c r="C10338" t="s">
        <v>117</v>
      </c>
      <c r="D10338" t="s">
        <v>118</v>
      </c>
      <c r="E10338">
        <v>2012</v>
      </c>
      <c r="F10338">
        <v>2012</v>
      </c>
      <c r="G10338" t="s">
        <v>14</v>
      </c>
      <c r="H10338" t="s">
        <v>123</v>
      </c>
      <c r="I10338" t="s">
        <v>15</v>
      </c>
      <c r="J10338" s="10">
        <v>7.7536231879999997</v>
      </c>
    </row>
    <row r="10339" spans="1:10" x14ac:dyDescent="0.35">
      <c r="A10339" t="s">
        <v>62</v>
      </c>
      <c r="B10339" t="s">
        <v>65</v>
      </c>
      <c r="C10339" t="s">
        <v>117</v>
      </c>
      <c r="D10339" t="s">
        <v>118</v>
      </c>
      <c r="E10339">
        <v>2012</v>
      </c>
      <c r="F10339">
        <v>2012</v>
      </c>
      <c r="G10339" t="s">
        <v>14</v>
      </c>
      <c r="H10339" t="s">
        <v>124</v>
      </c>
      <c r="I10339" t="s">
        <v>15</v>
      </c>
      <c r="J10339" s="10">
        <v>1.0869565219999999</v>
      </c>
    </row>
    <row r="10340" spans="1:10" x14ac:dyDescent="0.35">
      <c r="A10340" t="s">
        <v>62</v>
      </c>
      <c r="B10340" t="s">
        <v>65</v>
      </c>
      <c r="C10340" t="s">
        <v>117</v>
      </c>
      <c r="D10340" t="s">
        <v>118</v>
      </c>
      <c r="E10340">
        <v>2012</v>
      </c>
      <c r="F10340">
        <v>2012</v>
      </c>
      <c r="G10340" t="s">
        <v>125</v>
      </c>
      <c r="H10340" t="s">
        <v>119</v>
      </c>
      <c r="I10340" t="s">
        <v>15</v>
      </c>
      <c r="J10340" s="10">
        <v>8.139106516</v>
      </c>
    </row>
    <row r="10341" spans="1:10" x14ac:dyDescent="0.35">
      <c r="A10341" t="s">
        <v>62</v>
      </c>
      <c r="B10341" t="s">
        <v>65</v>
      </c>
      <c r="C10341" t="s">
        <v>117</v>
      </c>
      <c r="D10341" t="s">
        <v>118</v>
      </c>
      <c r="E10341">
        <v>2012</v>
      </c>
      <c r="F10341">
        <v>2012</v>
      </c>
      <c r="G10341" t="s">
        <v>125</v>
      </c>
      <c r="H10341" t="s">
        <v>120</v>
      </c>
      <c r="I10341" t="s">
        <v>15</v>
      </c>
      <c r="J10341" s="10">
        <v>26.276493850000001</v>
      </c>
    </row>
    <row r="10342" spans="1:10" x14ac:dyDescent="0.35">
      <c r="A10342" t="s">
        <v>62</v>
      </c>
      <c r="B10342" t="s">
        <v>65</v>
      </c>
      <c r="C10342" t="s">
        <v>117</v>
      </c>
      <c r="D10342" t="s">
        <v>118</v>
      </c>
      <c r="E10342">
        <v>2012</v>
      </c>
      <c r="F10342">
        <v>2012</v>
      </c>
      <c r="G10342" t="s">
        <v>125</v>
      </c>
      <c r="H10342" t="s">
        <v>121</v>
      </c>
      <c r="I10342" t="s">
        <v>15</v>
      </c>
      <c r="J10342" s="10">
        <v>45.907114960000001</v>
      </c>
    </row>
    <row r="10343" spans="1:10" x14ac:dyDescent="0.35">
      <c r="A10343" t="s">
        <v>62</v>
      </c>
      <c r="B10343" t="s">
        <v>65</v>
      </c>
      <c r="C10343" t="s">
        <v>117</v>
      </c>
      <c r="D10343" t="s">
        <v>118</v>
      </c>
      <c r="E10343">
        <v>2012</v>
      </c>
      <c r="F10343">
        <v>2012</v>
      </c>
      <c r="G10343" t="s">
        <v>125</v>
      </c>
      <c r="H10343" t="s">
        <v>122</v>
      </c>
      <c r="I10343" t="s">
        <v>15</v>
      </c>
      <c r="J10343" s="10">
        <v>11.931134419999999</v>
      </c>
    </row>
    <row r="10344" spans="1:10" x14ac:dyDescent="0.35">
      <c r="A10344" t="s">
        <v>62</v>
      </c>
      <c r="B10344" t="s">
        <v>65</v>
      </c>
      <c r="C10344" t="s">
        <v>117</v>
      </c>
      <c r="D10344" t="s">
        <v>118</v>
      </c>
      <c r="E10344">
        <v>2012</v>
      </c>
      <c r="F10344">
        <v>2012</v>
      </c>
      <c r="G10344" t="s">
        <v>125</v>
      </c>
      <c r="H10344" t="s">
        <v>123</v>
      </c>
      <c r="I10344" t="s">
        <v>15</v>
      </c>
      <c r="J10344" s="10">
        <v>7.0854925460000002</v>
      </c>
    </row>
    <row r="10345" spans="1:10" x14ac:dyDescent="0.35">
      <c r="A10345" t="s">
        <v>62</v>
      </c>
      <c r="B10345" t="s">
        <v>65</v>
      </c>
      <c r="C10345" t="s">
        <v>117</v>
      </c>
      <c r="D10345" t="s">
        <v>118</v>
      </c>
      <c r="E10345">
        <v>2012</v>
      </c>
      <c r="F10345">
        <v>2012</v>
      </c>
      <c r="G10345" t="s">
        <v>125</v>
      </c>
      <c r="H10345" t="s">
        <v>124</v>
      </c>
      <c r="I10345" t="s">
        <v>15</v>
      </c>
      <c r="J10345" s="10">
        <v>0.66065771100000004</v>
      </c>
    </row>
    <row r="10346" spans="1:10" x14ac:dyDescent="0.35">
      <c r="A10346" t="s">
        <v>62</v>
      </c>
      <c r="B10346" t="s">
        <v>65</v>
      </c>
      <c r="C10346" t="s">
        <v>117</v>
      </c>
      <c r="D10346" t="s">
        <v>118</v>
      </c>
      <c r="E10346">
        <v>2012</v>
      </c>
      <c r="F10346">
        <v>2012</v>
      </c>
      <c r="G10346" t="s">
        <v>126</v>
      </c>
      <c r="H10346" t="s">
        <v>119</v>
      </c>
      <c r="I10346" t="s">
        <v>15</v>
      </c>
      <c r="J10346" s="10">
        <v>7.9797557919999997</v>
      </c>
    </row>
    <row r="10347" spans="1:10" x14ac:dyDescent="0.35">
      <c r="A10347" t="s">
        <v>62</v>
      </c>
      <c r="B10347" t="s">
        <v>65</v>
      </c>
      <c r="C10347" t="s">
        <v>117</v>
      </c>
      <c r="D10347" t="s">
        <v>118</v>
      </c>
      <c r="E10347">
        <v>2012</v>
      </c>
      <c r="F10347">
        <v>2012</v>
      </c>
      <c r="G10347" t="s">
        <v>126</v>
      </c>
      <c r="H10347" t="s">
        <v>120</v>
      </c>
      <c r="I10347" t="s">
        <v>15</v>
      </c>
      <c r="J10347" s="10">
        <v>31.852688990000001</v>
      </c>
    </row>
    <row r="10348" spans="1:10" x14ac:dyDescent="0.35">
      <c r="A10348" t="s">
        <v>62</v>
      </c>
      <c r="B10348" t="s">
        <v>65</v>
      </c>
      <c r="C10348" t="s">
        <v>117</v>
      </c>
      <c r="D10348" t="s">
        <v>118</v>
      </c>
      <c r="E10348">
        <v>2012</v>
      </c>
      <c r="F10348">
        <v>2012</v>
      </c>
      <c r="G10348" t="s">
        <v>126</v>
      </c>
      <c r="H10348" t="s">
        <v>121</v>
      </c>
      <c r="I10348" t="s">
        <v>15</v>
      </c>
      <c r="J10348" s="10">
        <v>39.417241969999999</v>
      </c>
    </row>
    <row r="10349" spans="1:10" x14ac:dyDescent="0.35">
      <c r="A10349" t="s">
        <v>62</v>
      </c>
      <c r="B10349" t="s">
        <v>65</v>
      </c>
      <c r="C10349" t="s">
        <v>117</v>
      </c>
      <c r="D10349" t="s">
        <v>118</v>
      </c>
      <c r="E10349">
        <v>2012</v>
      </c>
      <c r="F10349">
        <v>2012</v>
      </c>
      <c r="G10349" t="s">
        <v>126</v>
      </c>
      <c r="H10349" t="s">
        <v>122</v>
      </c>
      <c r="I10349" t="s">
        <v>15</v>
      </c>
      <c r="J10349" s="10">
        <v>10.81492765</v>
      </c>
    </row>
    <row r="10350" spans="1:10" x14ac:dyDescent="0.35">
      <c r="A10350" t="s">
        <v>62</v>
      </c>
      <c r="B10350" t="s">
        <v>65</v>
      </c>
      <c r="C10350" t="s">
        <v>117</v>
      </c>
      <c r="D10350" t="s">
        <v>118</v>
      </c>
      <c r="E10350">
        <v>2012</v>
      </c>
      <c r="F10350">
        <v>2012</v>
      </c>
      <c r="G10350" t="s">
        <v>126</v>
      </c>
      <c r="H10350" t="s">
        <v>123</v>
      </c>
      <c r="I10350" t="s">
        <v>15</v>
      </c>
      <c r="J10350" s="10">
        <v>8.4219836380000004</v>
      </c>
    </row>
    <row r="10351" spans="1:10" x14ac:dyDescent="0.35">
      <c r="A10351" t="s">
        <v>62</v>
      </c>
      <c r="B10351" t="s">
        <v>65</v>
      </c>
      <c r="C10351" t="s">
        <v>117</v>
      </c>
      <c r="D10351" t="s">
        <v>118</v>
      </c>
      <c r="E10351">
        <v>2012</v>
      </c>
      <c r="F10351">
        <v>2012</v>
      </c>
      <c r="G10351" t="s">
        <v>126</v>
      </c>
      <c r="H10351" t="s">
        <v>124</v>
      </c>
      <c r="I10351" t="s">
        <v>15</v>
      </c>
      <c r="J10351" s="10">
        <v>1.513401961</v>
      </c>
    </row>
    <row r="10352" spans="1:10" x14ac:dyDescent="0.35">
      <c r="A10352" t="s">
        <v>62</v>
      </c>
      <c r="B10352" t="s">
        <v>65</v>
      </c>
      <c r="C10352" t="s">
        <v>117</v>
      </c>
      <c r="D10352" t="s">
        <v>118</v>
      </c>
      <c r="E10352">
        <v>2011</v>
      </c>
      <c r="F10352">
        <v>2011</v>
      </c>
      <c r="G10352" t="s">
        <v>14</v>
      </c>
      <c r="H10352" t="s">
        <v>119</v>
      </c>
      <c r="I10352" t="s">
        <v>15</v>
      </c>
      <c r="J10352" s="10">
        <v>7.7213748579999999</v>
      </c>
    </row>
    <row r="10353" spans="1:10" x14ac:dyDescent="0.35">
      <c r="A10353" t="s">
        <v>62</v>
      </c>
      <c r="B10353" t="s">
        <v>65</v>
      </c>
      <c r="C10353" t="s">
        <v>117</v>
      </c>
      <c r="D10353" t="s">
        <v>118</v>
      </c>
      <c r="E10353">
        <v>2011</v>
      </c>
      <c r="F10353">
        <v>2011</v>
      </c>
      <c r="G10353" t="s">
        <v>14</v>
      </c>
      <c r="H10353" t="s">
        <v>120</v>
      </c>
      <c r="I10353" t="s">
        <v>15</v>
      </c>
      <c r="J10353" s="10">
        <v>29.683062020000001</v>
      </c>
    </row>
    <row r="10354" spans="1:10" x14ac:dyDescent="0.35">
      <c r="A10354" t="s">
        <v>62</v>
      </c>
      <c r="B10354" t="s">
        <v>65</v>
      </c>
      <c r="C10354" t="s">
        <v>117</v>
      </c>
      <c r="D10354" t="s">
        <v>118</v>
      </c>
      <c r="E10354">
        <v>2011</v>
      </c>
      <c r="F10354">
        <v>2011</v>
      </c>
      <c r="G10354" t="s">
        <v>14</v>
      </c>
      <c r="H10354" t="s">
        <v>121</v>
      </c>
      <c r="I10354" t="s">
        <v>15</v>
      </c>
      <c r="J10354" s="10">
        <v>42.40812803</v>
      </c>
    </row>
    <row r="10355" spans="1:10" x14ac:dyDescent="0.35">
      <c r="A10355" t="s">
        <v>62</v>
      </c>
      <c r="B10355" t="s">
        <v>65</v>
      </c>
      <c r="C10355" t="s">
        <v>117</v>
      </c>
      <c r="D10355" t="s">
        <v>118</v>
      </c>
      <c r="E10355">
        <v>2011</v>
      </c>
      <c r="F10355">
        <v>2011</v>
      </c>
      <c r="G10355" t="s">
        <v>14</v>
      </c>
      <c r="H10355" t="s">
        <v>122</v>
      </c>
      <c r="I10355" t="s">
        <v>15</v>
      </c>
      <c r="J10355" s="10">
        <v>11.3749828</v>
      </c>
    </row>
    <row r="10356" spans="1:10" x14ac:dyDescent="0.35">
      <c r="A10356" t="s">
        <v>62</v>
      </c>
      <c r="B10356" t="s">
        <v>65</v>
      </c>
      <c r="C10356" t="s">
        <v>117</v>
      </c>
      <c r="D10356" t="s">
        <v>118</v>
      </c>
      <c r="E10356">
        <v>2011</v>
      </c>
      <c r="F10356">
        <v>2011</v>
      </c>
      <c r="G10356" t="s">
        <v>14</v>
      </c>
      <c r="H10356" t="s">
        <v>123</v>
      </c>
      <c r="I10356" t="s">
        <v>15</v>
      </c>
      <c r="J10356" s="10">
        <v>7.7076112659999998</v>
      </c>
    </row>
    <row r="10357" spans="1:10" x14ac:dyDescent="0.35">
      <c r="A10357" t="s">
        <v>62</v>
      </c>
      <c r="B10357" t="s">
        <v>65</v>
      </c>
      <c r="C10357" t="s">
        <v>117</v>
      </c>
      <c r="D10357" t="s">
        <v>118</v>
      </c>
      <c r="E10357">
        <v>2011</v>
      </c>
      <c r="F10357">
        <v>2011</v>
      </c>
      <c r="G10357" t="s">
        <v>14</v>
      </c>
      <c r="H10357" t="s">
        <v>124</v>
      </c>
      <c r="I10357" t="s">
        <v>15</v>
      </c>
      <c r="J10357" s="10">
        <v>1.1048410310000001</v>
      </c>
    </row>
    <row r="10358" spans="1:10" x14ac:dyDescent="0.35">
      <c r="A10358" t="s">
        <v>62</v>
      </c>
      <c r="B10358" t="s">
        <v>65</v>
      </c>
      <c r="C10358" t="s">
        <v>117</v>
      </c>
      <c r="D10358" t="s">
        <v>118</v>
      </c>
      <c r="E10358">
        <v>2011</v>
      </c>
      <c r="F10358">
        <v>2011</v>
      </c>
      <c r="G10358" t="s">
        <v>125</v>
      </c>
      <c r="H10358" t="s">
        <v>119</v>
      </c>
      <c r="I10358" t="s">
        <v>15</v>
      </c>
      <c r="J10358" s="10">
        <v>7.8412753940000002</v>
      </c>
    </row>
    <row r="10359" spans="1:10" x14ac:dyDescent="0.35">
      <c r="A10359" t="s">
        <v>62</v>
      </c>
      <c r="B10359" t="s">
        <v>65</v>
      </c>
      <c r="C10359" t="s">
        <v>117</v>
      </c>
      <c r="D10359" t="s">
        <v>118</v>
      </c>
      <c r="E10359">
        <v>2011</v>
      </c>
      <c r="F10359">
        <v>2011</v>
      </c>
      <c r="G10359" t="s">
        <v>125</v>
      </c>
      <c r="H10359" t="s">
        <v>120</v>
      </c>
      <c r="I10359" t="s">
        <v>15</v>
      </c>
      <c r="J10359" s="10">
        <v>26.857242809999999</v>
      </c>
    </row>
    <row r="10360" spans="1:10" x14ac:dyDescent="0.35">
      <c r="A10360" t="s">
        <v>62</v>
      </c>
      <c r="B10360" t="s">
        <v>65</v>
      </c>
      <c r="C10360" t="s">
        <v>117</v>
      </c>
      <c r="D10360" t="s">
        <v>118</v>
      </c>
      <c r="E10360">
        <v>2011</v>
      </c>
      <c r="F10360">
        <v>2011</v>
      </c>
      <c r="G10360" t="s">
        <v>125</v>
      </c>
      <c r="H10360" t="s">
        <v>121</v>
      </c>
      <c r="I10360" t="s">
        <v>15</v>
      </c>
      <c r="J10360" s="10">
        <v>45.8307304</v>
      </c>
    </row>
    <row r="10361" spans="1:10" x14ac:dyDescent="0.35">
      <c r="A10361" t="s">
        <v>62</v>
      </c>
      <c r="B10361" t="s">
        <v>65</v>
      </c>
      <c r="C10361" t="s">
        <v>117</v>
      </c>
      <c r="D10361" t="s">
        <v>118</v>
      </c>
      <c r="E10361">
        <v>2011</v>
      </c>
      <c r="F10361">
        <v>2011</v>
      </c>
      <c r="G10361" t="s">
        <v>125</v>
      </c>
      <c r="H10361" t="s">
        <v>122</v>
      </c>
      <c r="I10361" t="s">
        <v>15</v>
      </c>
      <c r="J10361" s="10">
        <v>11.97681101</v>
      </c>
    </row>
    <row r="10362" spans="1:10" x14ac:dyDescent="0.35">
      <c r="A10362" t="s">
        <v>62</v>
      </c>
      <c r="B10362" t="s">
        <v>65</v>
      </c>
      <c r="C10362" t="s">
        <v>117</v>
      </c>
      <c r="D10362" t="s">
        <v>118</v>
      </c>
      <c r="E10362">
        <v>2011</v>
      </c>
      <c r="F10362">
        <v>2011</v>
      </c>
      <c r="G10362" t="s">
        <v>125</v>
      </c>
      <c r="H10362" t="s">
        <v>123</v>
      </c>
      <c r="I10362" t="s">
        <v>15</v>
      </c>
      <c r="J10362" s="10">
        <v>6.8442489819999999</v>
      </c>
    </row>
    <row r="10363" spans="1:10" x14ac:dyDescent="0.35">
      <c r="A10363" t="s">
        <v>62</v>
      </c>
      <c r="B10363" t="s">
        <v>65</v>
      </c>
      <c r="C10363" t="s">
        <v>117</v>
      </c>
      <c r="D10363" t="s">
        <v>118</v>
      </c>
      <c r="E10363">
        <v>2011</v>
      </c>
      <c r="F10363">
        <v>2011</v>
      </c>
      <c r="G10363" t="s">
        <v>125</v>
      </c>
      <c r="H10363" t="s">
        <v>124</v>
      </c>
      <c r="I10363" t="s">
        <v>15</v>
      </c>
      <c r="J10363" s="10">
        <v>0.649691397</v>
      </c>
    </row>
    <row r="10364" spans="1:10" x14ac:dyDescent="0.35">
      <c r="A10364" t="s">
        <v>62</v>
      </c>
      <c r="B10364" t="s">
        <v>65</v>
      </c>
      <c r="C10364" t="s">
        <v>117</v>
      </c>
      <c r="D10364" t="s">
        <v>118</v>
      </c>
      <c r="E10364">
        <v>2011</v>
      </c>
      <c r="F10364">
        <v>2011</v>
      </c>
      <c r="G10364" t="s">
        <v>126</v>
      </c>
      <c r="H10364" t="s">
        <v>119</v>
      </c>
      <c r="I10364" t="s">
        <v>15</v>
      </c>
      <c r="J10364" s="10">
        <v>7.6011227510000001</v>
      </c>
    </row>
    <row r="10365" spans="1:10" x14ac:dyDescent="0.35">
      <c r="A10365" t="s">
        <v>62</v>
      </c>
      <c r="B10365" t="s">
        <v>65</v>
      </c>
      <c r="C10365" t="s">
        <v>117</v>
      </c>
      <c r="D10365" t="s">
        <v>118</v>
      </c>
      <c r="E10365">
        <v>2011</v>
      </c>
      <c r="F10365">
        <v>2011</v>
      </c>
      <c r="G10365" t="s">
        <v>126</v>
      </c>
      <c r="H10365" t="s">
        <v>120</v>
      </c>
      <c r="I10365" t="s">
        <v>15</v>
      </c>
      <c r="J10365" s="10">
        <v>32.517167059999998</v>
      </c>
    </row>
    <row r="10366" spans="1:10" x14ac:dyDescent="0.35">
      <c r="A10366" t="s">
        <v>62</v>
      </c>
      <c r="B10366" t="s">
        <v>65</v>
      </c>
      <c r="C10366" t="s">
        <v>117</v>
      </c>
      <c r="D10366" t="s">
        <v>118</v>
      </c>
      <c r="E10366">
        <v>2011</v>
      </c>
      <c r="F10366">
        <v>2011</v>
      </c>
      <c r="G10366" t="s">
        <v>126</v>
      </c>
      <c r="H10366" t="s">
        <v>121</v>
      </c>
      <c r="I10366" t="s">
        <v>15</v>
      </c>
      <c r="J10366" s="10">
        <v>38.975489949999996</v>
      </c>
    </row>
    <row r="10367" spans="1:10" x14ac:dyDescent="0.35">
      <c r="A10367" t="s">
        <v>62</v>
      </c>
      <c r="B10367" t="s">
        <v>65</v>
      </c>
      <c r="C10367" t="s">
        <v>117</v>
      </c>
      <c r="D10367" t="s">
        <v>118</v>
      </c>
      <c r="E10367">
        <v>2011</v>
      </c>
      <c r="F10367">
        <v>2011</v>
      </c>
      <c r="G10367" t="s">
        <v>126</v>
      </c>
      <c r="H10367" t="s">
        <v>122</v>
      </c>
      <c r="I10367" t="s">
        <v>15</v>
      </c>
      <c r="J10367" s="10">
        <v>10.77138991</v>
      </c>
    </row>
    <row r="10368" spans="1:10" x14ac:dyDescent="0.35">
      <c r="A10368" t="s">
        <v>62</v>
      </c>
      <c r="B10368" t="s">
        <v>65</v>
      </c>
      <c r="C10368" t="s">
        <v>117</v>
      </c>
      <c r="D10368" t="s">
        <v>118</v>
      </c>
      <c r="E10368">
        <v>2011</v>
      </c>
      <c r="F10368">
        <v>2011</v>
      </c>
      <c r="G10368" t="s">
        <v>126</v>
      </c>
      <c r="H10368" t="s">
        <v>123</v>
      </c>
      <c r="I10368" t="s">
        <v>15</v>
      </c>
      <c r="J10368" s="10">
        <v>8.5735050869999991</v>
      </c>
    </row>
    <row r="10369" spans="1:10" x14ac:dyDescent="0.35">
      <c r="A10369" t="s">
        <v>62</v>
      </c>
      <c r="B10369" t="s">
        <v>65</v>
      </c>
      <c r="C10369" t="s">
        <v>117</v>
      </c>
      <c r="D10369" t="s">
        <v>118</v>
      </c>
      <c r="E10369">
        <v>2011</v>
      </c>
      <c r="F10369">
        <v>2011</v>
      </c>
      <c r="G10369" t="s">
        <v>126</v>
      </c>
      <c r="H10369" t="s">
        <v>124</v>
      </c>
      <c r="I10369" t="s">
        <v>15</v>
      </c>
      <c r="J10369" s="10">
        <v>1.5613252470000001</v>
      </c>
    </row>
    <row r="10370" spans="1:10" x14ac:dyDescent="0.35">
      <c r="A10370" t="s">
        <v>62</v>
      </c>
      <c r="B10370" t="s">
        <v>66</v>
      </c>
      <c r="C10370" t="s">
        <v>117</v>
      </c>
      <c r="D10370" t="s">
        <v>118</v>
      </c>
      <c r="E10370">
        <v>2020</v>
      </c>
      <c r="F10370">
        <v>2020</v>
      </c>
      <c r="G10370" t="s">
        <v>14</v>
      </c>
      <c r="H10370" t="s">
        <v>119</v>
      </c>
      <c r="I10370" t="s">
        <v>15</v>
      </c>
      <c r="J10370" s="10">
        <v>16.561936580000001</v>
      </c>
    </row>
    <row r="10371" spans="1:10" x14ac:dyDescent="0.35">
      <c r="A10371" t="s">
        <v>62</v>
      </c>
      <c r="B10371" t="s">
        <v>66</v>
      </c>
      <c r="C10371" t="s">
        <v>117</v>
      </c>
      <c r="D10371" t="s">
        <v>118</v>
      </c>
      <c r="E10371">
        <v>2020</v>
      </c>
      <c r="F10371">
        <v>2020</v>
      </c>
      <c r="G10371" t="s">
        <v>14</v>
      </c>
      <c r="H10371" t="s">
        <v>120</v>
      </c>
      <c r="I10371" t="s">
        <v>15</v>
      </c>
      <c r="J10371" s="10">
        <v>10.423958000000001</v>
      </c>
    </row>
    <row r="10372" spans="1:10" x14ac:dyDescent="0.35">
      <c r="A10372" t="s">
        <v>62</v>
      </c>
      <c r="B10372" t="s">
        <v>66</v>
      </c>
      <c r="C10372" t="s">
        <v>117</v>
      </c>
      <c r="D10372" t="s">
        <v>118</v>
      </c>
      <c r="E10372">
        <v>2020</v>
      </c>
      <c r="F10372">
        <v>2020</v>
      </c>
      <c r="G10372" t="s">
        <v>14</v>
      </c>
      <c r="H10372" t="s">
        <v>121</v>
      </c>
      <c r="I10372" t="s">
        <v>15</v>
      </c>
      <c r="J10372" s="10">
        <v>39.301622649999999</v>
      </c>
    </row>
    <row r="10373" spans="1:10" x14ac:dyDescent="0.35">
      <c r="A10373" t="s">
        <v>62</v>
      </c>
      <c r="B10373" t="s">
        <v>66</v>
      </c>
      <c r="C10373" t="s">
        <v>117</v>
      </c>
      <c r="D10373" t="s">
        <v>118</v>
      </c>
      <c r="E10373">
        <v>2020</v>
      </c>
      <c r="F10373">
        <v>2020</v>
      </c>
      <c r="G10373" t="s">
        <v>14</v>
      </c>
      <c r="H10373" t="s">
        <v>122</v>
      </c>
      <c r="I10373" t="s">
        <v>15</v>
      </c>
      <c r="J10373" s="10">
        <v>19.192120060000001</v>
      </c>
    </row>
    <row r="10374" spans="1:10" x14ac:dyDescent="0.35">
      <c r="A10374" t="s">
        <v>62</v>
      </c>
      <c r="B10374" t="s">
        <v>66</v>
      </c>
      <c r="C10374" t="s">
        <v>117</v>
      </c>
      <c r="D10374" t="s">
        <v>118</v>
      </c>
      <c r="E10374">
        <v>2020</v>
      </c>
      <c r="F10374">
        <v>2020</v>
      </c>
      <c r="G10374" t="s">
        <v>14</v>
      </c>
      <c r="H10374" t="s">
        <v>123</v>
      </c>
      <c r="I10374" t="s">
        <v>15</v>
      </c>
      <c r="J10374" s="10">
        <v>12.655106590000001</v>
      </c>
    </row>
    <row r="10375" spans="1:10" x14ac:dyDescent="0.35">
      <c r="A10375" t="s">
        <v>62</v>
      </c>
      <c r="B10375" t="s">
        <v>66</v>
      </c>
      <c r="C10375" t="s">
        <v>117</v>
      </c>
      <c r="D10375" t="s">
        <v>118</v>
      </c>
      <c r="E10375">
        <v>2020</v>
      </c>
      <c r="F10375">
        <v>2020</v>
      </c>
      <c r="G10375" t="s">
        <v>14</v>
      </c>
      <c r="H10375" t="s">
        <v>124</v>
      </c>
      <c r="I10375" t="s">
        <v>15</v>
      </c>
      <c r="J10375" s="10">
        <v>1.8652561249999999</v>
      </c>
    </row>
    <row r="10376" spans="1:10" x14ac:dyDescent="0.35">
      <c r="A10376" t="s">
        <v>62</v>
      </c>
      <c r="B10376" t="s">
        <v>66</v>
      </c>
      <c r="C10376" t="s">
        <v>117</v>
      </c>
      <c r="D10376" t="s">
        <v>118</v>
      </c>
      <c r="E10376">
        <v>2020</v>
      </c>
      <c r="F10376">
        <v>2020</v>
      </c>
      <c r="G10376" t="s">
        <v>125</v>
      </c>
      <c r="H10376" t="s">
        <v>119</v>
      </c>
      <c r="I10376" t="s">
        <v>15</v>
      </c>
      <c r="J10376" s="10">
        <v>17.307744069999998</v>
      </c>
    </row>
    <row r="10377" spans="1:10" x14ac:dyDescent="0.35">
      <c r="A10377" t="s">
        <v>62</v>
      </c>
      <c r="B10377" t="s">
        <v>66</v>
      </c>
      <c r="C10377" t="s">
        <v>117</v>
      </c>
      <c r="D10377" t="s">
        <v>118</v>
      </c>
      <c r="E10377">
        <v>2020</v>
      </c>
      <c r="F10377">
        <v>2020</v>
      </c>
      <c r="G10377" t="s">
        <v>125</v>
      </c>
      <c r="H10377" t="s">
        <v>120</v>
      </c>
      <c r="I10377" t="s">
        <v>15</v>
      </c>
      <c r="J10377" s="10">
        <v>11.237920920000001</v>
      </c>
    </row>
    <row r="10378" spans="1:10" x14ac:dyDescent="0.35">
      <c r="A10378" t="s">
        <v>62</v>
      </c>
      <c r="B10378" t="s">
        <v>66</v>
      </c>
      <c r="C10378" t="s">
        <v>117</v>
      </c>
      <c r="D10378" t="s">
        <v>118</v>
      </c>
      <c r="E10378">
        <v>2020</v>
      </c>
      <c r="F10378">
        <v>2020</v>
      </c>
      <c r="G10378" t="s">
        <v>125</v>
      </c>
      <c r="H10378" t="s">
        <v>121</v>
      </c>
      <c r="I10378" t="s">
        <v>15</v>
      </c>
      <c r="J10378" s="10">
        <v>40.749912520000002</v>
      </c>
    </row>
    <row r="10379" spans="1:10" x14ac:dyDescent="0.35">
      <c r="A10379" t="s">
        <v>62</v>
      </c>
      <c r="B10379" t="s">
        <v>66</v>
      </c>
      <c r="C10379" t="s">
        <v>117</v>
      </c>
      <c r="D10379" t="s">
        <v>118</v>
      </c>
      <c r="E10379">
        <v>2020</v>
      </c>
      <c r="F10379">
        <v>2020</v>
      </c>
      <c r="G10379" t="s">
        <v>125</v>
      </c>
      <c r="H10379" t="s">
        <v>122</v>
      </c>
      <c r="I10379" t="s">
        <v>15</v>
      </c>
      <c r="J10379" s="10">
        <v>17.867621329999999</v>
      </c>
    </row>
    <row r="10380" spans="1:10" x14ac:dyDescent="0.35">
      <c r="A10380" t="s">
        <v>62</v>
      </c>
      <c r="B10380" t="s">
        <v>66</v>
      </c>
      <c r="C10380" t="s">
        <v>117</v>
      </c>
      <c r="D10380" t="s">
        <v>118</v>
      </c>
      <c r="E10380">
        <v>2020</v>
      </c>
      <c r="F10380">
        <v>2020</v>
      </c>
      <c r="G10380" t="s">
        <v>125</v>
      </c>
      <c r="H10380" t="s">
        <v>123</v>
      </c>
      <c r="I10380" t="s">
        <v>15</v>
      </c>
      <c r="J10380" s="10">
        <v>11.579769049999999</v>
      </c>
    </row>
    <row r="10381" spans="1:10" x14ac:dyDescent="0.35">
      <c r="A10381" t="s">
        <v>62</v>
      </c>
      <c r="B10381" t="s">
        <v>66</v>
      </c>
      <c r="C10381" t="s">
        <v>117</v>
      </c>
      <c r="D10381" t="s">
        <v>118</v>
      </c>
      <c r="E10381">
        <v>2020</v>
      </c>
      <c r="F10381">
        <v>2020</v>
      </c>
      <c r="G10381" t="s">
        <v>125</v>
      </c>
      <c r="H10381" t="s">
        <v>124</v>
      </c>
      <c r="I10381" t="s">
        <v>15</v>
      </c>
      <c r="J10381" s="10">
        <v>1.2570321120000001</v>
      </c>
    </row>
    <row r="10382" spans="1:10" x14ac:dyDescent="0.35">
      <c r="A10382" t="s">
        <v>62</v>
      </c>
      <c r="B10382" t="s">
        <v>66</v>
      </c>
      <c r="C10382" t="s">
        <v>117</v>
      </c>
      <c r="D10382" t="s">
        <v>118</v>
      </c>
      <c r="E10382">
        <v>2020</v>
      </c>
      <c r="F10382">
        <v>2020</v>
      </c>
      <c r="G10382" t="s">
        <v>126</v>
      </c>
      <c r="H10382" t="s">
        <v>119</v>
      </c>
      <c r="I10382" t="s">
        <v>15</v>
      </c>
      <c r="J10382" s="10">
        <v>15.838144249999999</v>
      </c>
    </row>
    <row r="10383" spans="1:10" x14ac:dyDescent="0.35">
      <c r="A10383" t="s">
        <v>62</v>
      </c>
      <c r="B10383" t="s">
        <v>66</v>
      </c>
      <c r="C10383" t="s">
        <v>117</v>
      </c>
      <c r="D10383" t="s">
        <v>118</v>
      </c>
      <c r="E10383">
        <v>2020</v>
      </c>
      <c r="F10383">
        <v>2020</v>
      </c>
      <c r="G10383" t="s">
        <v>126</v>
      </c>
      <c r="H10383" t="s">
        <v>120</v>
      </c>
      <c r="I10383" t="s">
        <v>15</v>
      </c>
      <c r="J10383" s="10">
        <v>9.6340220999999993</v>
      </c>
    </row>
    <row r="10384" spans="1:10" x14ac:dyDescent="0.35">
      <c r="A10384" t="s">
        <v>62</v>
      </c>
      <c r="B10384" t="s">
        <v>66</v>
      </c>
      <c r="C10384" t="s">
        <v>117</v>
      </c>
      <c r="D10384" t="s">
        <v>118</v>
      </c>
      <c r="E10384">
        <v>2020</v>
      </c>
      <c r="F10384">
        <v>2020</v>
      </c>
      <c r="G10384" t="s">
        <v>126</v>
      </c>
      <c r="H10384" t="s">
        <v>121</v>
      </c>
      <c r="I10384" t="s">
        <v>15</v>
      </c>
      <c r="J10384" s="10">
        <v>37.896084219999999</v>
      </c>
    </row>
    <row r="10385" spans="1:10" x14ac:dyDescent="0.35">
      <c r="A10385" t="s">
        <v>62</v>
      </c>
      <c r="B10385" t="s">
        <v>66</v>
      </c>
      <c r="C10385" t="s">
        <v>117</v>
      </c>
      <c r="D10385" t="s">
        <v>118</v>
      </c>
      <c r="E10385">
        <v>2020</v>
      </c>
      <c r="F10385">
        <v>2020</v>
      </c>
      <c r="G10385" t="s">
        <v>126</v>
      </c>
      <c r="H10385" t="s">
        <v>122</v>
      </c>
      <c r="I10385" t="s">
        <v>15</v>
      </c>
      <c r="J10385" s="10">
        <v>20.477521490000001</v>
      </c>
    </row>
    <row r="10386" spans="1:10" x14ac:dyDescent="0.35">
      <c r="A10386" t="s">
        <v>62</v>
      </c>
      <c r="B10386" t="s">
        <v>66</v>
      </c>
      <c r="C10386" t="s">
        <v>117</v>
      </c>
      <c r="D10386" t="s">
        <v>118</v>
      </c>
      <c r="E10386">
        <v>2020</v>
      </c>
      <c r="F10386">
        <v>2020</v>
      </c>
      <c r="G10386" t="s">
        <v>126</v>
      </c>
      <c r="H10386" t="s">
        <v>123</v>
      </c>
      <c r="I10386" t="s">
        <v>15</v>
      </c>
      <c r="J10386" s="10">
        <v>13.69870171</v>
      </c>
    </row>
    <row r="10387" spans="1:10" x14ac:dyDescent="0.35">
      <c r="A10387" t="s">
        <v>62</v>
      </c>
      <c r="B10387" t="s">
        <v>66</v>
      </c>
      <c r="C10387" t="s">
        <v>117</v>
      </c>
      <c r="D10387" t="s">
        <v>118</v>
      </c>
      <c r="E10387">
        <v>2020</v>
      </c>
      <c r="F10387">
        <v>2020</v>
      </c>
      <c r="G10387" t="s">
        <v>126</v>
      </c>
      <c r="H10387" t="s">
        <v>124</v>
      </c>
      <c r="I10387" t="s">
        <v>15</v>
      </c>
      <c r="J10387" s="10">
        <v>2.4555262400000002</v>
      </c>
    </row>
    <row r="10388" spans="1:10" x14ac:dyDescent="0.35">
      <c r="A10388" t="s">
        <v>62</v>
      </c>
      <c r="B10388" t="s">
        <v>66</v>
      </c>
      <c r="C10388" t="s">
        <v>117</v>
      </c>
      <c r="D10388" t="s">
        <v>118</v>
      </c>
      <c r="E10388">
        <v>2019</v>
      </c>
      <c r="F10388">
        <v>2019</v>
      </c>
      <c r="G10388" t="s">
        <v>14</v>
      </c>
      <c r="H10388" t="s">
        <v>119</v>
      </c>
      <c r="I10388" t="s">
        <v>15</v>
      </c>
      <c r="J10388" s="10">
        <v>16.894770479999998</v>
      </c>
    </row>
    <row r="10389" spans="1:10" x14ac:dyDescent="0.35">
      <c r="A10389" t="s">
        <v>62</v>
      </c>
      <c r="B10389" t="s">
        <v>66</v>
      </c>
      <c r="C10389" t="s">
        <v>117</v>
      </c>
      <c r="D10389" t="s">
        <v>118</v>
      </c>
      <c r="E10389">
        <v>2019</v>
      </c>
      <c r="F10389">
        <v>2019</v>
      </c>
      <c r="G10389" t="s">
        <v>14</v>
      </c>
      <c r="H10389" t="s">
        <v>120</v>
      </c>
      <c r="I10389" t="s">
        <v>15</v>
      </c>
      <c r="J10389" s="10">
        <v>10.476355310000001</v>
      </c>
    </row>
    <row r="10390" spans="1:10" x14ac:dyDescent="0.35">
      <c r="A10390" t="s">
        <v>62</v>
      </c>
      <c r="B10390" t="s">
        <v>66</v>
      </c>
      <c r="C10390" t="s">
        <v>117</v>
      </c>
      <c r="D10390" t="s">
        <v>118</v>
      </c>
      <c r="E10390">
        <v>2019</v>
      </c>
      <c r="F10390">
        <v>2019</v>
      </c>
      <c r="G10390" t="s">
        <v>14</v>
      </c>
      <c r="H10390" t="s">
        <v>121</v>
      </c>
      <c r="I10390" t="s">
        <v>15</v>
      </c>
      <c r="J10390" s="10">
        <v>39.011076789999997</v>
      </c>
    </row>
    <row r="10391" spans="1:10" x14ac:dyDescent="0.35">
      <c r="A10391" t="s">
        <v>62</v>
      </c>
      <c r="B10391" t="s">
        <v>66</v>
      </c>
      <c r="C10391" t="s">
        <v>117</v>
      </c>
      <c r="D10391" t="s">
        <v>118</v>
      </c>
      <c r="E10391">
        <v>2019</v>
      </c>
      <c r="F10391">
        <v>2019</v>
      </c>
      <c r="G10391" t="s">
        <v>14</v>
      </c>
      <c r="H10391" t="s">
        <v>122</v>
      </c>
      <c r="I10391" t="s">
        <v>15</v>
      </c>
      <c r="J10391" s="10">
        <v>19.023591440000001</v>
      </c>
    </row>
    <row r="10392" spans="1:10" x14ac:dyDescent="0.35">
      <c r="A10392" t="s">
        <v>62</v>
      </c>
      <c r="B10392" t="s">
        <v>66</v>
      </c>
      <c r="C10392" t="s">
        <v>117</v>
      </c>
      <c r="D10392" t="s">
        <v>118</v>
      </c>
      <c r="E10392">
        <v>2019</v>
      </c>
      <c r="F10392">
        <v>2019</v>
      </c>
      <c r="G10392" t="s">
        <v>14</v>
      </c>
      <c r="H10392" t="s">
        <v>123</v>
      </c>
      <c r="I10392" t="s">
        <v>15</v>
      </c>
      <c r="J10392" s="10">
        <v>12.75162424</v>
      </c>
    </row>
    <row r="10393" spans="1:10" x14ac:dyDescent="0.35">
      <c r="A10393" t="s">
        <v>62</v>
      </c>
      <c r="B10393" t="s">
        <v>66</v>
      </c>
      <c r="C10393" t="s">
        <v>117</v>
      </c>
      <c r="D10393" t="s">
        <v>118</v>
      </c>
      <c r="E10393">
        <v>2019</v>
      </c>
      <c r="F10393">
        <v>2019</v>
      </c>
      <c r="G10393" t="s">
        <v>14</v>
      </c>
      <c r="H10393" t="s">
        <v>124</v>
      </c>
      <c r="I10393" t="s">
        <v>15</v>
      </c>
      <c r="J10393" s="10">
        <v>1.8425817449999999</v>
      </c>
    </row>
    <row r="10394" spans="1:10" x14ac:dyDescent="0.35">
      <c r="A10394" t="s">
        <v>62</v>
      </c>
      <c r="B10394" t="s">
        <v>66</v>
      </c>
      <c r="C10394" t="s">
        <v>117</v>
      </c>
      <c r="D10394" t="s">
        <v>118</v>
      </c>
      <c r="E10394">
        <v>2019</v>
      </c>
      <c r="F10394">
        <v>2019</v>
      </c>
      <c r="G10394" t="s">
        <v>125</v>
      </c>
      <c r="H10394" t="s">
        <v>119</v>
      </c>
      <c r="I10394" t="s">
        <v>15</v>
      </c>
      <c r="J10394" s="10">
        <v>17.758203519999999</v>
      </c>
    </row>
    <row r="10395" spans="1:10" x14ac:dyDescent="0.35">
      <c r="A10395" t="s">
        <v>62</v>
      </c>
      <c r="B10395" t="s">
        <v>66</v>
      </c>
      <c r="C10395" t="s">
        <v>117</v>
      </c>
      <c r="D10395" t="s">
        <v>118</v>
      </c>
      <c r="E10395">
        <v>2019</v>
      </c>
      <c r="F10395">
        <v>2019</v>
      </c>
      <c r="G10395" t="s">
        <v>125</v>
      </c>
      <c r="H10395" t="s">
        <v>120</v>
      </c>
      <c r="I10395" t="s">
        <v>15</v>
      </c>
      <c r="J10395" s="10">
        <v>11.206263760000001</v>
      </c>
    </row>
    <row r="10396" spans="1:10" x14ac:dyDescent="0.35">
      <c r="A10396" t="s">
        <v>62</v>
      </c>
      <c r="B10396" t="s">
        <v>66</v>
      </c>
      <c r="C10396" t="s">
        <v>117</v>
      </c>
      <c r="D10396" t="s">
        <v>118</v>
      </c>
      <c r="E10396">
        <v>2019</v>
      </c>
      <c r="F10396">
        <v>2019</v>
      </c>
      <c r="G10396" t="s">
        <v>125</v>
      </c>
      <c r="H10396" t="s">
        <v>121</v>
      </c>
      <c r="I10396" t="s">
        <v>15</v>
      </c>
      <c r="J10396" s="10">
        <v>40.30394476</v>
      </c>
    </row>
    <row r="10397" spans="1:10" x14ac:dyDescent="0.35">
      <c r="A10397" t="s">
        <v>62</v>
      </c>
      <c r="B10397" t="s">
        <v>66</v>
      </c>
      <c r="C10397" t="s">
        <v>117</v>
      </c>
      <c r="D10397" t="s">
        <v>118</v>
      </c>
      <c r="E10397">
        <v>2019</v>
      </c>
      <c r="F10397">
        <v>2019</v>
      </c>
      <c r="G10397" t="s">
        <v>125</v>
      </c>
      <c r="H10397" t="s">
        <v>122</v>
      </c>
      <c r="I10397" t="s">
        <v>15</v>
      </c>
      <c r="J10397" s="10">
        <v>17.869668050000001</v>
      </c>
    </row>
    <row r="10398" spans="1:10" x14ac:dyDescent="0.35">
      <c r="A10398" t="s">
        <v>62</v>
      </c>
      <c r="B10398" t="s">
        <v>66</v>
      </c>
      <c r="C10398" t="s">
        <v>117</v>
      </c>
      <c r="D10398" t="s">
        <v>118</v>
      </c>
      <c r="E10398">
        <v>2019</v>
      </c>
      <c r="F10398">
        <v>2019</v>
      </c>
      <c r="G10398" t="s">
        <v>125</v>
      </c>
      <c r="H10398" t="s">
        <v>123</v>
      </c>
      <c r="I10398" t="s">
        <v>15</v>
      </c>
      <c r="J10398" s="10">
        <v>11.654840549999999</v>
      </c>
    </row>
    <row r="10399" spans="1:10" x14ac:dyDescent="0.35">
      <c r="A10399" t="s">
        <v>62</v>
      </c>
      <c r="B10399" t="s">
        <v>66</v>
      </c>
      <c r="C10399" t="s">
        <v>117</v>
      </c>
      <c r="D10399" t="s">
        <v>118</v>
      </c>
      <c r="E10399">
        <v>2019</v>
      </c>
      <c r="F10399">
        <v>2019</v>
      </c>
      <c r="G10399" t="s">
        <v>125</v>
      </c>
      <c r="H10399" t="s">
        <v>124</v>
      </c>
      <c r="I10399" t="s">
        <v>15</v>
      </c>
      <c r="J10399" s="10">
        <v>1.207079357</v>
      </c>
    </row>
    <row r="10400" spans="1:10" x14ac:dyDescent="0.35">
      <c r="A10400" t="s">
        <v>62</v>
      </c>
      <c r="B10400" t="s">
        <v>66</v>
      </c>
      <c r="C10400" t="s">
        <v>117</v>
      </c>
      <c r="D10400" t="s">
        <v>118</v>
      </c>
      <c r="E10400">
        <v>2019</v>
      </c>
      <c r="F10400">
        <v>2019</v>
      </c>
      <c r="G10400" t="s">
        <v>126</v>
      </c>
      <c r="H10400" t="s">
        <v>119</v>
      </c>
      <c r="I10400" t="s">
        <v>15</v>
      </c>
      <c r="J10400" s="10">
        <v>16.066164000000001</v>
      </c>
    </row>
    <row r="10401" spans="1:10" x14ac:dyDescent="0.35">
      <c r="A10401" t="s">
        <v>62</v>
      </c>
      <c r="B10401" t="s">
        <v>66</v>
      </c>
      <c r="C10401" t="s">
        <v>117</v>
      </c>
      <c r="D10401" t="s">
        <v>118</v>
      </c>
      <c r="E10401">
        <v>2019</v>
      </c>
      <c r="F10401">
        <v>2019</v>
      </c>
      <c r="G10401" t="s">
        <v>126</v>
      </c>
      <c r="H10401" t="s">
        <v>120</v>
      </c>
      <c r="I10401" t="s">
        <v>15</v>
      </c>
      <c r="J10401" s="10">
        <v>9.7758877089999991</v>
      </c>
    </row>
    <row r="10402" spans="1:10" x14ac:dyDescent="0.35">
      <c r="A10402" t="s">
        <v>62</v>
      </c>
      <c r="B10402" t="s">
        <v>66</v>
      </c>
      <c r="C10402" t="s">
        <v>117</v>
      </c>
      <c r="D10402" t="s">
        <v>118</v>
      </c>
      <c r="E10402">
        <v>2019</v>
      </c>
      <c r="F10402">
        <v>2019</v>
      </c>
      <c r="G10402" t="s">
        <v>126</v>
      </c>
      <c r="H10402" t="s">
        <v>121</v>
      </c>
      <c r="I10402" t="s">
        <v>15</v>
      </c>
      <c r="J10402" s="10">
        <v>37.770356649999997</v>
      </c>
    </row>
    <row r="10403" spans="1:10" x14ac:dyDescent="0.35">
      <c r="A10403" t="s">
        <v>62</v>
      </c>
      <c r="B10403" t="s">
        <v>66</v>
      </c>
      <c r="C10403" t="s">
        <v>117</v>
      </c>
      <c r="D10403" t="s">
        <v>118</v>
      </c>
      <c r="E10403">
        <v>2019</v>
      </c>
      <c r="F10403">
        <v>2019</v>
      </c>
      <c r="G10403" t="s">
        <v>126</v>
      </c>
      <c r="H10403" t="s">
        <v>122</v>
      </c>
      <c r="I10403" t="s">
        <v>15</v>
      </c>
      <c r="J10403" s="10">
        <v>20.130971330000001</v>
      </c>
    </row>
    <row r="10404" spans="1:10" x14ac:dyDescent="0.35">
      <c r="A10404" t="s">
        <v>62</v>
      </c>
      <c r="B10404" t="s">
        <v>66</v>
      </c>
      <c r="C10404" t="s">
        <v>117</v>
      </c>
      <c r="D10404" t="s">
        <v>118</v>
      </c>
      <c r="E10404">
        <v>2019</v>
      </c>
      <c r="F10404">
        <v>2019</v>
      </c>
      <c r="G10404" t="s">
        <v>126</v>
      </c>
      <c r="H10404" t="s">
        <v>123</v>
      </c>
      <c r="I10404" t="s">
        <v>15</v>
      </c>
      <c r="J10404" s="10">
        <v>13.80416917</v>
      </c>
    </row>
    <row r="10405" spans="1:10" x14ac:dyDescent="0.35">
      <c r="A10405" t="s">
        <v>62</v>
      </c>
      <c r="B10405" t="s">
        <v>66</v>
      </c>
      <c r="C10405" t="s">
        <v>117</v>
      </c>
      <c r="D10405" t="s">
        <v>118</v>
      </c>
      <c r="E10405">
        <v>2019</v>
      </c>
      <c r="F10405">
        <v>2019</v>
      </c>
      <c r="G10405" t="s">
        <v>126</v>
      </c>
      <c r="H10405" t="s">
        <v>124</v>
      </c>
      <c r="I10405" t="s">
        <v>15</v>
      </c>
      <c r="J10405" s="10">
        <v>2.4524511470000001</v>
      </c>
    </row>
    <row r="10406" spans="1:10" x14ac:dyDescent="0.35">
      <c r="A10406" t="s">
        <v>62</v>
      </c>
      <c r="B10406" t="s">
        <v>66</v>
      </c>
      <c r="C10406" t="s">
        <v>117</v>
      </c>
      <c r="D10406" t="s">
        <v>118</v>
      </c>
      <c r="E10406">
        <v>2018</v>
      </c>
      <c r="F10406">
        <v>2018</v>
      </c>
      <c r="G10406" t="s">
        <v>14</v>
      </c>
      <c r="H10406" t="s">
        <v>119</v>
      </c>
      <c r="I10406" t="s">
        <v>15</v>
      </c>
      <c r="J10406" s="10">
        <v>16.949561899999999</v>
      </c>
    </row>
    <row r="10407" spans="1:10" x14ac:dyDescent="0.35">
      <c r="A10407" t="s">
        <v>62</v>
      </c>
      <c r="B10407" t="s">
        <v>66</v>
      </c>
      <c r="C10407" t="s">
        <v>117</v>
      </c>
      <c r="D10407" t="s">
        <v>118</v>
      </c>
      <c r="E10407">
        <v>2018</v>
      </c>
      <c r="F10407">
        <v>2018</v>
      </c>
      <c r="G10407" t="s">
        <v>14</v>
      </c>
      <c r="H10407" t="s">
        <v>120</v>
      </c>
      <c r="I10407" t="s">
        <v>15</v>
      </c>
      <c r="J10407" s="10">
        <v>10.651173399999999</v>
      </c>
    </row>
    <row r="10408" spans="1:10" x14ac:dyDescent="0.35">
      <c r="A10408" t="s">
        <v>62</v>
      </c>
      <c r="B10408" t="s">
        <v>66</v>
      </c>
      <c r="C10408" t="s">
        <v>117</v>
      </c>
      <c r="D10408" t="s">
        <v>118</v>
      </c>
      <c r="E10408">
        <v>2018</v>
      </c>
      <c r="F10408">
        <v>2018</v>
      </c>
      <c r="G10408" t="s">
        <v>14</v>
      </c>
      <c r="H10408" t="s">
        <v>121</v>
      </c>
      <c r="I10408" t="s">
        <v>15</v>
      </c>
      <c r="J10408" s="10">
        <v>38.740322300000003</v>
      </c>
    </row>
    <row r="10409" spans="1:10" x14ac:dyDescent="0.35">
      <c r="A10409" t="s">
        <v>62</v>
      </c>
      <c r="B10409" t="s">
        <v>66</v>
      </c>
      <c r="C10409" t="s">
        <v>117</v>
      </c>
      <c r="D10409" t="s">
        <v>118</v>
      </c>
      <c r="E10409">
        <v>2018</v>
      </c>
      <c r="F10409">
        <v>2018</v>
      </c>
      <c r="G10409" t="s">
        <v>14</v>
      </c>
      <c r="H10409" t="s">
        <v>122</v>
      </c>
      <c r="I10409" t="s">
        <v>15</v>
      </c>
      <c r="J10409" s="10">
        <v>18.872354990000002</v>
      </c>
    </row>
    <row r="10410" spans="1:10" x14ac:dyDescent="0.35">
      <c r="A10410" t="s">
        <v>62</v>
      </c>
      <c r="B10410" t="s">
        <v>66</v>
      </c>
      <c r="C10410" t="s">
        <v>117</v>
      </c>
      <c r="D10410" t="s">
        <v>118</v>
      </c>
      <c r="E10410">
        <v>2018</v>
      </c>
      <c r="F10410">
        <v>2018</v>
      </c>
      <c r="G10410" t="s">
        <v>14</v>
      </c>
      <c r="H10410" t="s">
        <v>123</v>
      </c>
      <c r="I10410" t="s">
        <v>15</v>
      </c>
      <c r="J10410" s="10">
        <v>12.98858132</v>
      </c>
    </row>
    <row r="10411" spans="1:10" x14ac:dyDescent="0.35">
      <c r="A10411" t="s">
        <v>62</v>
      </c>
      <c r="B10411" t="s">
        <v>66</v>
      </c>
      <c r="C10411" t="s">
        <v>117</v>
      </c>
      <c r="D10411" t="s">
        <v>118</v>
      </c>
      <c r="E10411">
        <v>2018</v>
      </c>
      <c r="F10411">
        <v>2018</v>
      </c>
      <c r="G10411" t="s">
        <v>14</v>
      </c>
      <c r="H10411" t="s">
        <v>124</v>
      </c>
      <c r="I10411" t="s">
        <v>15</v>
      </c>
      <c r="J10411" s="10">
        <v>1.7980060920000001</v>
      </c>
    </row>
    <row r="10412" spans="1:10" x14ac:dyDescent="0.35">
      <c r="A10412" t="s">
        <v>62</v>
      </c>
      <c r="B10412" t="s">
        <v>66</v>
      </c>
      <c r="C10412" t="s">
        <v>117</v>
      </c>
      <c r="D10412" t="s">
        <v>118</v>
      </c>
      <c r="E10412">
        <v>2018</v>
      </c>
      <c r="F10412">
        <v>2018</v>
      </c>
      <c r="G10412" t="s">
        <v>125</v>
      </c>
      <c r="H10412" t="s">
        <v>119</v>
      </c>
      <c r="I10412" t="s">
        <v>15</v>
      </c>
      <c r="J10412" s="10">
        <v>17.951617800000001</v>
      </c>
    </row>
    <row r="10413" spans="1:10" x14ac:dyDescent="0.35">
      <c r="A10413" t="s">
        <v>62</v>
      </c>
      <c r="B10413" t="s">
        <v>66</v>
      </c>
      <c r="C10413" t="s">
        <v>117</v>
      </c>
      <c r="D10413" t="s">
        <v>118</v>
      </c>
      <c r="E10413">
        <v>2018</v>
      </c>
      <c r="F10413">
        <v>2018</v>
      </c>
      <c r="G10413" t="s">
        <v>125</v>
      </c>
      <c r="H10413" t="s">
        <v>120</v>
      </c>
      <c r="I10413" t="s">
        <v>15</v>
      </c>
      <c r="J10413" s="10">
        <v>11.26803299</v>
      </c>
    </row>
    <row r="10414" spans="1:10" x14ac:dyDescent="0.35">
      <c r="A10414" t="s">
        <v>62</v>
      </c>
      <c r="B10414" t="s">
        <v>66</v>
      </c>
      <c r="C10414" t="s">
        <v>117</v>
      </c>
      <c r="D10414" t="s">
        <v>118</v>
      </c>
      <c r="E10414">
        <v>2018</v>
      </c>
      <c r="F10414">
        <v>2018</v>
      </c>
      <c r="G10414" t="s">
        <v>125</v>
      </c>
      <c r="H10414" t="s">
        <v>121</v>
      </c>
      <c r="I10414" t="s">
        <v>15</v>
      </c>
      <c r="J10414" s="10">
        <v>39.65464927</v>
      </c>
    </row>
    <row r="10415" spans="1:10" x14ac:dyDescent="0.35">
      <c r="A10415" t="s">
        <v>62</v>
      </c>
      <c r="B10415" t="s">
        <v>66</v>
      </c>
      <c r="C10415" t="s">
        <v>117</v>
      </c>
      <c r="D10415" t="s">
        <v>118</v>
      </c>
      <c r="E10415">
        <v>2018</v>
      </c>
      <c r="F10415">
        <v>2018</v>
      </c>
      <c r="G10415" t="s">
        <v>125</v>
      </c>
      <c r="H10415" t="s">
        <v>122</v>
      </c>
      <c r="I10415" t="s">
        <v>15</v>
      </c>
      <c r="J10415" s="10">
        <v>18.100570990000001</v>
      </c>
    </row>
    <row r="10416" spans="1:10" x14ac:dyDescent="0.35">
      <c r="A10416" t="s">
        <v>62</v>
      </c>
      <c r="B10416" t="s">
        <v>66</v>
      </c>
      <c r="C10416" t="s">
        <v>117</v>
      </c>
      <c r="D10416" t="s">
        <v>118</v>
      </c>
      <c r="E10416">
        <v>2018</v>
      </c>
      <c r="F10416">
        <v>2018</v>
      </c>
      <c r="G10416" t="s">
        <v>125</v>
      </c>
      <c r="H10416" t="s">
        <v>123</v>
      </c>
      <c r="I10416" t="s">
        <v>15</v>
      </c>
      <c r="J10416" s="10">
        <v>11.81971147</v>
      </c>
    </row>
    <row r="10417" spans="1:10" x14ac:dyDescent="0.35">
      <c r="A10417" t="s">
        <v>62</v>
      </c>
      <c r="B10417" t="s">
        <v>66</v>
      </c>
      <c r="C10417" t="s">
        <v>117</v>
      </c>
      <c r="D10417" t="s">
        <v>118</v>
      </c>
      <c r="E10417">
        <v>2018</v>
      </c>
      <c r="F10417">
        <v>2018</v>
      </c>
      <c r="G10417" t="s">
        <v>125</v>
      </c>
      <c r="H10417" t="s">
        <v>124</v>
      </c>
      <c r="I10417" t="s">
        <v>15</v>
      </c>
      <c r="J10417" s="10">
        <v>1.205417483</v>
      </c>
    </row>
    <row r="10418" spans="1:10" x14ac:dyDescent="0.35">
      <c r="A10418" t="s">
        <v>62</v>
      </c>
      <c r="B10418" t="s">
        <v>66</v>
      </c>
      <c r="C10418" t="s">
        <v>117</v>
      </c>
      <c r="D10418" t="s">
        <v>118</v>
      </c>
      <c r="E10418">
        <v>2018</v>
      </c>
      <c r="F10418">
        <v>2018</v>
      </c>
      <c r="G10418" t="s">
        <v>126</v>
      </c>
      <c r="H10418" t="s">
        <v>119</v>
      </c>
      <c r="I10418" t="s">
        <v>15</v>
      </c>
      <c r="J10418" s="10">
        <v>16.00041804</v>
      </c>
    </row>
    <row r="10419" spans="1:10" x14ac:dyDescent="0.35">
      <c r="A10419" t="s">
        <v>62</v>
      </c>
      <c r="B10419" t="s">
        <v>66</v>
      </c>
      <c r="C10419" t="s">
        <v>117</v>
      </c>
      <c r="D10419" t="s">
        <v>118</v>
      </c>
      <c r="E10419">
        <v>2018</v>
      </c>
      <c r="F10419">
        <v>2018</v>
      </c>
      <c r="G10419" t="s">
        <v>126</v>
      </c>
      <c r="H10419" t="s">
        <v>120</v>
      </c>
      <c r="I10419" t="s">
        <v>15</v>
      </c>
      <c r="J10419" s="10">
        <v>10.066886139999999</v>
      </c>
    </row>
    <row r="10420" spans="1:10" x14ac:dyDescent="0.35">
      <c r="A10420" t="s">
        <v>62</v>
      </c>
      <c r="B10420" t="s">
        <v>66</v>
      </c>
      <c r="C10420" t="s">
        <v>117</v>
      </c>
      <c r="D10420" t="s">
        <v>118</v>
      </c>
      <c r="E10420">
        <v>2018</v>
      </c>
      <c r="F10420">
        <v>2018</v>
      </c>
      <c r="G10420" t="s">
        <v>126</v>
      </c>
      <c r="H10420" t="s">
        <v>121</v>
      </c>
      <c r="I10420" t="s">
        <v>15</v>
      </c>
      <c r="J10420" s="10">
        <v>37.874274960000001</v>
      </c>
    </row>
    <row r="10421" spans="1:10" x14ac:dyDescent="0.35">
      <c r="A10421" t="s">
        <v>62</v>
      </c>
      <c r="B10421" t="s">
        <v>66</v>
      </c>
      <c r="C10421" t="s">
        <v>117</v>
      </c>
      <c r="D10421" t="s">
        <v>118</v>
      </c>
      <c r="E10421">
        <v>2018</v>
      </c>
      <c r="F10421">
        <v>2018</v>
      </c>
      <c r="G10421" t="s">
        <v>126</v>
      </c>
      <c r="H10421" t="s">
        <v>122</v>
      </c>
      <c r="I10421" t="s">
        <v>15</v>
      </c>
      <c r="J10421" s="10">
        <v>19.603386109999999</v>
      </c>
    </row>
    <row r="10422" spans="1:10" x14ac:dyDescent="0.35">
      <c r="A10422" t="s">
        <v>62</v>
      </c>
      <c r="B10422" t="s">
        <v>66</v>
      </c>
      <c r="C10422" t="s">
        <v>117</v>
      </c>
      <c r="D10422" t="s">
        <v>118</v>
      </c>
      <c r="E10422">
        <v>2018</v>
      </c>
      <c r="F10422">
        <v>2018</v>
      </c>
      <c r="G10422" t="s">
        <v>126</v>
      </c>
      <c r="H10422" t="s">
        <v>123</v>
      </c>
      <c r="I10422" t="s">
        <v>15</v>
      </c>
      <c r="J10422" s="10">
        <v>14.09573078</v>
      </c>
    </row>
    <row r="10423" spans="1:10" x14ac:dyDescent="0.35">
      <c r="A10423" t="s">
        <v>62</v>
      </c>
      <c r="B10423" t="s">
        <v>66</v>
      </c>
      <c r="C10423" t="s">
        <v>117</v>
      </c>
      <c r="D10423" t="s">
        <v>118</v>
      </c>
      <c r="E10423">
        <v>2018</v>
      </c>
      <c r="F10423">
        <v>2018</v>
      </c>
      <c r="G10423" t="s">
        <v>126</v>
      </c>
      <c r="H10423" t="s">
        <v>124</v>
      </c>
      <c r="I10423" t="s">
        <v>15</v>
      </c>
      <c r="J10423" s="10">
        <v>2.3593039660000001</v>
      </c>
    </row>
    <row r="10424" spans="1:10" x14ac:dyDescent="0.35">
      <c r="A10424" t="s">
        <v>62</v>
      </c>
      <c r="B10424" t="s">
        <v>66</v>
      </c>
      <c r="C10424" t="s">
        <v>117</v>
      </c>
      <c r="D10424" t="s">
        <v>118</v>
      </c>
      <c r="E10424">
        <v>2017</v>
      </c>
      <c r="F10424">
        <v>2017</v>
      </c>
      <c r="G10424" t="s">
        <v>14</v>
      </c>
      <c r="H10424" t="s">
        <v>119</v>
      </c>
      <c r="I10424" t="s">
        <v>15</v>
      </c>
      <c r="J10424" s="10">
        <v>16.873813340000002</v>
      </c>
    </row>
    <row r="10425" spans="1:10" x14ac:dyDescent="0.35">
      <c r="A10425" t="s">
        <v>62</v>
      </c>
      <c r="B10425" t="s">
        <v>66</v>
      </c>
      <c r="C10425" t="s">
        <v>117</v>
      </c>
      <c r="D10425" t="s">
        <v>118</v>
      </c>
      <c r="E10425">
        <v>2017</v>
      </c>
      <c r="F10425">
        <v>2017</v>
      </c>
      <c r="G10425" t="s">
        <v>14</v>
      </c>
      <c r="H10425" t="s">
        <v>120</v>
      </c>
      <c r="I10425" t="s">
        <v>15</v>
      </c>
      <c r="J10425" s="10">
        <v>11.24920889</v>
      </c>
    </row>
    <row r="10426" spans="1:10" x14ac:dyDescent="0.35">
      <c r="A10426" t="s">
        <v>62</v>
      </c>
      <c r="B10426" t="s">
        <v>66</v>
      </c>
      <c r="C10426" t="s">
        <v>117</v>
      </c>
      <c r="D10426" t="s">
        <v>118</v>
      </c>
      <c r="E10426">
        <v>2017</v>
      </c>
      <c r="F10426">
        <v>2017</v>
      </c>
      <c r="G10426" t="s">
        <v>14</v>
      </c>
      <c r="H10426" t="s">
        <v>121</v>
      </c>
      <c r="I10426" t="s">
        <v>15</v>
      </c>
      <c r="J10426" s="10">
        <v>38.285552699999997</v>
      </c>
    </row>
    <row r="10427" spans="1:10" x14ac:dyDescent="0.35">
      <c r="A10427" t="s">
        <v>62</v>
      </c>
      <c r="B10427" t="s">
        <v>66</v>
      </c>
      <c r="C10427" t="s">
        <v>117</v>
      </c>
      <c r="D10427" t="s">
        <v>118</v>
      </c>
      <c r="E10427">
        <v>2017</v>
      </c>
      <c r="F10427">
        <v>2017</v>
      </c>
      <c r="G10427" t="s">
        <v>14</v>
      </c>
      <c r="H10427" t="s">
        <v>122</v>
      </c>
      <c r="I10427" t="s">
        <v>15</v>
      </c>
      <c r="J10427" s="10">
        <v>18.65397304</v>
      </c>
    </row>
    <row r="10428" spans="1:10" x14ac:dyDescent="0.35">
      <c r="A10428" t="s">
        <v>62</v>
      </c>
      <c r="B10428" t="s">
        <v>66</v>
      </c>
      <c r="C10428" t="s">
        <v>117</v>
      </c>
      <c r="D10428" t="s">
        <v>118</v>
      </c>
      <c r="E10428">
        <v>2017</v>
      </c>
      <c r="F10428">
        <v>2017</v>
      </c>
      <c r="G10428" t="s">
        <v>14</v>
      </c>
      <c r="H10428" t="s">
        <v>123</v>
      </c>
      <c r="I10428" t="s">
        <v>15</v>
      </c>
      <c r="J10428" s="10">
        <v>13.1465198</v>
      </c>
    </row>
    <row r="10429" spans="1:10" x14ac:dyDescent="0.35">
      <c r="A10429" t="s">
        <v>62</v>
      </c>
      <c r="B10429" t="s">
        <v>66</v>
      </c>
      <c r="C10429" t="s">
        <v>117</v>
      </c>
      <c r="D10429" t="s">
        <v>118</v>
      </c>
      <c r="E10429">
        <v>2017</v>
      </c>
      <c r="F10429">
        <v>2017</v>
      </c>
      <c r="G10429" t="s">
        <v>14</v>
      </c>
      <c r="H10429" t="s">
        <v>124</v>
      </c>
      <c r="I10429" t="s">
        <v>15</v>
      </c>
      <c r="J10429" s="10">
        <v>1.7909322270000001</v>
      </c>
    </row>
    <row r="10430" spans="1:10" x14ac:dyDescent="0.35">
      <c r="A10430" t="s">
        <v>62</v>
      </c>
      <c r="B10430" t="s">
        <v>66</v>
      </c>
      <c r="C10430" t="s">
        <v>117</v>
      </c>
      <c r="D10430" t="s">
        <v>118</v>
      </c>
      <c r="E10430">
        <v>2017</v>
      </c>
      <c r="F10430">
        <v>2017</v>
      </c>
      <c r="G10430" t="s">
        <v>125</v>
      </c>
      <c r="H10430" t="s">
        <v>119</v>
      </c>
      <c r="I10430" t="s">
        <v>15</v>
      </c>
      <c r="J10430" s="10">
        <v>17.82930631</v>
      </c>
    </row>
    <row r="10431" spans="1:10" x14ac:dyDescent="0.35">
      <c r="A10431" t="s">
        <v>62</v>
      </c>
      <c r="B10431" t="s">
        <v>66</v>
      </c>
      <c r="C10431" t="s">
        <v>117</v>
      </c>
      <c r="D10431" t="s">
        <v>118</v>
      </c>
      <c r="E10431">
        <v>2017</v>
      </c>
      <c r="F10431">
        <v>2017</v>
      </c>
      <c r="G10431" t="s">
        <v>125</v>
      </c>
      <c r="H10431" t="s">
        <v>120</v>
      </c>
      <c r="I10431" t="s">
        <v>15</v>
      </c>
      <c r="J10431" s="10">
        <v>11.766507069999999</v>
      </c>
    </row>
    <row r="10432" spans="1:10" x14ac:dyDescent="0.35">
      <c r="A10432" t="s">
        <v>62</v>
      </c>
      <c r="B10432" t="s">
        <v>66</v>
      </c>
      <c r="C10432" t="s">
        <v>117</v>
      </c>
      <c r="D10432" t="s">
        <v>118</v>
      </c>
      <c r="E10432">
        <v>2017</v>
      </c>
      <c r="F10432">
        <v>2017</v>
      </c>
      <c r="G10432" t="s">
        <v>125</v>
      </c>
      <c r="H10432" t="s">
        <v>121</v>
      </c>
      <c r="I10432" t="s">
        <v>15</v>
      </c>
      <c r="J10432" s="10">
        <v>39.188286380000001</v>
      </c>
    </row>
    <row r="10433" spans="1:10" x14ac:dyDescent="0.35">
      <c r="A10433" t="s">
        <v>62</v>
      </c>
      <c r="B10433" t="s">
        <v>66</v>
      </c>
      <c r="C10433" t="s">
        <v>117</v>
      </c>
      <c r="D10433" t="s">
        <v>118</v>
      </c>
      <c r="E10433">
        <v>2017</v>
      </c>
      <c r="F10433">
        <v>2017</v>
      </c>
      <c r="G10433" t="s">
        <v>125</v>
      </c>
      <c r="H10433" t="s">
        <v>122</v>
      </c>
      <c r="I10433" t="s">
        <v>15</v>
      </c>
      <c r="J10433" s="10">
        <v>18.060349630000001</v>
      </c>
    </row>
    <row r="10434" spans="1:10" x14ac:dyDescent="0.35">
      <c r="A10434" t="s">
        <v>62</v>
      </c>
      <c r="B10434" t="s">
        <v>66</v>
      </c>
      <c r="C10434" t="s">
        <v>117</v>
      </c>
      <c r="D10434" t="s">
        <v>118</v>
      </c>
      <c r="E10434">
        <v>2017</v>
      </c>
      <c r="F10434">
        <v>2017</v>
      </c>
      <c r="G10434" t="s">
        <v>125</v>
      </c>
      <c r="H10434" t="s">
        <v>123</v>
      </c>
      <c r="I10434" t="s">
        <v>15</v>
      </c>
      <c r="J10434" s="10">
        <v>11.953011910000001</v>
      </c>
    </row>
    <row r="10435" spans="1:10" x14ac:dyDescent="0.35">
      <c r="A10435" t="s">
        <v>62</v>
      </c>
      <c r="B10435" t="s">
        <v>66</v>
      </c>
      <c r="C10435" t="s">
        <v>117</v>
      </c>
      <c r="D10435" t="s">
        <v>118</v>
      </c>
      <c r="E10435">
        <v>2017</v>
      </c>
      <c r="F10435">
        <v>2017</v>
      </c>
      <c r="G10435" t="s">
        <v>125</v>
      </c>
      <c r="H10435" t="s">
        <v>124</v>
      </c>
      <c r="I10435" t="s">
        <v>15</v>
      </c>
      <c r="J10435" s="10">
        <v>1.2025386929999999</v>
      </c>
    </row>
    <row r="10436" spans="1:10" x14ac:dyDescent="0.35">
      <c r="A10436" t="s">
        <v>62</v>
      </c>
      <c r="B10436" t="s">
        <v>66</v>
      </c>
      <c r="C10436" t="s">
        <v>117</v>
      </c>
      <c r="D10436" t="s">
        <v>118</v>
      </c>
      <c r="E10436">
        <v>2017</v>
      </c>
      <c r="F10436">
        <v>2017</v>
      </c>
      <c r="G10436" t="s">
        <v>126</v>
      </c>
      <c r="H10436" t="s">
        <v>119</v>
      </c>
      <c r="I10436" t="s">
        <v>15</v>
      </c>
      <c r="J10436" s="10">
        <v>15.978507520000001</v>
      </c>
    </row>
    <row r="10437" spans="1:10" x14ac:dyDescent="0.35">
      <c r="A10437" t="s">
        <v>62</v>
      </c>
      <c r="B10437" t="s">
        <v>66</v>
      </c>
      <c r="C10437" t="s">
        <v>117</v>
      </c>
      <c r="D10437" t="s">
        <v>118</v>
      </c>
      <c r="E10437">
        <v>2017</v>
      </c>
      <c r="F10437">
        <v>2017</v>
      </c>
      <c r="G10437" t="s">
        <v>126</v>
      </c>
      <c r="H10437" t="s">
        <v>120</v>
      </c>
      <c r="I10437" t="s">
        <v>15</v>
      </c>
      <c r="J10437" s="10">
        <v>10.76449568</v>
      </c>
    </row>
    <row r="10438" spans="1:10" x14ac:dyDescent="0.35">
      <c r="A10438" t="s">
        <v>62</v>
      </c>
      <c r="B10438" t="s">
        <v>66</v>
      </c>
      <c r="C10438" t="s">
        <v>117</v>
      </c>
      <c r="D10438" t="s">
        <v>118</v>
      </c>
      <c r="E10438">
        <v>2017</v>
      </c>
      <c r="F10438">
        <v>2017</v>
      </c>
      <c r="G10438" t="s">
        <v>126</v>
      </c>
      <c r="H10438" t="s">
        <v>121</v>
      </c>
      <c r="I10438" t="s">
        <v>15</v>
      </c>
      <c r="J10438" s="10">
        <v>37.439682830000002</v>
      </c>
    </row>
    <row r="10439" spans="1:10" x14ac:dyDescent="0.35">
      <c r="A10439" t="s">
        <v>62</v>
      </c>
      <c r="B10439" t="s">
        <v>66</v>
      </c>
      <c r="C10439" t="s">
        <v>117</v>
      </c>
      <c r="D10439" t="s">
        <v>118</v>
      </c>
      <c r="E10439">
        <v>2017</v>
      </c>
      <c r="F10439">
        <v>2017</v>
      </c>
      <c r="G10439" t="s">
        <v>126</v>
      </c>
      <c r="H10439" t="s">
        <v>122</v>
      </c>
      <c r="I10439" t="s">
        <v>15</v>
      </c>
      <c r="J10439" s="10">
        <v>19.210203709999998</v>
      </c>
    </row>
    <row r="10440" spans="1:10" x14ac:dyDescent="0.35">
      <c r="A10440" t="s">
        <v>62</v>
      </c>
      <c r="B10440" t="s">
        <v>66</v>
      </c>
      <c r="C10440" t="s">
        <v>117</v>
      </c>
      <c r="D10440" t="s">
        <v>118</v>
      </c>
      <c r="E10440">
        <v>2017</v>
      </c>
      <c r="F10440">
        <v>2017</v>
      </c>
      <c r="G10440" t="s">
        <v>126</v>
      </c>
      <c r="H10440" t="s">
        <v>123</v>
      </c>
      <c r="I10440" t="s">
        <v>15</v>
      </c>
      <c r="J10440" s="10">
        <v>14.264847809999999</v>
      </c>
    </row>
    <row r="10441" spans="1:10" x14ac:dyDescent="0.35">
      <c r="A10441" t="s">
        <v>62</v>
      </c>
      <c r="B10441" t="s">
        <v>66</v>
      </c>
      <c r="C10441" t="s">
        <v>117</v>
      </c>
      <c r="D10441" t="s">
        <v>118</v>
      </c>
      <c r="E10441">
        <v>2017</v>
      </c>
      <c r="F10441">
        <v>2017</v>
      </c>
      <c r="G10441" t="s">
        <v>126</v>
      </c>
      <c r="H10441" t="s">
        <v>124</v>
      </c>
      <c r="I10441" t="s">
        <v>15</v>
      </c>
      <c r="J10441" s="10">
        <v>2.3422624480000001</v>
      </c>
    </row>
    <row r="10442" spans="1:10" x14ac:dyDescent="0.35">
      <c r="A10442" t="s">
        <v>62</v>
      </c>
      <c r="B10442" t="s">
        <v>66</v>
      </c>
      <c r="C10442" t="s">
        <v>117</v>
      </c>
      <c r="D10442" t="s">
        <v>118</v>
      </c>
      <c r="E10442">
        <v>2016</v>
      </c>
      <c r="F10442">
        <v>2016</v>
      </c>
      <c r="G10442" t="s">
        <v>14</v>
      </c>
      <c r="H10442" t="s">
        <v>119</v>
      </c>
      <c r="I10442" t="s">
        <v>15</v>
      </c>
      <c r="J10442" s="10">
        <v>16.91013663</v>
      </c>
    </row>
    <row r="10443" spans="1:10" x14ac:dyDescent="0.35">
      <c r="A10443" t="s">
        <v>62</v>
      </c>
      <c r="B10443" t="s">
        <v>66</v>
      </c>
      <c r="C10443" t="s">
        <v>117</v>
      </c>
      <c r="D10443" t="s">
        <v>118</v>
      </c>
      <c r="E10443">
        <v>2016</v>
      </c>
      <c r="F10443">
        <v>2016</v>
      </c>
      <c r="G10443" t="s">
        <v>14</v>
      </c>
      <c r="H10443" t="s">
        <v>120</v>
      </c>
      <c r="I10443" t="s">
        <v>15</v>
      </c>
      <c r="J10443" s="10">
        <v>11.8755738</v>
      </c>
    </row>
    <row r="10444" spans="1:10" x14ac:dyDescent="0.35">
      <c r="A10444" t="s">
        <v>62</v>
      </c>
      <c r="B10444" t="s">
        <v>66</v>
      </c>
      <c r="C10444" t="s">
        <v>117</v>
      </c>
      <c r="D10444" t="s">
        <v>118</v>
      </c>
      <c r="E10444">
        <v>2016</v>
      </c>
      <c r="F10444">
        <v>2016</v>
      </c>
      <c r="G10444" t="s">
        <v>14</v>
      </c>
      <c r="H10444" t="s">
        <v>121</v>
      </c>
      <c r="I10444" t="s">
        <v>15</v>
      </c>
      <c r="J10444" s="10">
        <v>37.653237570000002</v>
      </c>
    </row>
    <row r="10445" spans="1:10" x14ac:dyDescent="0.35">
      <c r="A10445" t="s">
        <v>62</v>
      </c>
      <c r="B10445" t="s">
        <v>66</v>
      </c>
      <c r="C10445" t="s">
        <v>117</v>
      </c>
      <c r="D10445" t="s">
        <v>118</v>
      </c>
      <c r="E10445">
        <v>2016</v>
      </c>
      <c r="F10445">
        <v>2016</v>
      </c>
      <c r="G10445" t="s">
        <v>14</v>
      </c>
      <c r="H10445" t="s">
        <v>122</v>
      </c>
      <c r="I10445" t="s">
        <v>15</v>
      </c>
      <c r="J10445" s="10">
        <v>18.40875952</v>
      </c>
    </row>
    <row r="10446" spans="1:10" x14ac:dyDescent="0.35">
      <c r="A10446" t="s">
        <v>62</v>
      </c>
      <c r="B10446" t="s">
        <v>66</v>
      </c>
      <c r="C10446" t="s">
        <v>117</v>
      </c>
      <c r="D10446" t="s">
        <v>118</v>
      </c>
      <c r="E10446">
        <v>2016</v>
      </c>
      <c r="F10446">
        <v>2016</v>
      </c>
      <c r="G10446" t="s">
        <v>14</v>
      </c>
      <c r="H10446" t="s">
        <v>123</v>
      </c>
      <c r="I10446" t="s">
        <v>15</v>
      </c>
      <c r="J10446" s="10">
        <v>13.387697790000001</v>
      </c>
    </row>
    <row r="10447" spans="1:10" x14ac:dyDescent="0.35">
      <c r="A10447" t="s">
        <v>62</v>
      </c>
      <c r="B10447" t="s">
        <v>66</v>
      </c>
      <c r="C10447" t="s">
        <v>117</v>
      </c>
      <c r="D10447" t="s">
        <v>118</v>
      </c>
      <c r="E10447">
        <v>2016</v>
      </c>
      <c r="F10447">
        <v>2016</v>
      </c>
      <c r="G10447" t="s">
        <v>14</v>
      </c>
      <c r="H10447" t="s">
        <v>124</v>
      </c>
      <c r="I10447" t="s">
        <v>15</v>
      </c>
      <c r="J10447" s="10">
        <v>1.7645946969999999</v>
      </c>
    </row>
    <row r="10448" spans="1:10" x14ac:dyDescent="0.35">
      <c r="A10448" t="s">
        <v>62</v>
      </c>
      <c r="B10448" t="s">
        <v>66</v>
      </c>
      <c r="C10448" t="s">
        <v>117</v>
      </c>
      <c r="D10448" t="s">
        <v>118</v>
      </c>
      <c r="E10448">
        <v>2016</v>
      </c>
      <c r="F10448">
        <v>2016</v>
      </c>
      <c r="G10448" t="s">
        <v>125</v>
      </c>
      <c r="H10448" t="s">
        <v>119</v>
      </c>
      <c r="I10448" t="s">
        <v>15</v>
      </c>
      <c r="J10448" s="10">
        <v>17.951384010000002</v>
      </c>
    </row>
    <row r="10449" spans="1:10" x14ac:dyDescent="0.35">
      <c r="A10449" t="s">
        <v>62</v>
      </c>
      <c r="B10449" t="s">
        <v>66</v>
      </c>
      <c r="C10449" t="s">
        <v>117</v>
      </c>
      <c r="D10449" t="s">
        <v>118</v>
      </c>
      <c r="E10449">
        <v>2016</v>
      </c>
      <c r="F10449">
        <v>2016</v>
      </c>
      <c r="G10449" t="s">
        <v>125</v>
      </c>
      <c r="H10449" t="s">
        <v>120</v>
      </c>
      <c r="I10449" t="s">
        <v>15</v>
      </c>
      <c r="J10449" s="10">
        <v>12.398482509999999</v>
      </c>
    </row>
    <row r="10450" spans="1:10" x14ac:dyDescent="0.35">
      <c r="A10450" t="s">
        <v>62</v>
      </c>
      <c r="B10450" t="s">
        <v>66</v>
      </c>
      <c r="C10450" t="s">
        <v>117</v>
      </c>
      <c r="D10450" t="s">
        <v>118</v>
      </c>
      <c r="E10450">
        <v>2016</v>
      </c>
      <c r="F10450">
        <v>2016</v>
      </c>
      <c r="G10450" t="s">
        <v>125</v>
      </c>
      <c r="H10450" t="s">
        <v>121</v>
      </c>
      <c r="I10450" t="s">
        <v>15</v>
      </c>
      <c r="J10450" s="10">
        <v>38.285794580000001</v>
      </c>
    </row>
    <row r="10451" spans="1:10" x14ac:dyDescent="0.35">
      <c r="A10451" t="s">
        <v>62</v>
      </c>
      <c r="B10451" t="s">
        <v>66</v>
      </c>
      <c r="C10451" t="s">
        <v>117</v>
      </c>
      <c r="D10451" t="s">
        <v>118</v>
      </c>
      <c r="E10451">
        <v>2016</v>
      </c>
      <c r="F10451">
        <v>2016</v>
      </c>
      <c r="G10451" t="s">
        <v>125</v>
      </c>
      <c r="H10451" t="s">
        <v>122</v>
      </c>
      <c r="I10451" t="s">
        <v>15</v>
      </c>
      <c r="J10451" s="10">
        <v>18.024448499999998</v>
      </c>
    </row>
    <row r="10452" spans="1:10" x14ac:dyDescent="0.35">
      <c r="A10452" t="s">
        <v>62</v>
      </c>
      <c r="B10452" t="s">
        <v>66</v>
      </c>
      <c r="C10452" t="s">
        <v>117</v>
      </c>
      <c r="D10452" t="s">
        <v>118</v>
      </c>
      <c r="E10452">
        <v>2016</v>
      </c>
      <c r="F10452">
        <v>2016</v>
      </c>
      <c r="G10452" t="s">
        <v>125</v>
      </c>
      <c r="H10452" t="s">
        <v>123</v>
      </c>
      <c r="I10452" t="s">
        <v>15</v>
      </c>
      <c r="J10452" s="10">
        <v>12.196150060000001</v>
      </c>
    </row>
    <row r="10453" spans="1:10" x14ac:dyDescent="0.35">
      <c r="A10453" t="s">
        <v>62</v>
      </c>
      <c r="B10453" t="s">
        <v>66</v>
      </c>
      <c r="C10453" t="s">
        <v>117</v>
      </c>
      <c r="D10453" t="s">
        <v>118</v>
      </c>
      <c r="E10453">
        <v>2016</v>
      </c>
      <c r="F10453">
        <v>2016</v>
      </c>
      <c r="G10453" t="s">
        <v>125</v>
      </c>
      <c r="H10453" t="s">
        <v>124</v>
      </c>
      <c r="I10453" t="s">
        <v>15</v>
      </c>
      <c r="J10453" s="10">
        <v>1.1437403399999999</v>
      </c>
    </row>
    <row r="10454" spans="1:10" x14ac:dyDescent="0.35">
      <c r="A10454" t="s">
        <v>62</v>
      </c>
      <c r="B10454" t="s">
        <v>66</v>
      </c>
      <c r="C10454" t="s">
        <v>117</v>
      </c>
      <c r="D10454" t="s">
        <v>118</v>
      </c>
      <c r="E10454">
        <v>2016</v>
      </c>
      <c r="F10454">
        <v>2016</v>
      </c>
      <c r="G10454" t="s">
        <v>126</v>
      </c>
      <c r="H10454" t="s">
        <v>119</v>
      </c>
      <c r="I10454" t="s">
        <v>15</v>
      </c>
      <c r="J10454" s="10">
        <v>15.94730141</v>
      </c>
    </row>
    <row r="10455" spans="1:10" x14ac:dyDescent="0.35">
      <c r="A10455" t="s">
        <v>62</v>
      </c>
      <c r="B10455" t="s">
        <v>66</v>
      </c>
      <c r="C10455" t="s">
        <v>117</v>
      </c>
      <c r="D10455" t="s">
        <v>118</v>
      </c>
      <c r="E10455">
        <v>2016</v>
      </c>
      <c r="F10455">
        <v>2016</v>
      </c>
      <c r="G10455" t="s">
        <v>126</v>
      </c>
      <c r="H10455" t="s">
        <v>120</v>
      </c>
      <c r="I10455" t="s">
        <v>15</v>
      </c>
      <c r="J10455" s="10">
        <v>11.39204324</v>
      </c>
    </row>
    <row r="10456" spans="1:10" x14ac:dyDescent="0.35">
      <c r="A10456" t="s">
        <v>62</v>
      </c>
      <c r="B10456" t="s">
        <v>66</v>
      </c>
      <c r="C10456" t="s">
        <v>117</v>
      </c>
      <c r="D10456" t="s">
        <v>118</v>
      </c>
      <c r="E10456">
        <v>2016</v>
      </c>
      <c r="F10456">
        <v>2016</v>
      </c>
      <c r="G10456" t="s">
        <v>126</v>
      </c>
      <c r="H10456" t="s">
        <v>121</v>
      </c>
      <c r="I10456" t="s">
        <v>15</v>
      </c>
      <c r="J10456" s="10">
        <v>37.06831588</v>
      </c>
    </row>
    <row r="10457" spans="1:10" x14ac:dyDescent="0.35">
      <c r="A10457" t="s">
        <v>62</v>
      </c>
      <c r="B10457" t="s">
        <v>66</v>
      </c>
      <c r="C10457" t="s">
        <v>117</v>
      </c>
      <c r="D10457" t="s">
        <v>118</v>
      </c>
      <c r="E10457">
        <v>2016</v>
      </c>
      <c r="F10457">
        <v>2016</v>
      </c>
      <c r="G10457" t="s">
        <v>126</v>
      </c>
      <c r="H10457" t="s">
        <v>122</v>
      </c>
      <c r="I10457" t="s">
        <v>15</v>
      </c>
      <c r="J10457" s="10">
        <v>18.764129619999999</v>
      </c>
    </row>
    <row r="10458" spans="1:10" x14ac:dyDescent="0.35">
      <c r="A10458" t="s">
        <v>62</v>
      </c>
      <c r="B10458" t="s">
        <v>66</v>
      </c>
      <c r="C10458" t="s">
        <v>117</v>
      </c>
      <c r="D10458" t="s">
        <v>118</v>
      </c>
      <c r="E10458">
        <v>2016</v>
      </c>
      <c r="F10458">
        <v>2016</v>
      </c>
      <c r="G10458" t="s">
        <v>126</v>
      </c>
      <c r="H10458" t="s">
        <v>123</v>
      </c>
      <c r="I10458" t="s">
        <v>15</v>
      </c>
      <c r="J10458" s="10">
        <v>14.489514850000001</v>
      </c>
    </row>
    <row r="10459" spans="1:10" x14ac:dyDescent="0.35">
      <c r="A10459" t="s">
        <v>62</v>
      </c>
      <c r="B10459" t="s">
        <v>66</v>
      </c>
      <c r="C10459" t="s">
        <v>117</v>
      </c>
      <c r="D10459" t="s">
        <v>118</v>
      </c>
      <c r="E10459">
        <v>2016</v>
      </c>
      <c r="F10459">
        <v>2016</v>
      </c>
      <c r="G10459" t="s">
        <v>126</v>
      </c>
      <c r="H10459" t="s">
        <v>124</v>
      </c>
      <c r="I10459" t="s">
        <v>15</v>
      </c>
      <c r="J10459" s="10">
        <v>2.3386950080000002</v>
      </c>
    </row>
    <row r="10460" spans="1:10" x14ac:dyDescent="0.35">
      <c r="A10460" t="s">
        <v>62</v>
      </c>
      <c r="B10460" t="s">
        <v>66</v>
      </c>
      <c r="C10460" t="s">
        <v>117</v>
      </c>
      <c r="D10460" t="s">
        <v>118</v>
      </c>
      <c r="E10460">
        <v>2015</v>
      </c>
      <c r="F10460">
        <v>2015</v>
      </c>
      <c r="G10460" t="s">
        <v>14</v>
      </c>
      <c r="H10460" t="s">
        <v>119</v>
      </c>
      <c r="I10460" t="s">
        <v>15</v>
      </c>
      <c r="J10460" s="10">
        <v>17.132243890000002</v>
      </c>
    </row>
    <row r="10461" spans="1:10" x14ac:dyDescent="0.35">
      <c r="A10461" t="s">
        <v>62</v>
      </c>
      <c r="B10461" t="s">
        <v>66</v>
      </c>
      <c r="C10461" t="s">
        <v>117</v>
      </c>
      <c r="D10461" t="s">
        <v>118</v>
      </c>
      <c r="E10461">
        <v>2015</v>
      </c>
      <c r="F10461">
        <v>2015</v>
      </c>
      <c r="G10461" t="s">
        <v>14</v>
      </c>
      <c r="H10461" t="s">
        <v>120</v>
      </c>
      <c r="I10461" t="s">
        <v>15</v>
      </c>
      <c r="J10461" s="10">
        <v>12.135849670000001</v>
      </c>
    </row>
    <row r="10462" spans="1:10" x14ac:dyDescent="0.35">
      <c r="A10462" t="s">
        <v>62</v>
      </c>
      <c r="B10462" t="s">
        <v>66</v>
      </c>
      <c r="C10462" t="s">
        <v>117</v>
      </c>
      <c r="D10462" t="s">
        <v>118</v>
      </c>
      <c r="E10462">
        <v>2015</v>
      </c>
      <c r="F10462">
        <v>2015</v>
      </c>
      <c r="G10462" t="s">
        <v>14</v>
      </c>
      <c r="H10462" t="s">
        <v>121</v>
      </c>
      <c r="I10462" t="s">
        <v>15</v>
      </c>
      <c r="J10462" s="10">
        <v>37.125984789999997</v>
      </c>
    </row>
    <row r="10463" spans="1:10" x14ac:dyDescent="0.35">
      <c r="A10463" t="s">
        <v>62</v>
      </c>
      <c r="B10463" t="s">
        <v>66</v>
      </c>
      <c r="C10463" t="s">
        <v>117</v>
      </c>
      <c r="D10463" t="s">
        <v>118</v>
      </c>
      <c r="E10463">
        <v>2015</v>
      </c>
      <c r="F10463">
        <v>2015</v>
      </c>
      <c r="G10463" t="s">
        <v>14</v>
      </c>
      <c r="H10463" t="s">
        <v>122</v>
      </c>
      <c r="I10463" t="s">
        <v>15</v>
      </c>
      <c r="J10463" s="10">
        <v>18.200372819999998</v>
      </c>
    </row>
    <row r="10464" spans="1:10" x14ac:dyDescent="0.35">
      <c r="A10464" t="s">
        <v>62</v>
      </c>
      <c r="B10464" t="s">
        <v>66</v>
      </c>
      <c r="C10464" t="s">
        <v>117</v>
      </c>
      <c r="D10464" t="s">
        <v>118</v>
      </c>
      <c r="E10464">
        <v>2015</v>
      </c>
      <c r="F10464">
        <v>2015</v>
      </c>
      <c r="G10464" t="s">
        <v>14</v>
      </c>
      <c r="H10464" t="s">
        <v>123</v>
      </c>
      <c r="I10464" t="s">
        <v>15</v>
      </c>
      <c r="J10464" s="10">
        <v>13.584967280000001</v>
      </c>
    </row>
    <row r="10465" spans="1:10" x14ac:dyDescent="0.35">
      <c r="A10465" t="s">
        <v>62</v>
      </c>
      <c r="B10465" t="s">
        <v>66</v>
      </c>
      <c r="C10465" t="s">
        <v>117</v>
      </c>
      <c r="D10465" t="s">
        <v>118</v>
      </c>
      <c r="E10465">
        <v>2015</v>
      </c>
      <c r="F10465">
        <v>2015</v>
      </c>
      <c r="G10465" t="s">
        <v>14</v>
      </c>
      <c r="H10465" t="s">
        <v>124</v>
      </c>
      <c r="I10465" t="s">
        <v>15</v>
      </c>
      <c r="J10465" s="10">
        <v>1.8205815519999999</v>
      </c>
    </row>
    <row r="10466" spans="1:10" x14ac:dyDescent="0.35">
      <c r="A10466" t="s">
        <v>62</v>
      </c>
      <c r="B10466" t="s">
        <v>66</v>
      </c>
      <c r="C10466" t="s">
        <v>117</v>
      </c>
      <c r="D10466" t="s">
        <v>118</v>
      </c>
      <c r="E10466">
        <v>2015</v>
      </c>
      <c r="F10466">
        <v>2015</v>
      </c>
      <c r="G10466" t="s">
        <v>125</v>
      </c>
      <c r="H10466" t="s">
        <v>119</v>
      </c>
      <c r="I10466" t="s">
        <v>15</v>
      </c>
      <c r="J10466" s="10">
        <v>18.314924220000002</v>
      </c>
    </row>
    <row r="10467" spans="1:10" x14ac:dyDescent="0.35">
      <c r="A10467" t="s">
        <v>62</v>
      </c>
      <c r="B10467" t="s">
        <v>66</v>
      </c>
      <c r="C10467" t="s">
        <v>117</v>
      </c>
      <c r="D10467" t="s">
        <v>118</v>
      </c>
      <c r="E10467">
        <v>2015</v>
      </c>
      <c r="F10467">
        <v>2015</v>
      </c>
      <c r="G10467" t="s">
        <v>125</v>
      </c>
      <c r="H10467" t="s">
        <v>120</v>
      </c>
      <c r="I10467" t="s">
        <v>15</v>
      </c>
      <c r="J10467" s="10">
        <v>12.495362050000001</v>
      </c>
    </row>
    <row r="10468" spans="1:10" x14ac:dyDescent="0.35">
      <c r="A10468" t="s">
        <v>62</v>
      </c>
      <c r="B10468" t="s">
        <v>66</v>
      </c>
      <c r="C10468" t="s">
        <v>117</v>
      </c>
      <c r="D10468" t="s">
        <v>118</v>
      </c>
      <c r="E10468">
        <v>2015</v>
      </c>
      <c r="F10468">
        <v>2015</v>
      </c>
      <c r="G10468" t="s">
        <v>125</v>
      </c>
      <c r="H10468" t="s">
        <v>121</v>
      </c>
      <c r="I10468" t="s">
        <v>15</v>
      </c>
      <c r="J10468" s="10">
        <v>37.52889802</v>
      </c>
    </row>
    <row r="10469" spans="1:10" x14ac:dyDescent="0.35">
      <c r="A10469" t="s">
        <v>62</v>
      </c>
      <c r="B10469" t="s">
        <v>66</v>
      </c>
      <c r="C10469" t="s">
        <v>117</v>
      </c>
      <c r="D10469" t="s">
        <v>118</v>
      </c>
      <c r="E10469">
        <v>2015</v>
      </c>
      <c r="F10469">
        <v>2015</v>
      </c>
      <c r="G10469" t="s">
        <v>125</v>
      </c>
      <c r="H10469" t="s">
        <v>122</v>
      </c>
      <c r="I10469" t="s">
        <v>15</v>
      </c>
      <c r="J10469" s="10">
        <v>18.106573050000002</v>
      </c>
    </row>
    <row r="10470" spans="1:10" x14ac:dyDescent="0.35">
      <c r="A10470" t="s">
        <v>62</v>
      </c>
      <c r="B10470" t="s">
        <v>66</v>
      </c>
      <c r="C10470" t="s">
        <v>117</v>
      </c>
      <c r="D10470" t="s">
        <v>118</v>
      </c>
      <c r="E10470">
        <v>2015</v>
      </c>
      <c r="F10470">
        <v>2015</v>
      </c>
      <c r="G10470" t="s">
        <v>125</v>
      </c>
      <c r="H10470" t="s">
        <v>123</v>
      </c>
      <c r="I10470" t="s">
        <v>15</v>
      </c>
      <c r="J10470" s="10">
        <v>12.37548877</v>
      </c>
    </row>
    <row r="10471" spans="1:10" x14ac:dyDescent="0.35">
      <c r="A10471" t="s">
        <v>62</v>
      </c>
      <c r="B10471" t="s">
        <v>66</v>
      </c>
      <c r="C10471" t="s">
        <v>117</v>
      </c>
      <c r="D10471" t="s">
        <v>118</v>
      </c>
      <c r="E10471">
        <v>2015</v>
      </c>
      <c r="F10471">
        <v>2015</v>
      </c>
      <c r="G10471" t="s">
        <v>125</v>
      </c>
      <c r="H10471" t="s">
        <v>124</v>
      </c>
      <c r="I10471" t="s">
        <v>15</v>
      </c>
      <c r="J10471" s="10">
        <v>1.178753889</v>
      </c>
    </row>
    <row r="10472" spans="1:10" x14ac:dyDescent="0.35">
      <c r="A10472" t="s">
        <v>62</v>
      </c>
      <c r="B10472" t="s">
        <v>66</v>
      </c>
      <c r="C10472" t="s">
        <v>117</v>
      </c>
      <c r="D10472" t="s">
        <v>118</v>
      </c>
      <c r="E10472">
        <v>2015</v>
      </c>
      <c r="F10472">
        <v>2015</v>
      </c>
      <c r="G10472" t="s">
        <v>126</v>
      </c>
      <c r="H10472" t="s">
        <v>119</v>
      </c>
      <c r="I10472" t="s">
        <v>15</v>
      </c>
      <c r="J10472" s="10">
        <v>16.054711879999999</v>
      </c>
    </row>
    <row r="10473" spans="1:10" x14ac:dyDescent="0.35">
      <c r="A10473" t="s">
        <v>62</v>
      </c>
      <c r="B10473" t="s">
        <v>66</v>
      </c>
      <c r="C10473" t="s">
        <v>117</v>
      </c>
      <c r="D10473" t="s">
        <v>118</v>
      </c>
      <c r="E10473">
        <v>2015</v>
      </c>
      <c r="F10473">
        <v>2015</v>
      </c>
      <c r="G10473" t="s">
        <v>126</v>
      </c>
      <c r="H10473" t="s">
        <v>120</v>
      </c>
      <c r="I10473" t="s">
        <v>15</v>
      </c>
      <c r="J10473" s="10">
        <v>11.8083004</v>
      </c>
    </row>
    <row r="10474" spans="1:10" x14ac:dyDescent="0.35">
      <c r="A10474" t="s">
        <v>62</v>
      </c>
      <c r="B10474" t="s">
        <v>66</v>
      </c>
      <c r="C10474" t="s">
        <v>117</v>
      </c>
      <c r="D10474" t="s">
        <v>118</v>
      </c>
      <c r="E10474">
        <v>2015</v>
      </c>
      <c r="F10474">
        <v>2015</v>
      </c>
      <c r="G10474" t="s">
        <v>126</v>
      </c>
      <c r="H10474" t="s">
        <v>121</v>
      </c>
      <c r="I10474" t="s">
        <v>15</v>
      </c>
      <c r="J10474" s="10">
        <v>36.758893280000002</v>
      </c>
    </row>
    <row r="10475" spans="1:10" x14ac:dyDescent="0.35">
      <c r="A10475" t="s">
        <v>62</v>
      </c>
      <c r="B10475" t="s">
        <v>66</v>
      </c>
      <c r="C10475" t="s">
        <v>117</v>
      </c>
      <c r="D10475" t="s">
        <v>118</v>
      </c>
      <c r="E10475">
        <v>2015</v>
      </c>
      <c r="F10475">
        <v>2015</v>
      </c>
      <c r="G10475" t="s">
        <v>126</v>
      </c>
      <c r="H10475" t="s">
        <v>122</v>
      </c>
      <c r="I10475" t="s">
        <v>15</v>
      </c>
      <c r="J10475" s="10">
        <v>18.285833159999999</v>
      </c>
    </row>
    <row r="10476" spans="1:10" x14ac:dyDescent="0.35">
      <c r="A10476" t="s">
        <v>62</v>
      </c>
      <c r="B10476" t="s">
        <v>66</v>
      </c>
      <c r="C10476" t="s">
        <v>117</v>
      </c>
      <c r="D10476" t="s">
        <v>118</v>
      </c>
      <c r="E10476">
        <v>2015</v>
      </c>
      <c r="F10476">
        <v>2015</v>
      </c>
      <c r="G10476" t="s">
        <v>126</v>
      </c>
      <c r="H10476" t="s">
        <v>123</v>
      </c>
      <c r="I10476" t="s">
        <v>15</v>
      </c>
      <c r="J10476" s="10">
        <v>14.68691492</v>
      </c>
    </row>
    <row r="10477" spans="1:10" x14ac:dyDescent="0.35">
      <c r="A10477" t="s">
        <v>62</v>
      </c>
      <c r="B10477" t="s">
        <v>66</v>
      </c>
      <c r="C10477" t="s">
        <v>117</v>
      </c>
      <c r="D10477" t="s">
        <v>118</v>
      </c>
      <c r="E10477">
        <v>2015</v>
      </c>
      <c r="F10477">
        <v>2015</v>
      </c>
      <c r="G10477" t="s">
        <v>126</v>
      </c>
      <c r="H10477" t="s">
        <v>124</v>
      </c>
      <c r="I10477" t="s">
        <v>15</v>
      </c>
      <c r="J10477" s="10">
        <v>2.4053463700000002</v>
      </c>
    </row>
    <row r="10478" spans="1:10" x14ac:dyDescent="0.35">
      <c r="A10478" t="s">
        <v>62</v>
      </c>
      <c r="B10478" t="s">
        <v>66</v>
      </c>
      <c r="C10478" t="s">
        <v>117</v>
      </c>
      <c r="D10478" t="s">
        <v>118</v>
      </c>
      <c r="E10478">
        <v>2014</v>
      </c>
      <c r="F10478">
        <v>2014</v>
      </c>
      <c r="G10478" t="s">
        <v>14</v>
      </c>
      <c r="H10478" t="s">
        <v>119</v>
      </c>
      <c r="I10478" t="s">
        <v>15</v>
      </c>
      <c r="J10478" s="10">
        <v>17.397200819999998</v>
      </c>
    </row>
    <row r="10479" spans="1:10" x14ac:dyDescent="0.35">
      <c r="A10479" t="s">
        <v>62</v>
      </c>
      <c r="B10479" t="s">
        <v>66</v>
      </c>
      <c r="C10479" t="s">
        <v>117</v>
      </c>
      <c r="D10479" t="s">
        <v>118</v>
      </c>
      <c r="E10479">
        <v>2014</v>
      </c>
      <c r="F10479">
        <v>2014</v>
      </c>
      <c r="G10479" t="s">
        <v>14</v>
      </c>
      <c r="H10479" t="s">
        <v>120</v>
      </c>
      <c r="I10479" t="s">
        <v>15</v>
      </c>
      <c r="J10479" s="10">
        <v>12.387436259999999</v>
      </c>
    </row>
    <row r="10480" spans="1:10" x14ac:dyDescent="0.35">
      <c r="A10480" t="s">
        <v>62</v>
      </c>
      <c r="B10480" t="s">
        <v>66</v>
      </c>
      <c r="C10480" t="s">
        <v>117</v>
      </c>
      <c r="D10480" t="s">
        <v>118</v>
      </c>
      <c r="E10480">
        <v>2014</v>
      </c>
      <c r="F10480">
        <v>2014</v>
      </c>
      <c r="G10480" t="s">
        <v>14</v>
      </c>
      <c r="H10480" t="s">
        <v>121</v>
      </c>
      <c r="I10480" t="s">
        <v>15</v>
      </c>
      <c r="J10480" s="10">
        <v>37.11484214</v>
      </c>
    </row>
    <row r="10481" spans="1:10" x14ac:dyDescent="0.35">
      <c r="A10481" t="s">
        <v>62</v>
      </c>
      <c r="B10481" t="s">
        <v>66</v>
      </c>
      <c r="C10481" t="s">
        <v>117</v>
      </c>
      <c r="D10481" t="s">
        <v>118</v>
      </c>
      <c r="E10481">
        <v>2014</v>
      </c>
      <c r="F10481">
        <v>2014</v>
      </c>
      <c r="G10481" t="s">
        <v>14</v>
      </c>
      <c r="H10481" t="s">
        <v>122</v>
      </c>
      <c r="I10481" t="s">
        <v>15</v>
      </c>
      <c r="J10481" s="10">
        <v>17.729467289999999</v>
      </c>
    </row>
    <row r="10482" spans="1:10" x14ac:dyDescent="0.35">
      <c r="A10482" t="s">
        <v>62</v>
      </c>
      <c r="B10482" t="s">
        <v>66</v>
      </c>
      <c r="C10482" t="s">
        <v>117</v>
      </c>
      <c r="D10482" t="s">
        <v>118</v>
      </c>
      <c r="E10482">
        <v>2014</v>
      </c>
      <c r="F10482">
        <v>2014</v>
      </c>
      <c r="G10482" t="s">
        <v>14</v>
      </c>
      <c r="H10482" t="s">
        <v>123</v>
      </c>
      <c r="I10482" t="s">
        <v>15</v>
      </c>
      <c r="J10482" s="10">
        <v>13.54019746</v>
      </c>
    </row>
    <row r="10483" spans="1:10" x14ac:dyDescent="0.35">
      <c r="A10483" t="s">
        <v>62</v>
      </c>
      <c r="B10483" t="s">
        <v>66</v>
      </c>
      <c r="C10483" t="s">
        <v>117</v>
      </c>
      <c r="D10483" t="s">
        <v>118</v>
      </c>
      <c r="E10483">
        <v>2014</v>
      </c>
      <c r="F10483">
        <v>2014</v>
      </c>
      <c r="G10483" t="s">
        <v>14</v>
      </c>
      <c r="H10483" t="s">
        <v>124</v>
      </c>
      <c r="I10483" t="s">
        <v>15</v>
      </c>
      <c r="J10483" s="10">
        <v>1.8308560270000001</v>
      </c>
    </row>
    <row r="10484" spans="1:10" x14ac:dyDescent="0.35">
      <c r="A10484" t="s">
        <v>62</v>
      </c>
      <c r="B10484" t="s">
        <v>66</v>
      </c>
      <c r="C10484" t="s">
        <v>117</v>
      </c>
      <c r="D10484" t="s">
        <v>118</v>
      </c>
      <c r="E10484">
        <v>2014</v>
      </c>
      <c r="F10484">
        <v>2014</v>
      </c>
      <c r="G10484" t="s">
        <v>125</v>
      </c>
      <c r="H10484" t="s">
        <v>119</v>
      </c>
      <c r="I10484" t="s">
        <v>15</v>
      </c>
      <c r="J10484" s="10">
        <v>18.638740460000001</v>
      </c>
    </row>
    <row r="10485" spans="1:10" x14ac:dyDescent="0.35">
      <c r="A10485" t="s">
        <v>62</v>
      </c>
      <c r="B10485" t="s">
        <v>66</v>
      </c>
      <c r="C10485" t="s">
        <v>117</v>
      </c>
      <c r="D10485" t="s">
        <v>118</v>
      </c>
      <c r="E10485">
        <v>2014</v>
      </c>
      <c r="F10485">
        <v>2014</v>
      </c>
      <c r="G10485" t="s">
        <v>125</v>
      </c>
      <c r="H10485" t="s">
        <v>120</v>
      </c>
      <c r="I10485" t="s">
        <v>15</v>
      </c>
      <c r="J10485" s="10">
        <v>12.86110238</v>
      </c>
    </row>
    <row r="10486" spans="1:10" x14ac:dyDescent="0.35">
      <c r="A10486" t="s">
        <v>62</v>
      </c>
      <c r="B10486" t="s">
        <v>66</v>
      </c>
      <c r="C10486" t="s">
        <v>117</v>
      </c>
      <c r="D10486" t="s">
        <v>118</v>
      </c>
      <c r="E10486">
        <v>2014</v>
      </c>
      <c r="F10486">
        <v>2014</v>
      </c>
      <c r="G10486" t="s">
        <v>125</v>
      </c>
      <c r="H10486" t="s">
        <v>121</v>
      </c>
      <c r="I10486" t="s">
        <v>15</v>
      </c>
      <c r="J10486" s="10">
        <v>37.180329739999998</v>
      </c>
    </row>
    <row r="10487" spans="1:10" x14ac:dyDescent="0.35">
      <c r="A10487" t="s">
        <v>62</v>
      </c>
      <c r="B10487" t="s">
        <v>66</v>
      </c>
      <c r="C10487" t="s">
        <v>117</v>
      </c>
      <c r="D10487" t="s">
        <v>118</v>
      </c>
      <c r="E10487">
        <v>2014</v>
      </c>
      <c r="F10487">
        <v>2014</v>
      </c>
      <c r="G10487" t="s">
        <v>125</v>
      </c>
      <c r="H10487" t="s">
        <v>122</v>
      </c>
      <c r="I10487" t="s">
        <v>15</v>
      </c>
      <c r="J10487" s="10">
        <v>17.844386660000001</v>
      </c>
    </row>
    <row r="10488" spans="1:10" x14ac:dyDescent="0.35">
      <c r="A10488" t="s">
        <v>62</v>
      </c>
      <c r="B10488" t="s">
        <v>66</v>
      </c>
      <c r="C10488" t="s">
        <v>117</v>
      </c>
      <c r="D10488" t="s">
        <v>118</v>
      </c>
      <c r="E10488">
        <v>2014</v>
      </c>
      <c r="F10488">
        <v>2014</v>
      </c>
      <c r="G10488" t="s">
        <v>125</v>
      </c>
      <c r="H10488" t="s">
        <v>123</v>
      </c>
      <c r="I10488" t="s">
        <v>15</v>
      </c>
      <c r="J10488" s="10">
        <v>12.312483930000001</v>
      </c>
    </row>
    <row r="10489" spans="1:10" x14ac:dyDescent="0.35">
      <c r="A10489" t="s">
        <v>62</v>
      </c>
      <c r="B10489" t="s">
        <v>66</v>
      </c>
      <c r="C10489" t="s">
        <v>117</v>
      </c>
      <c r="D10489" t="s">
        <v>118</v>
      </c>
      <c r="E10489">
        <v>2014</v>
      </c>
      <c r="F10489">
        <v>2014</v>
      </c>
      <c r="G10489" t="s">
        <v>125</v>
      </c>
      <c r="H10489" t="s">
        <v>124</v>
      </c>
      <c r="I10489" t="s">
        <v>15</v>
      </c>
      <c r="J10489" s="10">
        <v>1.162956825</v>
      </c>
    </row>
    <row r="10490" spans="1:10" x14ac:dyDescent="0.35">
      <c r="A10490" t="s">
        <v>62</v>
      </c>
      <c r="B10490" t="s">
        <v>66</v>
      </c>
      <c r="C10490" t="s">
        <v>117</v>
      </c>
      <c r="D10490" t="s">
        <v>118</v>
      </c>
      <c r="E10490">
        <v>2014</v>
      </c>
      <c r="F10490">
        <v>2014</v>
      </c>
      <c r="G10490" t="s">
        <v>126</v>
      </c>
      <c r="H10490" t="s">
        <v>119</v>
      </c>
      <c r="I10490" t="s">
        <v>15</v>
      </c>
      <c r="J10490" s="10">
        <v>16.275587909999999</v>
      </c>
    </row>
    <row r="10491" spans="1:10" x14ac:dyDescent="0.35">
      <c r="A10491" t="s">
        <v>62</v>
      </c>
      <c r="B10491" t="s">
        <v>66</v>
      </c>
      <c r="C10491" t="s">
        <v>117</v>
      </c>
      <c r="D10491" t="s">
        <v>118</v>
      </c>
      <c r="E10491">
        <v>2014</v>
      </c>
      <c r="F10491">
        <v>2014</v>
      </c>
      <c r="G10491" t="s">
        <v>126</v>
      </c>
      <c r="H10491" t="s">
        <v>120</v>
      </c>
      <c r="I10491" t="s">
        <v>15</v>
      </c>
      <c r="J10491" s="10">
        <v>11.959523989999999</v>
      </c>
    </row>
    <row r="10492" spans="1:10" x14ac:dyDescent="0.35">
      <c r="A10492" t="s">
        <v>62</v>
      </c>
      <c r="B10492" t="s">
        <v>66</v>
      </c>
      <c r="C10492" t="s">
        <v>117</v>
      </c>
      <c r="D10492" t="s">
        <v>118</v>
      </c>
      <c r="E10492">
        <v>2014</v>
      </c>
      <c r="F10492">
        <v>2014</v>
      </c>
      <c r="G10492" t="s">
        <v>126</v>
      </c>
      <c r="H10492" t="s">
        <v>121</v>
      </c>
      <c r="I10492" t="s">
        <v>15</v>
      </c>
      <c r="J10492" s="10">
        <v>37.05568032</v>
      </c>
    </row>
    <row r="10493" spans="1:10" x14ac:dyDescent="0.35">
      <c r="A10493" t="s">
        <v>62</v>
      </c>
      <c r="B10493" t="s">
        <v>66</v>
      </c>
      <c r="C10493" t="s">
        <v>117</v>
      </c>
      <c r="D10493" t="s">
        <v>118</v>
      </c>
      <c r="E10493">
        <v>2014</v>
      </c>
      <c r="F10493">
        <v>2014</v>
      </c>
      <c r="G10493" t="s">
        <v>126</v>
      </c>
      <c r="H10493" t="s">
        <v>122</v>
      </c>
      <c r="I10493" t="s">
        <v>15</v>
      </c>
      <c r="J10493" s="10">
        <v>17.625648569999999</v>
      </c>
    </row>
    <row r="10494" spans="1:10" x14ac:dyDescent="0.35">
      <c r="A10494" t="s">
        <v>62</v>
      </c>
      <c r="B10494" t="s">
        <v>66</v>
      </c>
      <c r="C10494" t="s">
        <v>117</v>
      </c>
      <c r="D10494" t="s">
        <v>118</v>
      </c>
      <c r="E10494">
        <v>2014</v>
      </c>
      <c r="F10494">
        <v>2014</v>
      </c>
      <c r="G10494" t="s">
        <v>126</v>
      </c>
      <c r="H10494" t="s">
        <v>123</v>
      </c>
      <c r="I10494" t="s">
        <v>15</v>
      </c>
      <c r="J10494" s="10">
        <v>14.64931981</v>
      </c>
    </row>
    <row r="10495" spans="1:10" x14ac:dyDescent="0.35">
      <c r="A10495" t="s">
        <v>62</v>
      </c>
      <c r="B10495" t="s">
        <v>66</v>
      </c>
      <c r="C10495" t="s">
        <v>117</v>
      </c>
      <c r="D10495" t="s">
        <v>118</v>
      </c>
      <c r="E10495">
        <v>2014</v>
      </c>
      <c r="F10495">
        <v>2014</v>
      </c>
      <c r="G10495" t="s">
        <v>126</v>
      </c>
      <c r="H10495" t="s">
        <v>124</v>
      </c>
      <c r="I10495" t="s">
        <v>15</v>
      </c>
      <c r="J10495" s="10">
        <v>2.4342393969999998</v>
      </c>
    </row>
    <row r="10496" spans="1:10" x14ac:dyDescent="0.35">
      <c r="A10496" t="s">
        <v>62</v>
      </c>
      <c r="B10496" t="s">
        <v>66</v>
      </c>
      <c r="C10496" t="s">
        <v>117</v>
      </c>
      <c r="D10496" t="s">
        <v>118</v>
      </c>
      <c r="E10496">
        <v>2013</v>
      </c>
      <c r="F10496">
        <v>2013</v>
      </c>
      <c r="G10496" t="s">
        <v>14</v>
      </c>
      <c r="H10496" t="s">
        <v>119</v>
      </c>
      <c r="I10496" t="s">
        <v>15</v>
      </c>
      <c r="J10496" s="10">
        <v>17.397766480000001</v>
      </c>
    </row>
    <row r="10497" spans="1:10" x14ac:dyDescent="0.35">
      <c r="A10497" t="s">
        <v>62</v>
      </c>
      <c r="B10497" t="s">
        <v>66</v>
      </c>
      <c r="C10497" t="s">
        <v>117</v>
      </c>
      <c r="D10497" t="s">
        <v>118</v>
      </c>
      <c r="E10497">
        <v>2013</v>
      </c>
      <c r="F10497">
        <v>2013</v>
      </c>
      <c r="G10497" t="s">
        <v>14</v>
      </c>
      <c r="H10497" t="s">
        <v>120</v>
      </c>
      <c r="I10497" t="s">
        <v>15</v>
      </c>
      <c r="J10497" s="10">
        <v>12.77254319</v>
      </c>
    </row>
    <row r="10498" spans="1:10" x14ac:dyDescent="0.35">
      <c r="A10498" t="s">
        <v>62</v>
      </c>
      <c r="B10498" t="s">
        <v>66</v>
      </c>
      <c r="C10498" t="s">
        <v>117</v>
      </c>
      <c r="D10498" t="s">
        <v>118</v>
      </c>
      <c r="E10498">
        <v>2013</v>
      </c>
      <c r="F10498">
        <v>2013</v>
      </c>
      <c r="G10498" t="s">
        <v>14</v>
      </c>
      <c r="H10498" t="s">
        <v>121</v>
      </c>
      <c r="I10498" t="s">
        <v>15</v>
      </c>
      <c r="J10498" s="10">
        <v>36.958152089999999</v>
      </c>
    </row>
    <row r="10499" spans="1:10" x14ac:dyDescent="0.35">
      <c r="A10499" t="s">
        <v>62</v>
      </c>
      <c r="B10499" t="s">
        <v>66</v>
      </c>
      <c r="C10499" t="s">
        <v>117</v>
      </c>
      <c r="D10499" t="s">
        <v>118</v>
      </c>
      <c r="E10499">
        <v>2013</v>
      </c>
      <c r="F10499">
        <v>2013</v>
      </c>
      <c r="G10499" t="s">
        <v>14</v>
      </c>
      <c r="H10499" t="s">
        <v>122</v>
      </c>
      <c r="I10499" t="s">
        <v>15</v>
      </c>
      <c r="J10499" s="10">
        <v>17.460490610000001</v>
      </c>
    </row>
    <row r="10500" spans="1:10" x14ac:dyDescent="0.35">
      <c r="A10500" t="s">
        <v>62</v>
      </c>
      <c r="B10500" t="s">
        <v>66</v>
      </c>
      <c r="C10500" t="s">
        <v>117</v>
      </c>
      <c r="D10500" t="s">
        <v>118</v>
      </c>
      <c r="E10500">
        <v>2013</v>
      </c>
      <c r="F10500">
        <v>2013</v>
      </c>
      <c r="G10500" t="s">
        <v>14</v>
      </c>
      <c r="H10500" t="s">
        <v>123</v>
      </c>
      <c r="I10500" t="s">
        <v>15</v>
      </c>
      <c r="J10500" s="10">
        <v>13.56341274</v>
      </c>
    </row>
    <row r="10501" spans="1:10" x14ac:dyDescent="0.35">
      <c r="A10501" t="s">
        <v>62</v>
      </c>
      <c r="B10501" t="s">
        <v>66</v>
      </c>
      <c r="C10501" t="s">
        <v>117</v>
      </c>
      <c r="D10501" t="s">
        <v>118</v>
      </c>
      <c r="E10501">
        <v>2013</v>
      </c>
      <c r="F10501">
        <v>2013</v>
      </c>
      <c r="G10501" t="s">
        <v>14</v>
      </c>
      <c r="H10501" t="s">
        <v>124</v>
      </c>
      <c r="I10501" t="s">
        <v>15</v>
      </c>
      <c r="J10501" s="10">
        <v>1.847634891</v>
      </c>
    </row>
    <row r="10502" spans="1:10" x14ac:dyDescent="0.35">
      <c r="A10502" t="s">
        <v>62</v>
      </c>
      <c r="B10502" t="s">
        <v>66</v>
      </c>
      <c r="C10502" t="s">
        <v>117</v>
      </c>
      <c r="D10502" t="s">
        <v>118</v>
      </c>
      <c r="E10502">
        <v>2013</v>
      </c>
      <c r="F10502">
        <v>2013</v>
      </c>
      <c r="G10502" t="s">
        <v>125</v>
      </c>
      <c r="H10502" t="s">
        <v>119</v>
      </c>
      <c r="I10502" t="s">
        <v>15</v>
      </c>
      <c r="J10502" s="10">
        <v>18.803221430000001</v>
      </c>
    </row>
    <row r="10503" spans="1:10" x14ac:dyDescent="0.35">
      <c r="A10503" t="s">
        <v>62</v>
      </c>
      <c r="B10503" t="s">
        <v>66</v>
      </c>
      <c r="C10503" t="s">
        <v>117</v>
      </c>
      <c r="D10503" t="s">
        <v>118</v>
      </c>
      <c r="E10503">
        <v>2013</v>
      </c>
      <c r="F10503">
        <v>2013</v>
      </c>
      <c r="G10503" t="s">
        <v>125</v>
      </c>
      <c r="H10503" t="s">
        <v>120</v>
      </c>
      <c r="I10503" t="s">
        <v>15</v>
      </c>
      <c r="J10503" s="10">
        <v>12.989637159999999</v>
      </c>
    </row>
    <row r="10504" spans="1:10" x14ac:dyDescent="0.35">
      <c r="A10504" t="s">
        <v>62</v>
      </c>
      <c r="B10504" t="s">
        <v>66</v>
      </c>
      <c r="C10504" t="s">
        <v>117</v>
      </c>
      <c r="D10504" t="s">
        <v>118</v>
      </c>
      <c r="E10504">
        <v>2013</v>
      </c>
      <c r="F10504">
        <v>2013</v>
      </c>
      <c r="G10504" t="s">
        <v>125</v>
      </c>
      <c r="H10504" t="s">
        <v>121</v>
      </c>
      <c r="I10504" t="s">
        <v>15</v>
      </c>
      <c r="J10504" s="10">
        <v>37.08974396</v>
      </c>
    </row>
    <row r="10505" spans="1:10" x14ac:dyDescent="0.35">
      <c r="A10505" t="s">
        <v>62</v>
      </c>
      <c r="B10505" t="s">
        <v>66</v>
      </c>
      <c r="C10505" t="s">
        <v>117</v>
      </c>
      <c r="D10505" t="s">
        <v>118</v>
      </c>
      <c r="E10505">
        <v>2013</v>
      </c>
      <c r="F10505">
        <v>2013</v>
      </c>
      <c r="G10505" t="s">
        <v>125</v>
      </c>
      <c r="H10505" t="s">
        <v>122</v>
      </c>
      <c r="I10505" t="s">
        <v>15</v>
      </c>
      <c r="J10505" s="10">
        <v>17.605288229999999</v>
      </c>
    </row>
    <row r="10506" spans="1:10" x14ac:dyDescent="0.35">
      <c r="A10506" t="s">
        <v>62</v>
      </c>
      <c r="B10506" t="s">
        <v>66</v>
      </c>
      <c r="C10506" t="s">
        <v>117</v>
      </c>
      <c r="D10506" t="s">
        <v>118</v>
      </c>
      <c r="E10506">
        <v>2013</v>
      </c>
      <c r="F10506">
        <v>2013</v>
      </c>
      <c r="G10506" t="s">
        <v>125</v>
      </c>
      <c r="H10506" t="s">
        <v>123</v>
      </c>
      <c r="I10506" t="s">
        <v>15</v>
      </c>
      <c r="J10506" s="10">
        <v>12.3603614</v>
      </c>
    </row>
    <row r="10507" spans="1:10" x14ac:dyDescent="0.35">
      <c r="A10507" t="s">
        <v>62</v>
      </c>
      <c r="B10507" t="s">
        <v>66</v>
      </c>
      <c r="C10507" t="s">
        <v>117</v>
      </c>
      <c r="D10507" t="s">
        <v>118</v>
      </c>
      <c r="E10507">
        <v>2013</v>
      </c>
      <c r="F10507">
        <v>2013</v>
      </c>
      <c r="G10507" t="s">
        <v>125</v>
      </c>
      <c r="H10507" t="s">
        <v>124</v>
      </c>
      <c r="I10507" t="s">
        <v>15</v>
      </c>
      <c r="J10507" s="10">
        <v>1.151747828</v>
      </c>
    </row>
    <row r="10508" spans="1:10" x14ac:dyDescent="0.35">
      <c r="A10508" t="s">
        <v>62</v>
      </c>
      <c r="B10508" t="s">
        <v>66</v>
      </c>
      <c r="C10508" t="s">
        <v>117</v>
      </c>
      <c r="D10508" t="s">
        <v>118</v>
      </c>
      <c r="E10508">
        <v>2013</v>
      </c>
      <c r="F10508">
        <v>2013</v>
      </c>
      <c r="G10508" t="s">
        <v>126</v>
      </c>
      <c r="H10508" t="s">
        <v>119</v>
      </c>
      <c r="I10508" t="s">
        <v>15</v>
      </c>
      <c r="J10508" s="10">
        <v>16.139453150000001</v>
      </c>
    </row>
    <row r="10509" spans="1:10" x14ac:dyDescent="0.35">
      <c r="A10509" t="s">
        <v>62</v>
      </c>
      <c r="B10509" t="s">
        <v>66</v>
      </c>
      <c r="C10509" t="s">
        <v>117</v>
      </c>
      <c r="D10509" t="s">
        <v>118</v>
      </c>
      <c r="E10509">
        <v>2013</v>
      </c>
      <c r="F10509">
        <v>2013</v>
      </c>
      <c r="G10509" t="s">
        <v>126</v>
      </c>
      <c r="H10509" t="s">
        <v>120</v>
      </c>
      <c r="I10509" t="s">
        <v>15</v>
      </c>
      <c r="J10509" s="10">
        <v>12.578177500000001</v>
      </c>
    </row>
    <row r="10510" spans="1:10" x14ac:dyDescent="0.35">
      <c r="A10510" t="s">
        <v>62</v>
      </c>
      <c r="B10510" t="s">
        <v>66</v>
      </c>
      <c r="C10510" t="s">
        <v>117</v>
      </c>
      <c r="D10510" t="s">
        <v>118</v>
      </c>
      <c r="E10510">
        <v>2013</v>
      </c>
      <c r="F10510">
        <v>2013</v>
      </c>
      <c r="G10510" t="s">
        <v>126</v>
      </c>
      <c r="H10510" t="s">
        <v>121</v>
      </c>
      <c r="I10510" t="s">
        <v>15</v>
      </c>
      <c r="J10510" s="10">
        <v>36.840336999999998</v>
      </c>
    </row>
    <row r="10511" spans="1:10" x14ac:dyDescent="0.35">
      <c r="A10511" t="s">
        <v>62</v>
      </c>
      <c r="B10511" t="s">
        <v>66</v>
      </c>
      <c r="C10511" t="s">
        <v>117</v>
      </c>
      <c r="D10511" t="s">
        <v>118</v>
      </c>
      <c r="E10511">
        <v>2013</v>
      </c>
      <c r="F10511">
        <v>2013</v>
      </c>
      <c r="G10511" t="s">
        <v>126</v>
      </c>
      <c r="H10511" t="s">
        <v>122</v>
      </c>
      <c r="I10511" t="s">
        <v>15</v>
      </c>
      <c r="J10511" s="10">
        <v>17.330852329999999</v>
      </c>
    </row>
    <row r="10512" spans="1:10" x14ac:dyDescent="0.35">
      <c r="A10512" t="s">
        <v>62</v>
      </c>
      <c r="B10512" t="s">
        <v>66</v>
      </c>
      <c r="C10512" t="s">
        <v>117</v>
      </c>
      <c r="D10512" t="s">
        <v>118</v>
      </c>
      <c r="E10512">
        <v>2013</v>
      </c>
      <c r="F10512">
        <v>2013</v>
      </c>
      <c r="G10512" t="s">
        <v>126</v>
      </c>
      <c r="H10512" t="s">
        <v>123</v>
      </c>
      <c r="I10512" t="s">
        <v>15</v>
      </c>
      <c r="J10512" s="10">
        <v>14.64051274</v>
      </c>
    </row>
    <row r="10513" spans="1:10" x14ac:dyDescent="0.35">
      <c r="A10513" t="s">
        <v>62</v>
      </c>
      <c r="B10513" t="s">
        <v>66</v>
      </c>
      <c r="C10513" t="s">
        <v>117</v>
      </c>
      <c r="D10513" t="s">
        <v>118</v>
      </c>
      <c r="E10513">
        <v>2013</v>
      </c>
      <c r="F10513">
        <v>2013</v>
      </c>
      <c r="G10513" t="s">
        <v>126</v>
      </c>
      <c r="H10513" t="s">
        <v>124</v>
      </c>
      <c r="I10513" t="s">
        <v>15</v>
      </c>
      <c r="J10513" s="10">
        <v>2.4706672869999999</v>
      </c>
    </row>
    <row r="10514" spans="1:10" x14ac:dyDescent="0.35">
      <c r="A10514" t="s">
        <v>62</v>
      </c>
      <c r="B10514" t="s">
        <v>66</v>
      </c>
      <c r="C10514" t="s">
        <v>117</v>
      </c>
      <c r="D10514" t="s">
        <v>118</v>
      </c>
      <c r="E10514">
        <v>2012</v>
      </c>
      <c r="F10514">
        <v>2012</v>
      </c>
      <c r="G10514" t="s">
        <v>14</v>
      </c>
      <c r="H10514" t="s">
        <v>119</v>
      </c>
      <c r="I10514" t="s">
        <v>15</v>
      </c>
      <c r="J10514" s="10">
        <v>17.60099542</v>
      </c>
    </row>
    <row r="10515" spans="1:10" x14ac:dyDescent="0.35">
      <c r="A10515" t="s">
        <v>62</v>
      </c>
      <c r="B10515" t="s">
        <v>66</v>
      </c>
      <c r="C10515" t="s">
        <v>117</v>
      </c>
      <c r="D10515" t="s">
        <v>118</v>
      </c>
      <c r="E10515">
        <v>2012</v>
      </c>
      <c r="F10515">
        <v>2012</v>
      </c>
      <c r="G10515" t="s">
        <v>14</v>
      </c>
      <c r="H10515" t="s">
        <v>120</v>
      </c>
      <c r="I10515" t="s">
        <v>15</v>
      </c>
      <c r="J10515" s="10">
        <v>13.16761114</v>
      </c>
    </row>
    <row r="10516" spans="1:10" x14ac:dyDescent="0.35">
      <c r="A10516" t="s">
        <v>62</v>
      </c>
      <c r="B10516" t="s">
        <v>66</v>
      </c>
      <c r="C10516" t="s">
        <v>117</v>
      </c>
      <c r="D10516" t="s">
        <v>118</v>
      </c>
      <c r="E10516">
        <v>2012</v>
      </c>
      <c r="F10516">
        <v>2012</v>
      </c>
      <c r="G10516" t="s">
        <v>14</v>
      </c>
      <c r="H10516" t="s">
        <v>121</v>
      </c>
      <c r="I10516" t="s">
        <v>15</v>
      </c>
      <c r="J10516" s="10">
        <v>36.858761950000002</v>
      </c>
    </row>
    <row r="10517" spans="1:10" x14ac:dyDescent="0.35">
      <c r="A10517" t="s">
        <v>62</v>
      </c>
      <c r="B10517" t="s">
        <v>66</v>
      </c>
      <c r="C10517" t="s">
        <v>117</v>
      </c>
      <c r="D10517" t="s">
        <v>118</v>
      </c>
      <c r="E10517">
        <v>2012</v>
      </c>
      <c r="F10517">
        <v>2012</v>
      </c>
      <c r="G10517" t="s">
        <v>14</v>
      </c>
      <c r="H10517" t="s">
        <v>122</v>
      </c>
      <c r="I10517" t="s">
        <v>15</v>
      </c>
      <c r="J10517" s="10">
        <v>17.06947619</v>
      </c>
    </row>
    <row r="10518" spans="1:10" x14ac:dyDescent="0.35">
      <c r="A10518" t="s">
        <v>62</v>
      </c>
      <c r="B10518" t="s">
        <v>66</v>
      </c>
      <c r="C10518" t="s">
        <v>117</v>
      </c>
      <c r="D10518" t="s">
        <v>118</v>
      </c>
      <c r="E10518">
        <v>2012</v>
      </c>
      <c r="F10518">
        <v>2012</v>
      </c>
      <c r="G10518" t="s">
        <v>14</v>
      </c>
      <c r="H10518" t="s">
        <v>123</v>
      </c>
      <c r="I10518" t="s">
        <v>15</v>
      </c>
      <c r="J10518" s="10">
        <v>13.507080159999999</v>
      </c>
    </row>
    <row r="10519" spans="1:10" x14ac:dyDescent="0.35">
      <c r="A10519" t="s">
        <v>62</v>
      </c>
      <c r="B10519" t="s">
        <v>66</v>
      </c>
      <c r="C10519" t="s">
        <v>117</v>
      </c>
      <c r="D10519" t="s">
        <v>118</v>
      </c>
      <c r="E10519">
        <v>2012</v>
      </c>
      <c r="F10519">
        <v>2012</v>
      </c>
      <c r="G10519" t="s">
        <v>14</v>
      </c>
      <c r="H10519" t="s">
        <v>124</v>
      </c>
      <c r="I10519" t="s">
        <v>15</v>
      </c>
      <c r="J10519" s="10">
        <v>1.7960751429999999</v>
      </c>
    </row>
    <row r="10520" spans="1:10" x14ac:dyDescent="0.35">
      <c r="A10520" t="s">
        <v>62</v>
      </c>
      <c r="B10520" t="s">
        <v>66</v>
      </c>
      <c r="C10520" t="s">
        <v>117</v>
      </c>
      <c r="D10520" t="s">
        <v>118</v>
      </c>
      <c r="E10520">
        <v>2012</v>
      </c>
      <c r="F10520">
        <v>2012</v>
      </c>
      <c r="G10520" t="s">
        <v>125</v>
      </c>
      <c r="H10520" t="s">
        <v>119</v>
      </c>
      <c r="I10520" t="s">
        <v>15</v>
      </c>
      <c r="J10520" s="10">
        <v>18.99335233</v>
      </c>
    </row>
    <row r="10521" spans="1:10" x14ac:dyDescent="0.35">
      <c r="A10521" t="s">
        <v>62</v>
      </c>
      <c r="B10521" t="s">
        <v>66</v>
      </c>
      <c r="C10521" t="s">
        <v>117</v>
      </c>
      <c r="D10521" t="s">
        <v>118</v>
      </c>
      <c r="E10521">
        <v>2012</v>
      </c>
      <c r="F10521">
        <v>2012</v>
      </c>
      <c r="G10521" t="s">
        <v>125</v>
      </c>
      <c r="H10521" t="s">
        <v>120</v>
      </c>
      <c r="I10521" t="s">
        <v>15</v>
      </c>
      <c r="J10521" s="10">
        <v>13.22340211</v>
      </c>
    </row>
    <row r="10522" spans="1:10" x14ac:dyDescent="0.35">
      <c r="A10522" t="s">
        <v>62</v>
      </c>
      <c r="B10522" t="s">
        <v>66</v>
      </c>
      <c r="C10522" t="s">
        <v>117</v>
      </c>
      <c r="D10522" t="s">
        <v>118</v>
      </c>
      <c r="E10522">
        <v>2012</v>
      </c>
      <c r="F10522">
        <v>2012</v>
      </c>
      <c r="G10522" t="s">
        <v>125</v>
      </c>
      <c r="H10522" t="s">
        <v>121</v>
      </c>
      <c r="I10522" t="s">
        <v>15</v>
      </c>
      <c r="J10522" s="10">
        <v>37.028403699999998</v>
      </c>
    </row>
    <row r="10523" spans="1:10" x14ac:dyDescent="0.35">
      <c r="A10523" t="s">
        <v>62</v>
      </c>
      <c r="B10523" t="s">
        <v>66</v>
      </c>
      <c r="C10523" t="s">
        <v>117</v>
      </c>
      <c r="D10523" t="s">
        <v>118</v>
      </c>
      <c r="E10523">
        <v>2012</v>
      </c>
      <c r="F10523">
        <v>2012</v>
      </c>
      <c r="G10523" t="s">
        <v>125</v>
      </c>
      <c r="H10523" t="s">
        <v>122</v>
      </c>
      <c r="I10523" t="s">
        <v>15</v>
      </c>
      <c r="J10523" s="10">
        <v>17.393306280000001</v>
      </c>
    </row>
    <row r="10524" spans="1:10" x14ac:dyDescent="0.35">
      <c r="A10524" t="s">
        <v>62</v>
      </c>
      <c r="B10524" t="s">
        <v>66</v>
      </c>
      <c r="C10524" t="s">
        <v>117</v>
      </c>
      <c r="D10524" t="s">
        <v>118</v>
      </c>
      <c r="E10524">
        <v>2012</v>
      </c>
      <c r="F10524">
        <v>2012</v>
      </c>
      <c r="G10524" t="s">
        <v>125</v>
      </c>
      <c r="H10524" t="s">
        <v>123</v>
      </c>
      <c r="I10524" t="s">
        <v>15</v>
      </c>
      <c r="J10524" s="10">
        <v>12.293878960000001</v>
      </c>
    </row>
    <row r="10525" spans="1:10" x14ac:dyDescent="0.35">
      <c r="A10525" t="s">
        <v>62</v>
      </c>
      <c r="B10525" t="s">
        <v>66</v>
      </c>
      <c r="C10525" t="s">
        <v>117</v>
      </c>
      <c r="D10525" t="s">
        <v>118</v>
      </c>
      <c r="E10525">
        <v>2012</v>
      </c>
      <c r="F10525">
        <v>2012</v>
      </c>
      <c r="G10525" t="s">
        <v>125</v>
      </c>
      <c r="H10525" t="s">
        <v>124</v>
      </c>
      <c r="I10525" t="s">
        <v>15</v>
      </c>
      <c r="J10525" s="10">
        <v>1.067656623</v>
      </c>
    </row>
    <row r="10526" spans="1:10" x14ac:dyDescent="0.35">
      <c r="A10526" t="s">
        <v>62</v>
      </c>
      <c r="B10526" t="s">
        <v>66</v>
      </c>
      <c r="C10526" t="s">
        <v>117</v>
      </c>
      <c r="D10526" t="s">
        <v>118</v>
      </c>
      <c r="E10526">
        <v>2012</v>
      </c>
      <c r="F10526">
        <v>2012</v>
      </c>
      <c r="G10526" t="s">
        <v>126</v>
      </c>
      <c r="H10526" t="s">
        <v>119</v>
      </c>
      <c r="I10526" t="s">
        <v>15</v>
      </c>
      <c r="J10526" s="10">
        <v>16.366420009999999</v>
      </c>
    </row>
    <row r="10527" spans="1:10" x14ac:dyDescent="0.35">
      <c r="A10527" t="s">
        <v>62</v>
      </c>
      <c r="B10527" t="s">
        <v>66</v>
      </c>
      <c r="C10527" t="s">
        <v>117</v>
      </c>
      <c r="D10527" t="s">
        <v>118</v>
      </c>
      <c r="E10527">
        <v>2012</v>
      </c>
      <c r="F10527">
        <v>2012</v>
      </c>
      <c r="G10527" t="s">
        <v>126</v>
      </c>
      <c r="H10527" t="s">
        <v>120</v>
      </c>
      <c r="I10527" t="s">
        <v>15</v>
      </c>
      <c r="J10527" s="10">
        <v>13.11814238</v>
      </c>
    </row>
    <row r="10528" spans="1:10" x14ac:dyDescent="0.35">
      <c r="A10528" t="s">
        <v>62</v>
      </c>
      <c r="B10528" t="s">
        <v>66</v>
      </c>
      <c r="C10528" t="s">
        <v>117</v>
      </c>
      <c r="D10528" t="s">
        <v>118</v>
      </c>
      <c r="E10528">
        <v>2012</v>
      </c>
      <c r="F10528">
        <v>2012</v>
      </c>
      <c r="G10528" t="s">
        <v>126</v>
      </c>
      <c r="H10528" t="s">
        <v>121</v>
      </c>
      <c r="I10528" t="s">
        <v>15</v>
      </c>
      <c r="J10528" s="10">
        <v>36.708343970000001</v>
      </c>
    </row>
    <row r="10529" spans="1:10" x14ac:dyDescent="0.35">
      <c r="A10529" t="s">
        <v>62</v>
      </c>
      <c r="B10529" t="s">
        <v>66</v>
      </c>
      <c r="C10529" t="s">
        <v>117</v>
      </c>
      <c r="D10529" t="s">
        <v>118</v>
      </c>
      <c r="E10529">
        <v>2012</v>
      </c>
      <c r="F10529">
        <v>2012</v>
      </c>
      <c r="G10529" t="s">
        <v>126</v>
      </c>
      <c r="H10529" t="s">
        <v>122</v>
      </c>
      <c r="I10529" t="s">
        <v>15</v>
      </c>
      <c r="J10529" s="10">
        <v>16.78234243</v>
      </c>
    </row>
    <row r="10530" spans="1:10" x14ac:dyDescent="0.35">
      <c r="A10530" t="s">
        <v>62</v>
      </c>
      <c r="B10530" t="s">
        <v>66</v>
      </c>
      <c r="C10530" t="s">
        <v>117</v>
      </c>
      <c r="D10530" t="s">
        <v>118</v>
      </c>
      <c r="E10530">
        <v>2012</v>
      </c>
      <c r="F10530">
        <v>2012</v>
      </c>
      <c r="G10530" t="s">
        <v>126</v>
      </c>
      <c r="H10530" t="s">
        <v>123</v>
      </c>
      <c r="I10530" t="s">
        <v>15</v>
      </c>
      <c r="J10530" s="10">
        <v>14.582801740000001</v>
      </c>
    </row>
    <row r="10531" spans="1:10" x14ac:dyDescent="0.35">
      <c r="A10531" t="s">
        <v>62</v>
      </c>
      <c r="B10531" t="s">
        <v>66</v>
      </c>
      <c r="C10531" t="s">
        <v>117</v>
      </c>
      <c r="D10531" t="s">
        <v>118</v>
      </c>
      <c r="E10531">
        <v>2012</v>
      </c>
      <c r="F10531">
        <v>2012</v>
      </c>
      <c r="G10531" t="s">
        <v>126</v>
      </c>
      <c r="H10531" t="s">
        <v>124</v>
      </c>
      <c r="I10531" t="s">
        <v>15</v>
      </c>
      <c r="J10531" s="10">
        <v>2.4419494770000001</v>
      </c>
    </row>
    <row r="10532" spans="1:10" x14ac:dyDescent="0.35">
      <c r="A10532" t="s">
        <v>62</v>
      </c>
      <c r="B10532" t="s">
        <v>66</v>
      </c>
      <c r="C10532" t="s">
        <v>117</v>
      </c>
      <c r="D10532" t="s">
        <v>118</v>
      </c>
      <c r="E10532">
        <v>2011</v>
      </c>
      <c r="F10532">
        <v>2011</v>
      </c>
      <c r="G10532" t="s">
        <v>14</v>
      </c>
      <c r="H10532" t="s">
        <v>119</v>
      </c>
      <c r="I10532" t="s">
        <v>15</v>
      </c>
      <c r="J10532" s="10">
        <v>17.70559166</v>
      </c>
    </row>
    <row r="10533" spans="1:10" x14ac:dyDescent="0.35">
      <c r="A10533" t="s">
        <v>62</v>
      </c>
      <c r="B10533" t="s">
        <v>66</v>
      </c>
      <c r="C10533" t="s">
        <v>117</v>
      </c>
      <c r="D10533" t="s">
        <v>118</v>
      </c>
      <c r="E10533">
        <v>2011</v>
      </c>
      <c r="F10533">
        <v>2011</v>
      </c>
      <c r="G10533" t="s">
        <v>14</v>
      </c>
      <c r="H10533" t="s">
        <v>120</v>
      </c>
      <c r="I10533" t="s">
        <v>15</v>
      </c>
      <c r="J10533" s="10">
        <v>13.107643550000001</v>
      </c>
    </row>
    <row r="10534" spans="1:10" x14ac:dyDescent="0.35">
      <c r="A10534" t="s">
        <v>62</v>
      </c>
      <c r="B10534" t="s">
        <v>66</v>
      </c>
      <c r="C10534" t="s">
        <v>117</v>
      </c>
      <c r="D10534" t="s">
        <v>118</v>
      </c>
      <c r="E10534">
        <v>2011</v>
      </c>
      <c r="F10534">
        <v>2011</v>
      </c>
      <c r="G10534" t="s">
        <v>14</v>
      </c>
      <c r="H10534" t="s">
        <v>121</v>
      </c>
      <c r="I10534" t="s">
        <v>15</v>
      </c>
      <c r="J10534" s="10">
        <v>37.25224257</v>
      </c>
    </row>
    <row r="10535" spans="1:10" x14ac:dyDescent="0.35">
      <c r="A10535" t="s">
        <v>62</v>
      </c>
      <c r="B10535" t="s">
        <v>66</v>
      </c>
      <c r="C10535" t="s">
        <v>117</v>
      </c>
      <c r="D10535" t="s">
        <v>118</v>
      </c>
      <c r="E10535">
        <v>2011</v>
      </c>
      <c r="F10535">
        <v>2011</v>
      </c>
      <c r="G10535" t="s">
        <v>14</v>
      </c>
      <c r="H10535" t="s">
        <v>122</v>
      </c>
      <c r="I10535" t="s">
        <v>15</v>
      </c>
      <c r="J10535" s="10">
        <v>16.800504910000001</v>
      </c>
    </row>
    <row r="10536" spans="1:10" x14ac:dyDescent="0.35">
      <c r="A10536" t="s">
        <v>62</v>
      </c>
      <c r="B10536" t="s">
        <v>66</v>
      </c>
      <c r="C10536" t="s">
        <v>117</v>
      </c>
      <c r="D10536" t="s">
        <v>118</v>
      </c>
      <c r="E10536">
        <v>2011</v>
      </c>
      <c r="F10536">
        <v>2011</v>
      </c>
      <c r="G10536" t="s">
        <v>14</v>
      </c>
      <c r="H10536" t="s">
        <v>123</v>
      </c>
      <c r="I10536" t="s">
        <v>15</v>
      </c>
      <c r="J10536" s="10">
        <v>13.346672399999999</v>
      </c>
    </row>
    <row r="10537" spans="1:10" x14ac:dyDescent="0.35">
      <c r="A10537" t="s">
        <v>62</v>
      </c>
      <c r="B10537" t="s">
        <v>66</v>
      </c>
      <c r="C10537" t="s">
        <v>117</v>
      </c>
      <c r="D10537" t="s">
        <v>118</v>
      </c>
      <c r="E10537">
        <v>2011</v>
      </c>
      <c r="F10537">
        <v>2011</v>
      </c>
      <c r="G10537" t="s">
        <v>14</v>
      </c>
      <c r="H10537" t="s">
        <v>124</v>
      </c>
      <c r="I10537" t="s">
        <v>15</v>
      </c>
      <c r="J10537" s="10">
        <v>1.7873448999999999</v>
      </c>
    </row>
    <row r="10538" spans="1:10" x14ac:dyDescent="0.35">
      <c r="A10538" t="s">
        <v>62</v>
      </c>
      <c r="B10538" t="s">
        <v>66</v>
      </c>
      <c r="C10538" t="s">
        <v>117</v>
      </c>
      <c r="D10538" t="s">
        <v>118</v>
      </c>
      <c r="E10538">
        <v>2011</v>
      </c>
      <c r="F10538">
        <v>2011</v>
      </c>
      <c r="G10538" t="s">
        <v>125</v>
      </c>
      <c r="H10538" t="s">
        <v>119</v>
      </c>
      <c r="I10538" t="s">
        <v>15</v>
      </c>
      <c r="J10538" s="10">
        <v>18.998606809999998</v>
      </c>
    </row>
    <row r="10539" spans="1:10" x14ac:dyDescent="0.35">
      <c r="A10539" t="s">
        <v>62</v>
      </c>
      <c r="B10539" t="s">
        <v>66</v>
      </c>
      <c r="C10539" t="s">
        <v>117</v>
      </c>
      <c r="D10539" t="s">
        <v>118</v>
      </c>
      <c r="E10539">
        <v>2011</v>
      </c>
      <c r="F10539">
        <v>2011</v>
      </c>
      <c r="G10539" t="s">
        <v>125</v>
      </c>
      <c r="H10539" t="s">
        <v>120</v>
      </c>
      <c r="I10539" t="s">
        <v>15</v>
      </c>
      <c r="J10539" s="10">
        <v>13.11023286</v>
      </c>
    </row>
    <row r="10540" spans="1:10" x14ac:dyDescent="0.35">
      <c r="A10540" t="s">
        <v>62</v>
      </c>
      <c r="B10540" t="s">
        <v>66</v>
      </c>
      <c r="C10540" t="s">
        <v>117</v>
      </c>
      <c r="D10540" t="s">
        <v>118</v>
      </c>
      <c r="E10540">
        <v>2011</v>
      </c>
      <c r="F10540">
        <v>2011</v>
      </c>
      <c r="G10540" t="s">
        <v>125</v>
      </c>
      <c r="H10540" t="s">
        <v>121</v>
      </c>
      <c r="I10540" t="s">
        <v>15</v>
      </c>
      <c r="J10540" s="10">
        <v>37.587785390000001</v>
      </c>
    </row>
    <row r="10541" spans="1:10" x14ac:dyDescent="0.35">
      <c r="A10541" t="s">
        <v>62</v>
      </c>
      <c r="B10541" t="s">
        <v>66</v>
      </c>
      <c r="C10541" t="s">
        <v>117</v>
      </c>
      <c r="D10541" t="s">
        <v>118</v>
      </c>
      <c r="E10541">
        <v>2011</v>
      </c>
      <c r="F10541">
        <v>2011</v>
      </c>
      <c r="G10541" t="s">
        <v>125</v>
      </c>
      <c r="H10541" t="s">
        <v>122</v>
      </c>
      <c r="I10541" t="s">
        <v>15</v>
      </c>
      <c r="J10541" s="10">
        <v>17.201671829999999</v>
      </c>
    </row>
    <row r="10542" spans="1:10" x14ac:dyDescent="0.35">
      <c r="A10542" t="s">
        <v>62</v>
      </c>
      <c r="B10542" t="s">
        <v>66</v>
      </c>
      <c r="C10542" t="s">
        <v>117</v>
      </c>
      <c r="D10542" t="s">
        <v>118</v>
      </c>
      <c r="E10542">
        <v>2011</v>
      </c>
      <c r="F10542">
        <v>2011</v>
      </c>
      <c r="G10542" t="s">
        <v>125</v>
      </c>
      <c r="H10542" t="s">
        <v>123</v>
      </c>
      <c r="I10542" t="s">
        <v>15</v>
      </c>
      <c r="J10542" s="10">
        <v>11.98430525</v>
      </c>
    </row>
    <row r="10543" spans="1:10" x14ac:dyDescent="0.35">
      <c r="A10543" t="s">
        <v>62</v>
      </c>
      <c r="B10543" t="s">
        <v>66</v>
      </c>
      <c r="C10543" t="s">
        <v>117</v>
      </c>
      <c r="D10543" t="s">
        <v>118</v>
      </c>
      <c r="E10543">
        <v>2011</v>
      </c>
      <c r="F10543">
        <v>2011</v>
      </c>
      <c r="G10543" t="s">
        <v>125</v>
      </c>
      <c r="H10543" t="s">
        <v>124</v>
      </c>
      <c r="I10543" t="s">
        <v>15</v>
      </c>
      <c r="J10543" s="10">
        <v>1.117397856</v>
      </c>
    </row>
    <row r="10544" spans="1:10" x14ac:dyDescent="0.35">
      <c r="A10544" t="s">
        <v>62</v>
      </c>
      <c r="B10544" t="s">
        <v>66</v>
      </c>
      <c r="C10544" t="s">
        <v>117</v>
      </c>
      <c r="D10544" t="s">
        <v>118</v>
      </c>
      <c r="E10544">
        <v>2011</v>
      </c>
      <c r="F10544">
        <v>2011</v>
      </c>
      <c r="G10544" t="s">
        <v>126</v>
      </c>
      <c r="H10544" t="s">
        <v>119</v>
      </c>
      <c r="I10544" t="s">
        <v>15</v>
      </c>
      <c r="J10544" s="10">
        <v>16.548337020000002</v>
      </c>
    </row>
    <row r="10545" spans="1:10" x14ac:dyDescent="0.35">
      <c r="A10545" t="s">
        <v>62</v>
      </c>
      <c r="B10545" t="s">
        <v>66</v>
      </c>
      <c r="C10545" t="s">
        <v>117</v>
      </c>
      <c r="D10545" t="s">
        <v>118</v>
      </c>
      <c r="E10545">
        <v>2011</v>
      </c>
      <c r="F10545">
        <v>2011</v>
      </c>
      <c r="G10545" t="s">
        <v>126</v>
      </c>
      <c r="H10545" t="s">
        <v>120</v>
      </c>
      <c r="I10545" t="s">
        <v>15</v>
      </c>
      <c r="J10545" s="10">
        <v>13.10532611</v>
      </c>
    </row>
    <row r="10546" spans="1:10" x14ac:dyDescent="0.35">
      <c r="A10546" t="s">
        <v>62</v>
      </c>
      <c r="B10546" t="s">
        <v>66</v>
      </c>
      <c r="C10546" t="s">
        <v>117</v>
      </c>
      <c r="D10546" t="s">
        <v>118</v>
      </c>
      <c r="E10546">
        <v>2011</v>
      </c>
      <c r="F10546">
        <v>2011</v>
      </c>
      <c r="G10546" t="s">
        <v>126</v>
      </c>
      <c r="H10546" t="s">
        <v>121</v>
      </c>
      <c r="I10546" t="s">
        <v>15</v>
      </c>
      <c r="J10546" s="10">
        <v>36.951930169999997</v>
      </c>
    </row>
    <row r="10547" spans="1:10" x14ac:dyDescent="0.35">
      <c r="A10547" t="s">
        <v>62</v>
      </c>
      <c r="B10547" t="s">
        <v>66</v>
      </c>
      <c r="C10547" t="s">
        <v>117</v>
      </c>
      <c r="D10547" t="s">
        <v>118</v>
      </c>
      <c r="E10547">
        <v>2011</v>
      </c>
      <c r="F10547">
        <v>2011</v>
      </c>
      <c r="G10547" t="s">
        <v>126</v>
      </c>
      <c r="H10547" t="s">
        <v>122</v>
      </c>
      <c r="I10547" t="s">
        <v>15</v>
      </c>
      <c r="J10547" s="10">
        <v>16.44145864</v>
      </c>
    </row>
    <row r="10548" spans="1:10" x14ac:dyDescent="0.35">
      <c r="A10548" t="s">
        <v>62</v>
      </c>
      <c r="B10548" t="s">
        <v>66</v>
      </c>
      <c r="C10548" t="s">
        <v>117</v>
      </c>
      <c r="D10548" t="s">
        <v>118</v>
      </c>
      <c r="E10548">
        <v>2011</v>
      </c>
      <c r="F10548">
        <v>2011</v>
      </c>
      <c r="G10548" t="s">
        <v>126</v>
      </c>
      <c r="H10548" t="s">
        <v>123</v>
      </c>
      <c r="I10548" t="s">
        <v>15</v>
      </c>
      <c r="J10548" s="10">
        <v>14.565997400000001</v>
      </c>
    </row>
    <row r="10549" spans="1:10" x14ac:dyDescent="0.35">
      <c r="A10549" t="s">
        <v>62</v>
      </c>
      <c r="B10549" t="s">
        <v>66</v>
      </c>
      <c r="C10549" t="s">
        <v>117</v>
      </c>
      <c r="D10549" t="s">
        <v>118</v>
      </c>
      <c r="E10549">
        <v>2011</v>
      </c>
      <c r="F10549">
        <v>2011</v>
      </c>
      <c r="G10549" t="s">
        <v>126</v>
      </c>
      <c r="H10549" t="s">
        <v>124</v>
      </c>
      <c r="I10549" t="s">
        <v>15</v>
      </c>
      <c r="J10549" s="10">
        <v>2.3869506579999999</v>
      </c>
    </row>
    <row r="10550" spans="1:10" x14ac:dyDescent="0.35">
      <c r="A10550" t="s">
        <v>62</v>
      </c>
      <c r="B10550" t="s">
        <v>67</v>
      </c>
      <c r="C10550" t="s">
        <v>117</v>
      </c>
      <c r="D10550" t="s">
        <v>118</v>
      </c>
      <c r="E10550">
        <v>2020</v>
      </c>
      <c r="F10550">
        <v>2020</v>
      </c>
      <c r="G10550" t="s">
        <v>14</v>
      </c>
      <c r="H10550" t="s">
        <v>119</v>
      </c>
      <c r="I10550" t="s">
        <v>15</v>
      </c>
      <c r="J10550" s="10">
        <v>19.022024600000002</v>
      </c>
    </row>
    <row r="10551" spans="1:10" x14ac:dyDescent="0.35">
      <c r="A10551" t="s">
        <v>62</v>
      </c>
      <c r="B10551" t="s">
        <v>67</v>
      </c>
      <c r="C10551" t="s">
        <v>117</v>
      </c>
      <c r="D10551" t="s">
        <v>118</v>
      </c>
      <c r="E10551">
        <v>2020</v>
      </c>
      <c r="F10551">
        <v>2020</v>
      </c>
      <c r="G10551" t="s">
        <v>14</v>
      </c>
      <c r="H10551" t="s">
        <v>120</v>
      </c>
      <c r="I10551" t="s">
        <v>15</v>
      </c>
      <c r="J10551" s="10">
        <v>9.541551128</v>
      </c>
    </row>
    <row r="10552" spans="1:10" x14ac:dyDescent="0.35">
      <c r="A10552" t="s">
        <v>62</v>
      </c>
      <c r="B10552" t="s">
        <v>67</v>
      </c>
      <c r="C10552" t="s">
        <v>117</v>
      </c>
      <c r="D10552" t="s">
        <v>118</v>
      </c>
      <c r="E10552">
        <v>2020</v>
      </c>
      <c r="F10552">
        <v>2020</v>
      </c>
      <c r="G10552" t="s">
        <v>14</v>
      </c>
      <c r="H10552" t="s">
        <v>121</v>
      </c>
      <c r="I10552" t="s">
        <v>15</v>
      </c>
      <c r="J10552" s="10">
        <v>35.741421639999999</v>
      </c>
    </row>
    <row r="10553" spans="1:10" x14ac:dyDescent="0.35">
      <c r="A10553" t="s">
        <v>62</v>
      </c>
      <c r="B10553" t="s">
        <v>67</v>
      </c>
      <c r="C10553" t="s">
        <v>117</v>
      </c>
      <c r="D10553" t="s">
        <v>118</v>
      </c>
      <c r="E10553">
        <v>2020</v>
      </c>
      <c r="F10553">
        <v>2020</v>
      </c>
      <c r="G10553" t="s">
        <v>14</v>
      </c>
      <c r="H10553" t="s">
        <v>122</v>
      </c>
      <c r="I10553" t="s">
        <v>15</v>
      </c>
      <c r="J10553" s="10">
        <v>20.696773879999999</v>
      </c>
    </row>
    <row r="10554" spans="1:10" x14ac:dyDescent="0.35">
      <c r="A10554" t="s">
        <v>62</v>
      </c>
      <c r="B10554" t="s">
        <v>67</v>
      </c>
      <c r="C10554" t="s">
        <v>117</v>
      </c>
      <c r="D10554" t="s">
        <v>118</v>
      </c>
      <c r="E10554">
        <v>2020</v>
      </c>
      <c r="F10554">
        <v>2020</v>
      </c>
      <c r="G10554" t="s">
        <v>14</v>
      </c>
      <c r="H10554" t="s">
        <v>123</v>
      </c>
      <c r="I10554" t="s">
        <v>15</v>
      </c>
      <c r="J10554" s="10">
        <v>12.895935890000001</v>
      </c>
    </row>
    <row r="10555" spans="1:10" x14ac:dyDescent="0.35">
      <c r="A10555" t="s">
        <v>62</v>
      </c>
      <c r="B10555" t="s">
        <v>67</v>
      </c>
      <c r="C10555" t="s">
        <v>117</v>
      </c>
      <c r="D10555" t="s">
        <v>118</v>
      </c>
      <c r="E10555">
        <v>2020</v>
      </c>
      <c r="F10555">
        <v>2020</v>
      </c>
      <c r="G10555" t="s">
        <v>14</v>
      </c>
      <c r="H10555" t="s">
        <v>124</v>
      </c>
      <c r="I10555" t="s">
        <v>15</v>
      </c>
      <c r="J10555" s="10">
        <v>2.102292855</v>
      </c>
    </row>
    <row r="10556" spans="1:10" x14ac:dyDescent="0.35">
      <c r="A10556" t="s">
        <v>62</v>
      </c>
      <c r="B10556" t="s">
        <v>67</v>
      </c>
      <c r="C10556" t="s">
        <v>117</v>
      </c>
      <c r="D10556" t="s">
        <v>118</v>
      </c>
      <c r="E10556">
        <v>2020</v>
      </c>
      <c r="F10556">
        <v>2020</v>
      </c>
      <c r="G10556" t="s">
        <v>125</v>
      </c>
      <c r="H10556" t="s">
        <v>119</v>
      </c>
      <c r="I10556" t="s">
        <v>15</v>
      </c>
      <c r="J10556" s="10">
        <v>20.31093151</v>
      </c>
    </row>
    <row r="10557" spans="1:10" x14ac:dyDescent="0.35">
      <c r="A10557" t="s">
        <v>62</v>
      </c>
      <c r="B10557" t="s">
        <v>67</v>
      </c>
      <c r="C10557" t="s">
        <v>117</v>
      </c>
      <c r="D10557" t="s">
        <v>118</v>
      </c>
      <c r="E10557">
        <v>2020</v>
      </c>
      <c r="F10557">
        <v>2020</v>
      </c>
      <c r="G10557" t="s">
        <v>125</v>
      </c>
      <c r="H10557" t="s">
        <v>120</v>
      </c>
      <c r="I10557" t="s">
        <v>15</v>
      </c>
      <c r="J10557" s="10">
        <v>10.52739955</v>
      </c>
    </row>
    <row r="10558" spans="1:10" x14ac:dyDescent="0.35">
      <c r="A10558" t="s">
        <v>62</v>
      </c>
      <c r="B10558" t="s">
        <v>67</v>
      </c>
      <c r="C10558" t="s">
        <v>117</v>
      </c>
      <c r="D10558" t="s">
        <v>118</v>
      </c>
      <c r="E10558">
        <v>2020</v>
      </c>
      <c r="F10558">
        <v>2020</v>
      </c>
      <c r="G10558" t="s">
        <v>125</v>
      </c>
      <c r="H10558" t="s">
        <v>121</v>
      </c>
      <c r="I10558" t="s">
        <v>15</v>
      </c>
      <c r="J10558" s="10">
        <v>36.28735425</v>
      </c>
    </row>
    <row r="10559" spans="1:10" x14ac:dyDescent="0.35">
      <c r="A10559" t="s">
        <v>62</v>
      </c>
      <c r="B10559" t="s">
        <v>67</v>
      </c>
      <c r="C10559" t="s">
        <v>117</v>
      </c>
      <c r="D10559" t="s">
        <v>118</v>
      </c>
      <c r="E10559">
        <v>2020</v>
      </c>
      <c r="F10559">
        <v>2020</v>
      </c>
      <c r="G10559" t="s">
        <v>125</v>
      </c>
      <c r="H10559" t="s">
        <v>122</v>
      </c>
      <c r="I10559" t="s">
        <v>15</v>
      </c>
      <c r="J10559" s="10">
        <v>19.772978819999999</v>
      </c>
    </row>
    <row r="10560" spans="1:10" x14ac:dyDescent="0.35">
      <c r="A10560" t="s">
        <v>62</v>
      </c>
      <c r="B10560" t="s">
        <v>67</v>
      </c>
      <c r="C10560" t="s">
        <v>117</v>
      </c>
      <c r="D10560" t="s">
        <v>118</v>
      </c>
      <c r="E10560">
        <v>2020</v>
      </c>
      <c r="F10560">
        <v>2020</v>
      </c>
      <c r="G10560" t="s">
        <v>125</v>
      </c>
      <c r="H10560" t="s">
        <v>123</v>
      </c>
      <c r="I10560" t="s">
        <v>15</v>
      </c>
      <c r="J10560" s="10">
        <v>11.858124630000001</v>
      </c>
    </row>
    <row r="10561" spans="1:10" x14ac:dyDescent="0.35">
      <c r="A10561" t="s">
        <v>62</v>
      </c>
      <c r="B10561" t="s">
        <v>67</v>
      </c>
      <c r="C10561" t="s">
        <v>117</v>
      </c>
      <c r="D10561" t="s">
        <v>118</v>
      </c>
      <c r="E10561">
        <v>2020</v>
      </c>
      <c r="F10561">
        <v>2020</v>
      </c>
      <c r="G10561" t="s">
        <v>125</v>
      </c>
      <c r="H10561" t="s">
        <v>124</v>
      </c>
      <c r="I10561" t="s">
        <v>15</v>
      </c>
      <c r="J10561" s="10">
        <v>1.243211243</v>
      </c>
    </row>
    <row r="10562" spans="1:10" x14ac:dyDescent="0.35">
      <c r="A10562" t="s">
        <v>62</v>
      </c>
      <c r="B10562" t="s">
        <v>67</v>
      </c>
      <c r="C10562" t="s">
        <v>117</v>
      </c>
      <c r="D10562" t="s">
        <v>118</v>
      </c>
      <c r="E10562">
        <v>2020</v>
      </c>
      <c r="F10562">
        <v>2020</v>
      </c>
      <c r="G10562" t="s">
        <v>126</v>
      </c>
      <c r="H10562" t="s">
        <v>119</v>
      </c>
      <c r="I10562" t="s">
        <v>15</v>
      </c>
      <c r="J10562" s="10">
        <v>17.85780712</v>
      </c>
    </row>
    <row r="10563" spans="1:10" x14ac:dyDescent="0.35">
      <c r="A10563" t="s">
        <v>62</v>
      </c>
      <c r="B10563" t="s">
        <v>67</v>
      </c>
      <c r="C10563" t="s">
        <v>117</v>
      </c>
      <c r="D10563" t="s">
        <v>118</v>
      </c>
      <c r="E10563">
        <v>2020</v>
      </c>
      <c r="F10563">
        <v>2020</v>
      </c>
      <c r="G10563" t="s">
        <v>126</v>
      </c>
      <c r="H10563" t="s">
        <v>120</v>
      </c>
      <c r="I10563" t="s">
        <v>15</v>
      </c>
      <c r="J10563" s="10">
        <v>8.6510741190000005</v>
      </c>
    </row>
    <row r="10564" spans="1:10" x14ac:dyDescent="0.35">
      <c r="A10564" t="s">
        <v>62</v>
      </c>
      <c r="B10564" t="s">
        <v>67</v>
      </c>
      <c r="C10564" t="s">
        <v>117</v>
      </c>
      <c r="D10564" t="s">
        <v>118</v>
      </c>
      <c r="E10564">
        <v>2020</v>
      </c>
      <c r="F10564">
        <v>2020</v>
      </c>
      <c r="G10564" t="s">
        <v>126</v>
      </c>
      <c r="H10564" t="s">
        <v>121</v>
      </c>
      <c r="I10564" t="s">
        <v>15</v>
      </c>
      <c r="J10564" s="10">
        <v>35.248302799999998</v>
      </c>
    </row>
    <row r="10565" spans="1:10" x14ac:dyDescent="0.35">
      <c r="A10565" t="s">
        <v>62</v>
      </c>
      <c r="B10565" t="s">
        <v>67</v>
      </c>
      <c r="C10565" t="s">
        <v>117</v>
      </c>
      <c r="D10565" t="s">
        <v>118</v>
      </c>
      <c r="E10565">
        <v>2020</v>
      </c>
      <c r="F10565">
        <v>2020</v>
      </c>
      <c r="G10565" t="s">
        <v>126</v>
      </c>
      <c r="H10565" t="s">
        <v>122</v>
      </c>
      <c r="I10565" t="s">
        <v>15</v>
      </c>
      <c r="J10565" s="10">
        <v>21.531200599999998</v>
      </c>
    </row>
    <row r="10566" spans="1:10" x14ac:dyDescent="0.35">
      <c r="A10566" t="s">
        <v>62</v>
      </c>
      <c r="B10566" t="s">
        <v>67</v>
      </c>
      <c r="C10566" t="s">
        <v>117</v>
      </c>
      <c r="D10566" t="s">
        <v>118</v>
      </c>
      <c r="E10566">
        <v>2020</v>
      </c>
      <c r="F10566">
        <v>2020</v>
      </c>
      <c r="G10566" t="s">
        <v>126</v>
      </c>
      <c r="H10566" t="s">
        <v>123</v>
      </c>
      <c r="I10566" t="s">
        <v>15</v>
      </c>
      <c r="J10566" s="10">
        <v>13.83334883</v>
      </c>
    </row>
    <row r="10567" spans="1:10" x14ac:dyDescent="0.35">
      <c r="A10567" t="s">
        <v>62</v>
      </c>
      <c r="B10567" t="s">
        <v>67</v>
      </c>
      <c r="C10567" t="s">
        <v>117</v>
      </c>
      <c r="D10567" t="s">
        <v>118</v>
      </c>
      <c r="E10567">
        <v>2020</v>
      </c>
      <c r="F10567">
        <v>2020</v>
      </c>
      <c r="G10567" t="s">
        <v>126</v>
      </c>
      <c r="H10567" t="s">
        <v>124</v>
      </c>
      <c r="I10567" t="s">
        <v>15</v>
      </c>
      <c r="J10567" s="10">
        <v>2.8782665299999999</v>
      </c>
    </row>
    <row r="10568" spans="1:10" x14ac:dyDescent="0.35">
      <c r="A10568" t="s">
        <v>62</v>
      </c>
      <c r="B10568" t="s">
        <v>67</v>
      </c>
      <c r="C10568" t="s">
        <v>117</v>
      </c>
      <c r="D10568" t="s">
        <v>118</v>
      </c>
      <c r="E10568">
        <v>2019</v>
      </c>
      <c r="F10568">
        <v>2019</v>
      </c>
      <c r="G10568" t="s">
        <v>14</v>
      </c>
      <c r="H10568" t="s">
        <v>119</v>
      </c>
      <c r="I10568" t="s">
        <v>15</v>
      </c>
      <c r="J10568" s="10">
        <v>19.17833456</v>
      </c>
    </row>
    <row r="10569" spans="1:10" x14ac:dyDescent="0.35">
      <c r="A10569" t="s">
        <v>62</v>
      </c>
      <c r="B10569" t="s">
        <v>67</v>
      </c>
      <c r="C10569" t="s">
        <v>117</v>
      </c>
      <c r="D10569" t="s">
        <v>118</v>
      </c>
      <c r="E10569">
        <v>2019</v>
      </c>
      <c r="F10569">
        <v>2019</v>
      </c>
      <c r="G10569" t="s">
        <v>14</v>
      </c>
      <c r="H10569" t="s">
        <v>120</v>
      </c>
      <c r="I10569" t="s">
        <v>15</v>
      </c>
      <c r="J10569" s="10">
        <v>9.7138295259999996</v>
      </c>
    </row>
    <row r="10570" spans="1:10" x14ac:dyDescent="0.35">
      <c r="A10570" t="s">
        <v>62</v>
      </c>
      <c r="B10570" t="s">
        <v>67</v>
      </c>
      <c r="C10570" t="s">
        <v>117</v>
      </c>
      <c r="D10570" t="s">
        <v>118</v>
      </c>
      <c r="E10570">
        <v>2019</v>
      </c>
      <c r="F10570">
        <v>2019</v>
      </c>
      <c r="G10570" t="s">
        <v>14</v>
      </c>
      <c r="H10570" t="s">
        <v>121</v>
      </c>
      <c r="I10570" t="s">
        <v>15</v>
      </c>
      <c r="J10570" s="10">
        <v>35.60304593</v>
      </c>
    </row>
    <row r="10571" spans="1:10" x14ac:dyDescent="0.35">
      <c r="A10571" t="s">
        <v>62</v>
      </c>
      <c r="B10571" t="s">
        <v>67</v>
      </c>
      <c r="C10571" t="s">
        <v>117</v>
      </c>
      <c r="D10571" t="s">
        <v>118</v>
      </c>
      <c r="E10571">
        <v>2019</v>
      </c>
      <c r="F10571">
        <v>2019</v>
      </c>
      <c r="G10571" t="s">
        <v>14</v>
      </c>
      <c r="H10571" t="s">
        <v>122</v>
      </c>
      <c r="I10571" t="s">
        <v>15</v>
      </c>
      <c r="J10571" s="10">
        <v>20.623925329999999</v>
      </c>
    </row>
    <row r="10572" spans="1:10" x14ac:dyDescent="0.35">
      <c r="A10572" t="s">
        <v>62</v>
      </c>
      <c r="B10572" t="s">
        <v>67</v>
      </c>
      <c r="C10572" t="s">
        <v>117</v>
      </c>
      <c r="D10572" t="s">
        <v>118</v>
      </c>
      <c r="E10572">
        <v>2019</v>
      </c>
      <c r="F10572">
        <v>2019</v>
      </c>
      <c r="G10572" t="s">
        <v>14</v>
      </c>
      <c r="H10572" t="s">
        <v>123</v>
      </c>
      <c r="I10572" t="s">
        <v>15</v>
      </c>
      <c r="J10572" s="10">
        <v>12.78555637</v>
      </c>
    </row>
    <row r="10573" spans="1:10" x14ac:dyDescent="0.35">
      <c r="A10573" t="s">
        <v>62</v>
      </c>
      <c r="B10573" t="s">
        <v>67</v>
      </c>
      <c r="C10573" t="s">
        <v>117</v>
      </c>
      <c r="D10573" t="s">
        <v>118</v>
      </c>
      <c r="E10573">
        <v>2019</v>
      </c>
      <c r="F10573">
        <v>2019</v>
      </c>
      <c r="G10573" t="s">
        <v>14</v>
      </c>
      <c r="H10573" t="s">
        <v>124</v>
      </c>
      <c r="I10573" t="s">
        <v>15</v>
      </c>
      <c r="J10573" s="10">
        <v>2.0953082780000001</v>
      </c>
    </row>
    <row r="10574" spans="1:10" x14ac:dyDescent="0.35">
      <c r="A10574" t="s">
        <v>62</v>
      </c>
      <c r="B10574" t="s">
        <v>67</v>
      </c>
      <c r="C10574" t="s">
        <v>117</v>
      </c>
      <c r="D10574" t="s">
        <v>118</v>
      </c>
      <c r="E10574">
        <v>2019</v>
      </c>
      <c r="F10574">
        <v>2019</v>
      </c>
      <c r="G10574" t="s">
        <v>125</v>
      </c>
      <c r="H10574" t="s">
        <v>119</v>
      </c>
      <c r="I10574" t="s">
        <v>15</v>
      </c>
      <c r="J10574" s="10">
        <v>20.611004309999998</v>
      </c>
    </row>
    <row r="10575" spans="1:10" x14ac:dyDescent="0.35">
      <c r="A10575" t="s">
        <v>62</v>
      </c>
      <c r="B10575" t="s">
        <v>67</v>
      </c>
      <c r="C10575" t="s">
        <v>117</v>
      </c>
      <c r="D10575" t="s">
        <v>118</v>
      </c>
      <c r="E10575">
        <v>2019</v>
      </c>
      <c r="F10575">
        <v>2019</v>
      </c>
      <c r="G10575" t="s">
        <v>125</v>
      </c>
      <c r="H10575" t="s">
        <v>120</v>
      </c>
      <c r="I10575" t="s">
        <v>15</v>
      </c>
      <c r="J10575" s="10">
        <v>10.541902629999999</v>
      </c>
    </row>
    <row r="10576" spans="1:10" x14ac:dyDescent="0.35">
      <c r="A10576" t="s">
        <v>62</v>
      </c>
      <c r="B10576" t="s">
        <v>67</v>
      </c>
      <c r="C10576" t="s">
        <v>117</v>
      </c>
      <c r="D10576" t="s">
        <v>118</v>
      </c>
      <c r="E10576">
        <v>2019</v>
      </c>
      <c r="F10576">
        <v>2019</v>
      </c>
      <c r="G10576" t="s">
        <v>125</v>
      </c>
      <c r="H10576" t="s">
        <v>121</v>
      </c>
      <c r="I10576" t="s">
        <v>15</v>
      </c>
      <c r="J10576" s="10">
        <v>36.02119811</v>
      </c>
    </row>
    <row r="10577" spans="1:10" x14ac:dyDescent="0.35">
      <c r="A10577" t="s">
        <v>62</v>
      </c>
      <c r="B10577" t="s">
        <v>67</v>
      </c>
      <c r="C10577" t="s">
        <v>117</v>
      </c>
      <c r="D10577" t="s">
        <v>118</v>
      </c>
      <c r="E10577">
        <v>2019</v>
      </c>
      <c r="F10577">
        <v>2019</v>
      </c>
      <c r="G10577" t="s">
        <v>125</v>
      </c>
      <c r="H10577" t="s">
        <v>122</v>
      </c>
      <c r="I10577" t="s">
        <v>15</v>
      </c>
      <c r="J10577" s="10">
        <v>19.8394555</v>
      </c>
    </row>
    <row r="10578" spans="1:10" x14ac:dyDescent="0.35">
      <c r="A10578" t="s">
        <v>62</v>
      </c>
      <c r="B10578" t="s">
        <v>67</v>
      </c>
      <c r="C10578" t="s">
        <v>117</v>
      </c>
      <c r="D10578" t="s">
        <v>118</v>
      </c>
      <c r="E10578">
        <v>2019</v>
      </c>
      <c r="F10578">
        <v>2019</v>
      </c>
      <c r="G10578" t="s">
        <v>125</v>
      </c>
      <c r="H10578" t="s">
        <v>123</v>
      </c>
      <c r="I10578" t="s">
        <v>15</v>
      </c>
      <c r="J10578" s="10">
        <v>11.742089679999999</v>
      </c>
    </row>
    <row r="10579" spans="1:10" x14ac:dyDescent="0.35">
      <c r="A10579" t="s">
        <v>62</v>
      </c>
      <c r="B10579" t="s">
        <v>67</v>
      </c>
      <c r="C10579" t="s">
        <v>117</v>
      </c>
      <c r="D10579" t="s">
        <v>118</v>
      </c>
      <c r="E10579">
        <v>2019</v>
      </c>
      <c r="F10579">
        <v>2019</v>
      </c>
      <c r="G10579" t="s">
        <v>125</v>
      </c>
      <c r="H10579" t="s">
        <v>124</v>
      </c>
      <c r="I10579" t="s">
        <v>15</v>
      </c>
      <c r="J10579" s="10">
        <v>1.244349769</v>
      </c>
    </row>
    <row r="10580" spans="1:10" x14ac:dyDescent="0.35">
      <c r="A10580" t="s">
        <v>62</v>
      </c>
      <c r="B10580" t="s">
        <v>67</v>
      </c>
      <c r="C10580" t="s">
        <v>117</v>
      </c>
      <c r="D10580" t="s">
        <v>118</v>
      </c>
      <c r="E10580">
        <v>2019</v>
      </c>
      <c r="F10580">
        <v>2019</v>
      </c>
      <c r="G10580" t="s">
        <v>126</v>
      </c>
      <c r="H10580" t="s">
        <v>119</v>
      </c>
      <c r="I10580" t="s">
        <v>15</v>
      </c>
      <c r="J10580" s="10">
        <v>17.893584310000001</v>
      </c>
    </row>
    <row r="10581" spans="1:10" x14ac:dyDescent="0.35">
      <c r="A10581" t="s">
        <v>62</v>
      </c>
      <c r="B10581" t="s">
        <v>67</v>
      </c>
      <c r="C10581" t="s">
        <v>117</v>
      </c>
      <c r="D10581" t="s">
        <v>118</v>
      </c>
      <c r="E10581">
        <v>2019</v>
      </c>
      <c r="F10581">
        <v>2019</v>
      </c>
      <c r="G10581" t="s">
        <v>126</v>
      </c>
      <c r="H10581" t="s">
        <v>120</v>
      </c>
      <c r="I10581" t="s">
        <v>15</v>
      </c>
      <c r="J10581" s="10">
        <v>8.9712528539999994</v>
      </c>
    </row>
    <row r="10582" spans="1:10" x14ac:dyDescent="0.35">
      <c r="A10582" t="s">
        <v>62</v>
      </c>
      <c r="B10582" t="s">
        <v>67</v>
      </c>
      <c r="C10582" t="s">
        <v>117</v>
      </c>
      <c r="D10582" t="s">
        <v>118</v>
      </c>
      <c r="E10582">
        <v>2019</v>
      </c>
      <c r="F10582">
        <v>2019</v>
      </c>
      <c r="G10582" t="s">
        <v>126</v>
      </c>
      <c r="H10582" t="s">
        <v>121</v>
      </c>
      <c r="I10582" t="s">
        <v>15</v>
      </c>
      <c r="J10582" s="10">
        <v>35.228066910000003</v>
      </c>
    </row>
    <row r="10583" spans="1:10" x14ac:dyDescent="0.35">
      <c r="A10583" t="s">
        <v>62</v>
      </c>
      <c r="B10583" t="s">
        <v>67</v>
      </c>
      <c r="C10583" t="s">
        <v>117</v>
      </c>
      <c r="D10583" t="s">
        <v>118</v>
      </c>
      <c r="E10583">
        <v>2019</v>
      </c>
      <c r="F10583">
        <v>2019</v>
      </c>
      <c r="G10583" t="s">
        <v>126</v>
      </c>
      <c r="H10583" t="s">
        <v>122</v>
      </c>
      <c r="I10583" t="s">
        <v>15</v>
      </c>
      <c r="J10583" s="10">
        <v>21.32740064</v>
      </c>
    </row>
    <row r="10584" spans="1:10" x14ac:dyDescent="0.35">
      <c r="A10584" t="s">
        <v>62</v>
      </c>
      <c r="B10584" t="s">
        <v>67</v>
      </c>
      <c r="C10584" t="s">
        <v>117</v>
      </c>
      <c r="D10584" t="s">
        <v>118</v>
      </c>
      <c r="E10584">
        <v>2019</v>
      </c>
      <c r="F10584">
        <v>2019</v>
      </c>
      <c r="G10584" t="s">
        <v>126</v>
      </c>
      <c r="H10584" t="s">
        <v>123</v>
      </c>
      <c r="I10584" t="s">
        <v>15</v>
      </c>
      <c r="J10584" s="10">
        <v>13.721287800000001</v>
      </c>
    </row>
    <row r="10585" spans="1:10" x14ac:dyDescent="0.35">
      <c r="A10585" t="s">
        <v>62</v>
      </c>
      <c r="B10585" t="s">
        <v>67</v>
      </c>
      <c r="C10585" t="s">
        <v>117</v>
      </c>
      <c r="D10585" t="s">
        <v>118</v>
      </c>
      <c r="E10585">
        <v>2019</v>
      </c>
      <c r="F10585">
        <v>2019</v>
      </c>
      <c r="G10585" t="s">
        <v>126</v>
      </c>
      <c r="H10585" t="s">
        <v>124</v>
      </c>
      <c r="I10585" t="s">
        <v>15</v>
      </c>
      <c r="J10585" s="10">
        <v>2.858407492</v>
      </c>
    </row>
    <row r="10586" spans="1:10" x14ac:dyDescent="0.35">
      <c r="A10586" t="s">
        <v>62</v>
      </c>
      <c r="B10586" t="s">
        <v>67</v>
      </c>
      <c r="C10586" t="s">
        <v>117</v>
      </c>
      <c r="D10586" t="s">
        <v>118</v>
      </c>
      <c r="E10586">
        <v>2018</v>
      </c>
      <c r="F10586">
        <v>2018</v>
      </c>
      <c r="G10586" t="s">
        <v>14</v>
      </c>
      <c r="H10586" t="s">
        <v>119</v>
      </c>
      <c r="I10586" t="s">
        <v>15</v>
      </c>
      <c r="J10586" s="10">
        <v>19.211396969999999</v>
      </c>
    </row>
    <row r="10587" spans="1:10" x14ac:dyDescent="0.35">
      <c r="A10587" t="s">
        <v>62</v>
      </c>
      <c r="B10587" t="s">
        <v>67</v>
      </c>
      <c r="C10587" t="s">
        <v>117</v>
      </c>
      <c r="D10587" t="s">
        <v>118</v>
      </c>
      <c r="E10587">
        <v>2018</v>
      </c>
      <c r="F10587">
        <v>2018</v>
      </c>
      <c r="G10587" t="s">
        <v>14</v>
      </c>
      <c r="H10587" t="s">
        <v>120</v>
      </c>
      <c r="I10587" t="s">
        <v>15</v>
      </c>
      <c r="J10587" s="10">
        <v>9.832847761</v>
      </c>
    </row>
    <row r="10588" spans="1:10" x14ac:dyDescent="0.35">
      <c r="A10588" t="s">
        <v>62</v>
      </c>
      <c r="B10588" t="s">
        <v>67</v>
      </c>
      <c r="C10588" t="s">
        <v>117</v>
      </c>
      <c r="D10588" t="s">
        <v>118</v>
      </c>
      <c r="E10588">
        <v>2018</v>
      </c>
      <c r="F10588">
        <v>2018</v>
      </c>
      <c r="G10588" t="s">
        <v>14</v>
      </c>
      <c r="H10588" t="s">
        <v>121</v>
      </c>
      <c r="I10588" t="s">
        <v>15</v>
      </c>
      <c r="J10588" s="10">
        <v>35.682188529999998</v>
      </c>
    </row>
    <row r="10589" spans="1:10" x14ac:dyDescent="0.35">
      <c r="A10589" t="s">
        <v>62</v>
      </c>
      <c r="B10589" t="s">
        <v>67</v>
      </c>
      <c r="C10589" t="s">
        <v>117</v>
      </c>
      <c r="D10589" t="s">
        <v>118</v>
      </c>
      <c r="E10589">
        <v>2018</v>
      </c>
      <c r="F10589">
        <v>2018</v>
      </c>
      <c r="G10589" t="s">
        <v>14</v>
      </c>
      <c r="H10589" t="s">
        <v>122</v>
      </c>
      <c r="I10589" t="s">
        <v>15</v>
      </c>
      <c r="J10589" s="10">
        <v>20.503925729999999</v>
      </c>
    </row>
    <row r="10590" spans="1:10" x14ac:dyDescent="0.35">
      <c r="A10590" t="s">
        <v>62</v>
      </c>
      <c r="B10590" t="s">
        <v>67</v>
      </c>
      <c r="C10590" t="s">
        <v>117</v>
      </c>
      <c r="D10590" t="s">
        <v>118</v>
      </c>
      <c r="E10590">
        <v>2018</v>
      </c>
      <c r="F10590">
        <v>2018</v>
      </c>
      <c r="G10590" t="s">
        <v>14</v>
      </c>
      <c r="H10590" t="s">
        <v>123</v>
      </c>
      <c r="I10590" t="s">
        <v>15</v>
      </c>
      <c r="J10590" s="10">
        <v>12.764801739999999</v>
      </c>
    </row>
    <row r="10591" spans="1:10" x14ac:dyDescent="0.35">
      <c r="A10591" t="s">
        <v>62</v>
      </c>
      <c r="B10591" t="s">
        <v>67</v>
      </c>
      <c r="C10591" t="s">
        <v>117</v>
      </c>
      <c r="D10591" t="s">
        <v>118</v>
      </c>
      <c r="E10591">
        <v>2018</v>
      </c>
      <c r="F10591">
        <v>2018</v>
      </c>
      <c r="G10591" t="s">
        <v>14</v>
      </c>
      <c r="H10591" t="s">
        <v>124</v>
      </c>
      <c r="I10591" t="s">
        <v>15</v>
      </c>
      <c r="J10591" s="10">
        <v>2.0048392669999999</v>
      </c>
    </row>
    <row r="10592" spans="1:10" x14ac:dyDescent="0.35">
      <c r="A10592" t="s">
        <v>62</v>
      </c>
      <c r="B10592" t="s">
        <v>67</v>
      </c>
      <c r="C10592" t="s">
        <v>117</v>
      </c>
      <c r="D10592" t="s">
        <v>118</v>
      </c>
      <c r="E10592">
        <v>2018</v>
      </c>
      <c r="F10592">
        <v>2018</v>
      </c>
      <c r="G10592" t="s">
        <v>125</v>
      </c>
      <c r="H10592" t="s">
        <v>119</v>
      </c>
      <c r="I10592" t="s">
        <v>15</v>
      </c>
      <c r="J10592" s="10">
        <v>20.706423699999998</v>
      </c>
    </row>
    <row r="10593" spans="1:10" x14ac:dyDescent="0.35">
      <c r="A10593" t="s">
        <v>62</v>
      </c>
      <c r="B10593" t="s">
        <v>67</v>
      </c>
      <c r="C10593" t="s">
        <v>117</v>
      </c>
      <c r="D10593" t="s">
        <v>118</v>
      </c>
      <c r="E10593">
        <v>2018</v>
      </c>
      <c r="F10593">
        <v>2018</v>
      </c>
      <c r="G10593" t="s">
        <v>125</v>
      </c>
      <c r="H10593" t="s">
        <v>120</v>
      </c>
      <c r="I10593" t="s">
        <v>15</v>
      </c>
      <c r="J10593" s="10">
        <v>10.60681325</v>
      </c>
    </row>
    <row r="10594" spans="1:10" x14ac:dyDescent="0.35">
      <c r="A10594" t="s">
        <v>62</v>
      </c>
      <c r="B10594" t="s">
        <v>67</v>
      </c>
      <c r="C10594" t="s">
        <v>117</v>
      </c>
      <c r="D10594" t="s">
        <v>118</v>
      </c>
      <c r="E10594">
        <v>2018</v>
      </c>
      <c r="F10594">
        <v>2018</v>
      </c>
      <c r="G10594" t="s">
        <v>125</v>
      </c>
      <c r="H10594" t="s">
        <v>121</v>
      </c>
      <c r="I10594" t="s">
        <v>15</v>
      </c>
      <c r="J10594" s="10">
        <v>35.880676620000003</v>
      </c>
    </row>
    <row r="10595" spans="1:10" x14ac:dyDescent="0.35">
      <c r="A10595" t="s">
        <v>62</v>
      </c>
      <c r="B10595" t="s">
        <v>67</v>
      </c>
      <c r="C10595" t="s">
        <v>117</v>
      </c>
      <c r="D10595" t="s">
        <v>118</v>
      </c>
      <c r="E10595">
        <v>2018</v>
      </c>
      <c r="F10595">
        <v>2018</v>
      </c>
      <c r="G10595" t="s">
        <v>125</v>
      </c>
      <c r="H10595" t="s">
        <v>122</v>
      </c>
      <c r="I10595" t="s">
        <v>15</v>
      </c>
      <c r="J10595" s="10">
        <v>19.890716099999999</v>
      </c>
    </row>
    <row r="10596" spans="1:10" x14ac:dyDescent="0.35">
      <c r="A10596" t="s">
        <v>62</v>
      </c>
      <c r="B10596" t="s">
        <v>67</v>
      </c>
      <c r="C10596" t="s">
        <v>117</v>
      </c>
      <c r="D10596" t="s">
        <v>118</v>
      </c>
      <c r="E10596">
        <v>2018</v>
      </c>
      <c r="F10596">
        <v>2018</v>
      </c>
      <c r="G10596" t="s">
        <v>125</v>
      </c>
      <c r="H10596" t="s">
        <v>123</v>
      </c>
      <c r="I10596" t="s">
        <v>15</v>
      </c>
      <c r="J10596" s="10">
        <v>11.69180894</v>
      </c>
    </row>
    <row r="10597" spans="1:10" x14ac:dyDescent="0.35">
      <c r="A10597" t="s">
        <v>62</v>
      </c>
      <c r="B10597" t="s">
        <v>67</v>
      </c>
      <c r="C10597" t="s">
        <v>117</v>
      </c>
      <c r="D10597" t="s">
        <v>118</v>
      </c>
      <c r="E10597">
        <v>2018</v>
      </c>
      <c r="F10597">
        <v>2018</v>
      </c>
      <c r="G10597" t="s">
        <v>125</v>
      </c>
      <c r="H10597" t="s">
        <v>124</v>
      </c>
      <c r="I10597" t="s">
        <v>15</v>
      </c>
      <c r="J10597" s="10">
        <v>1.2235613999999999</v>
      </c>
    </row>
    <row r="10598" spans="1:10" x14ac:dyDescent="0.35">
      <c r="A10598" t="s">
        <v>62</v>
      </c>
      <c r="B10598" t="s">
        <v>67</v>
      </c>
      <c r="C10598" t="s">
        <v>117</v>
      </c>
      <c r="D10598" t="s">
        <v>118</v>
      </c>
      <c r="E10598">
        <v>2018</v>
      </c>
      <c r="F10598">
        <v>2018</v>
      </c>
      <c r="G10598" t="s">
        <v>126</v>
      </c>
      <c r="H10598" t="s">
        <v>119</v>
      </c>
      <c r="I10598" t="s">
        <v>15</v>
      </c>
      <c r="J10598" s="10">
        <v>17.873932870000001</v>
      </c>
    </row>
    <row r="10599" spans="1:10" x14ac:dyDescent="0.35">
      <c r="A10599" t="s">
        <v>62</v>
      </c>
      <c r="B10599" t="s">
        <v>67</v>
      </c>
      <c r="C10599" t="s">
        <v>117</v>
      </c>
      <c r="D10599" t="s">
        <v>118</v>
      </c>
      <c r="E10599">
        <v>2018</v>
      </c>
      <c r="F10599">
        <v>2018</v>
      </c>
      <c r="G10599" t="s">
        <v>126</v>
      </c>
      <c r="H10599" t="s">
        <v>120</v>
      </c>
      <c r="I10599" t="s">
        <v>15</v>
      </c>
      <c r="J10599" s="10">
        <v>9.1404514090000006</v>
      </c>
    </row>
    <row r="10600" spans="1:10" x14ac:dyDescent="0.35">
      <c r="A10600" t="s">
        <v>62</v>
      </c>
      <c r="B10600" t="s">
        <v>67</v>
      </c>
      <c r="C10600" t="s">
        <v>117</v>
      </c>
      <c r="D10600" t="s">
        <v>118</v>
      </c>
      <c r="E10600">
        <v>2018</v>
      </c>
      <c r="F10600">
        <v>2018</v>
      </c>
      <c r="G10600" t="s">
        <v>126</v>
      </c>
      <c r="H10600" t="s">
        <v>121</v>
      </c>
      <c r="I10600" t="s">
        <v>15</v>
      </c>
      <c r="J10600" s="10">
        <v>35.504619339999998</v>
      </c>
    </row>
    <row r="10601" spans="1:10" x14ac:dyDescent="0.35">
      <c r="A10601" t="s">
        <v>62</v>
      </c>
      <c r="B10601" t="s">
        <v>67</v>
      </c>
      <c r="C10601" t="s">
        <v>117</v>
      </c>
      <c r="D10601" t="s">
        <v>118</v>
      </c>
      <c r="E10601">
        <v>2018</v>
      </c>
      <c r="F10601">
        <v>2018</v>
      </c>
      <c r="G10601" t="s">
        <v>126</v>
      </c>
      <c r="H10601" t="s">
        <v>122</v>
      </c>
      <c r="I10601" t="s">
        <v>15</v>
      </c>
      <c r="J10601" s="10">
        <v>21.05250848</v>
      </c>
    </row>
    <row r="10602" spans="1:10" x14ac:dyDescent="0.35">
      <c r="A10602" t="s">
        <v>62</v>
      </c>
      <c r="B10602" t="s">
        <v>67</v>
      </c>
      <c r="C10602" t="s">
        <v>117</v>
      </c>
      <c r="D10602" t="s">
        <v>118</v>
      </c>
      <c r="E10602">
        <v>2018</v>
      </c>
      <c r="F10602">
        <v>2018</v>
      </c>
      <c r="G10602" t="s">
        <v>126</v>
      </c>
      <c r="H10602" t="s">
        <v>123</v>
      </c>
      <c r="I10602" t="s">
        <v>15</v>
      </c>
      <c r="J10602" s="10">
        <v>13.72471056</v>
      </c>
    </row>
    <row r="10603" spans="1:10" x14ac:dyDescent="0.35">
      <c r="A10603" t="s">
        <v>62</v>
      </c>
      <c r="B10603" t="s">
        <v>67</v>
      </c>
      <c r="C10603" t="s">
        <v>117</v>
      </c>
      <c r="D10603" t="s">
        <v>118</v>
      </c>
      <c r="E10603">
        <v>2018</v>
      </c>
      <c r="F10603">
        <v>2018</v>
      </c>
      <c r="G10603" t="s">
        <v>126</v>
      </c>
      <c r="H10603" t="s">
        <v>124</v>
      </c>
      <c r="I10603" t="s">
        <v>15</v>
      </c>
      <c r="J10603" s="10">
        <v>2.7037773359999999</v>
      </c>
    </row>
    <row r="10604" spans="1:10" x14ac:dyDescent="0.35">
      <c r="A10604" t="s">
        <v>62</v>
      </c>
      <c r="B10604" t="s">
        <v>67</v>
      </c>
      <c r="C10604" t="s">
        <v>117</v>
      </c>
      <c r="D10604" t="s">
        <v>118</v>
      </c>
      <c r="E10604">
        <v>2017</v>
      </c>
      <c r="F10604">
        <v>2017</v>
      </c>
      <c r="G10604" t="s">
        <v>14</v>
      </c>
      <c r="H10604" t="s">
        <v>119</v>
      </c>
      <c r="I10604" t="s">
        <v>15</v>
      </c>
      <c r="J10604" s="10">
        <v>19.290942300000001</v>
      </c>
    </row>
    <row r="10605" spans="1:10" x14ac:dyDescent="0.35">
      <c r="A10605" t="s">
        <v>62</v>
      </c>
      <c r="B10605" t="s">
        <v>67</v>
      </c>
      <c r="C10605" t="s">
        <v>117</v>
      </c>
      <c r="D10605" t="s">
        <v>118</v>
      </c>
      <c r="E10605">
        <v>2017</v>
      </c>
      <c r="F10605">
        <v>2017</v>
      </c>
      <c r="G10605" t="s">
        <v>14</v>
      </c>
      <c r="H10605" t="s">
        <v>120</v>
      </c>
      <c r="I10605" t="s">
        <v>15</v>
      </c>
      <c r="J10605" s="10">
        <v>10.203422270000001</v>
      </c>
    </row>
    <row r="10606" spans="1:10" x14ac:dyDescent="0.35">
      <c r="A10606" t="s">
        <v>62</v>
      </c>
      <c r="B10606" t="s">
        <v>67</v>
      </c>
      <c r="C10606" t="s">
        <v>117</v>
      </c>
      <c r="D10606" t="s">
        <v>118</v>
      </c>
      <c r="E10606">
        <v>2017</v>
      </c>
      <c r="F10606">
        <v>2017</v>
      </c>
      <c r="G10606" t="s">
        <v>14</v>
      </c>
      <c r="H10606" t="s">
        <v>121</v>
      </c>
      <c r="I10606" t="s">
        <v>15</v>
      </c>
      <c r="J10606" s="10">
        <v>35.480223180000003</v>
      </c>
    </row>
    <row r="10607" spans="1:10" x14ac:dyDescent="0.35">
      <c r="A10607" t="s">
        <v>62</v>
      </c>
      <c r="B10607" t="s">
        <v>67</v>
      </c>
      <c r="C10607" t="s">
        <v>117</v>
      </c>
      <c r="D10607" t="s">
        <v>118</v>
      </c>
      <c r="E10607">
        <v>2017</v>
      </c>
      <c r="F10607">
        <v>2017</v>
      </c>
      <c r="G10607" t="s">
        <v>14</v>
      </c>
      <c r="H10607" t="s">
        <v>122</v>
      </c>
      <c r="I10607" t="s">
        <v>15</v>
      </c>
      <c r="J10607" s="10">
        <v>20.224174569999999</v>
      </c>
    </row>
    <row r="10608" spans="1:10" x14ac:dyDescent="0.35">
      <c r="A10608" t="s">
        <v>62</v>
      </c>
      <c r="B10608" t="s">
        <v>67</v>
      </c>
      <c r="C10608" t="s">
        <v>117</v>
      </c>
      <c r="D10608" t="s">
        <v>118</v>
      </c>
      <c r="E10608">
        <v>2017</v>
      </c>
      <c r="F10608">
        <v>2017</v>
      </c>
      <c r="G10608" t="s">
        <v>14</v>
      </c>
      <c r="H10608" t="s">
        <v>123</v>
      </c>
      <c r="I10608" t="s">
        <v>15</v>
      </c>
      <c r="J10608" s="10">
        <v>12.81920644</v>
      </c>
    </row>
    <row r="10609" spans="1:10" x14ac:dyDescent="0.35">
      <c r="A10609" t="s">
        <v>62</v>
      </c>
      <c r="B10609" t="s">
        <v>67</v>
      </c>
      <c r="C10609" t="s">
        <v>117</v>
      </c>
      <c r="D10609" t="s">
        <v>118</v>
      </c>
      <c r="E10609">
        <v>2017</v>
      </c>
      <c r="F10609">
        <v>2017</v>
      </c>
      <c r="G10609" t="s">
        <v>14</v>
      </c>
      <c r="H10609" t="s">
        <v>124</v>
      </c>
      <c r="I10609" t="s">
        <v>15</v>
      </c>
      <c r="J10609" s="10">
        <v>1.98203124</v>
      </c>
    </row>
    <row r="10610" spans="1:10" x14ac:dyDescent="0.35">
      <c r="A10610" t="s">
        <v>62</v>
      </c>
      <c r="B10610" t="s">
        <v>67</v>
      </c>
      <c r="C10610" t="s">
        <v>117</v>
      </c>
      <c r="D10610" t="s">
        <v>118</v>
      </c>
      <c r="E10610">
        <v>2017</v>
      </c>
      <c r="F10610">
        <v>2017</v>
      </c>
      <c r="G10610" t="s">
        <v>125</v>
      </c>
      <c r="H10610" t="s">
        <v>119</v>
      </c>
      <c r="I10610" t="s">
        <v>15</v>
      </c>
      <c r="J10610" s="10">
        <v>20.836517929999999</v>
      </c>
    </row>
    <row r="10611" spans="1:10" x14ac:dyDescent="0.35">
      <c r="A10611" t="s">
        <v>62</v>
      </c>
      <c r="B10611" t="s">
        <v>67</v>
      </c>
      <c r="C10611" t="s">
        <v>117</v>
      </c>
      <c r="D10611" t="s">
        <v>118</v>
      </c>
      <c r="E10611">
        <v>2017</v>
      </c>
      <c r="F10611">
        <v>2017</v>
      </c>
      <c r="G10611" t="s">
        <v>125</v>
      </c>
      <c r="H10611" t="s">
        <v>120</v>
      </c>
      <c r="I10611" t="s">
        <v>15</v>
      </c>
      <c r="J10611" s="10">
        <v>10.992805000000001</v>
      </c>
    </row>
    <row r="10612" spans="1:10" x14ac:dyDescent="0.35">
      <c r="A10612" t="s">
        <v>62</v>
      </c>
      <c r="B10612" t="s">
        <v>67</v>
      </c>
      <c r="C10612" t="s">
        <v>117</v>
      </c>
      <c r="D10612" t="s">
        <v>118</v>
      </c>
      <c r="E10612">
        <v>2017</v>
      </c>
      <c r="F10612">
        <v>2017</v>
      </c>
      <c r="G10612" t="s">
        <v>125</v>
      </c>
      <c r="H10612" t="s">
        <v>121</v>
      </c>
      <c r="I10612" t="s">
        <v>15</v>
      </c>
      <c r="J10612" s="10">
        <v>35.642938090000001</v>
      </c>
    </row>
    <row r="10613" spans="1:10" x14ac:dyDescent="0.35">
      <c r="A10613" t="s">
        <v>62</v>
      </c>
      <c r="B10613" t="s">
        <v>67</v>
      </c>
      <c r="C10613" t="s">
        <v>117</v>
      </c>
      <c r="D10613" t="s">
        <v>118</v>
      </c>
      <c r="E10613">
        <v>2017</v>
      </c>
      <c r="F10613">
        <v>2017</v>
      </c>
      <c r="G10613" t="s">
        <v>125</v>
      </c>
      <c r="H10613" t="s">
        <v>122</v>
      </c>
      <c r="I10613" t="s">
        <v>15</v>
      </c>
      <c r="J10613" s="10">
        <v>19.750678650000001</v>
      </c>
    </row>
    <row r="10614" spans="1:10" x14ac:dyDescent="0.35">
      <c r="A10614" t="s">
        <v>62</v>
      </c>
      <c r="B10614" t="s">
        <v>67</v>
      </c>
      <c r="C10614" t="s">
        <v>117</v>
      </c>
      <c r="D10614" t="s">
        <v>118</v>
      </c>
      <c r="E10614">
        <v>2017</v>
      </c>
      <c r="F10614">
        <v>2017</v>
      </c>
      <c r="G10614" t="s">
        <v>125</v>
      </c>
      <c r="H10614" t="s">
        <v>123</v>
      </c>
      <c r="I10614" t="s">
        <v>15</v>
      </c>
      <c r="J10614" s="10">
        <v>11.551537829999999</v>
      </c>
    </row>
    <row r="10615" spans="1:10" x14ac:dyDescent="0.35">
      <c r="A10615" t="s">
        <v>62</v>
      </c>
      <c r="B10615" t="s">
        <v>67</v>
      </c>
      <c r="C10615" t="s">
        <v>117</v>
      </c>
      <c r="D10615" t="s">
        <v>118</v>
      </c>
      <c r="E10615">
        <v>2017</v>
      </c>
      <c r="F10615">
        <v>2017</v>
      </c>
      <c r="G10615" t="s">
        <v>125</v>
      </c>
      <c r="H10615" t="s">
        <v>124</v>
      </c>
      <c r="I10615" t="s">
        <v>15</v>
      </c>
      <c r="J10615" s="10">
        <v>1.225522494</v>
      </c>
    </row>
    <row r="10616" spans="1:10" x14ac:dyDescent="0.35">
      <c r="A10616" t="s">
        <v>62</v>
      </c>
      <c r="B10616" t="s">
        <v>67</v>
      </c>
      <c r="C10616" t="s">
        <v>117</v>
      </c>
      <c r="D10616" t="s">
        <v>118</v>
      </c>
      <c r="E10616">
        <v>2017</v>
      </c>
      <c r="F10616">
        <v>2017</v>
      </c>
      <c r="G10616" t="s">
        <v>126</v>
      </c>
      <c r="H10616" t="s">
        <v>119</v>
      </c>
      <c r="I10616" t="s">
        <v>15</v>
      </c>
      <c r="J10616" s="10">
        <v>17.912062070000001</v>
      </c>
    </row>
    <row r="10617" spans="1:10" x14ac:dyDescent="0.35">
      <c r="A10617" t="s">
        <v>62</v>
      </c>
      <c r="B10617" t="s">
        <v>67</v>
      </c>
      <c r="C10617" t="s">
        <v>117</v>
      </c>
      <c r="D10617" t="s">
        <v>118</v>
      </c>
      <c r="E10617">
        <v>2017</v>
      </c>
      <c r="F10617">
        <v>2017</v>
      </c>
      <c r="G10617" t="s">
        <v>126</v>
      </c>
      <c r="H10617" t="s">
        <v>120</v>
      </c>
      <c r="I10617" t="s">
        <v>15</v>
      </c>
      <c r="J10617" s="10">
        <v>9.4991770510000002</v>
      </c>
    </row>
    <row r="10618" spans="1:10" x14ac:dyDescent="0.35">
      <c r="A10618" t="s">
        <v>62</v>
      </c>
      <c r="B10618" t="s">
        <v>67</v>
      </c>
      <c r="C10618" t="s">
        <v>117</v>
      </c>
      <c r="D10618" t="s">
        <v>118</v>
      </c>
      <c r="E10618">
        <v>2017</v>
      </c>
      <c r="F10618">
        <v>2017</v>
      </c>
      <c r="G10618" t="s">
        <v>126</v>
      </c>
      <c r="H10618" t="s">
        <v>121</v>
      </c>
      <c r="I10618" t="s">
        <v>15</v>
      </c>
      <c r="J10618" s="10">
        <v>35.33505761</v>
      </c>
    </row>
    <row r="10619" spans="1:10" x14ac:dyDescent="0.35">
      <c r="A10619" t="s">
        <v>62</v>
      </c>
      <c r="B10619" t="s">
        <v>67</v>
      </c>
      <c r="C10619" t="s">
        <v>117</v>
      </c>
      <c r="D10619" t="s">
        <v>118</v>
      </c>
      <c r="E10619">
        <v>2017</v>
      </c>
      <c r="F10619">
        <v>2017</v>
      </c>
      <c r="G10619" t="s">
        <v>126</v>
      </c>
      <c r="H10619" t="s">
        <v>122</v>
      </c>
      <c r="I10619" t="s">
        <v>15</v>
      </c>
      <c r="J10619" s="10">
        <v>20.646602399999999</v>
      </c>
    </row>
    <row r="10620" spans="1:10" x14ac:dyDescent="0.35">
      <c r="A10620" t="s">
        <v>62</v>
      </c>
      <c r="B10620" t="s">
        <v>67</v>
      </c>
      <c r="C10620" t="s">
        <v>117</v>
      </c>
      <c r="D10620" t="s">
        <v>118</v>
      </c>
      <c r="E10620">
        <v>2017</v>
      </c>
      <c r="F10620">
        <v>2017</v>
      </c>
      <c r="G10620" t="s">
        <v>126</v>
      </c>
      <c r="H10620" t="s">
        <v>123</v>
      </c>
      <c r="I10620" t="s">
        <v>15</v>
      </c>
      <c r="J10620" s="10">
        <v>13.95015283</v>
      </c>
    </row>
    <row r="10621" spans="1:10" x14ac:dyDescent="0.35">
      <c r="A10621" t="s">
        <v>62</v>
      </c>
      <c r="B10621" t="s">
        <v>67</v>
      </c>
      <c r="C10621" t="s">
        <v>117</v>
      </c>
      <c r="D10621" t="s">
        <v>118</v>
      </c>
      <c r="E10621">
        <v>2017</v>
      </c>
      <c r="F10621">
        <v>2017</v>
      </c>
      <c r="G10621" t="s">
        <v>126</v>
      </c>
      <c r="H10621" t="s">
        <v>124</v>
      </c>
      <c r="I10621" t="s">
        <v>15</v>
      </c>
      <c r="J10621" s="10">
        <v>2.6569480369999998</v>
      </c>
    </row>
    <row r="10622" spans="1:10" x14ac:dyDescent="0.35">
      <c r="A10622" t="s">
        <v>62</v>
      </c>
      <c r="B10622" t="s">
        <v>67</v>
      </c>
      <c r="C10622" t="s">
        <v>117</v>
      </c>
      <c r="D10622" t="s">
        <v>118</v>
      </c>
      <c r="E10622">
        <v>2016</v>
      </c>
      <c r="F10622">
        <v>2016</v>
      </c>
      <c r="G10622" t="s">
        <v>14</v>
      </c>
      <c r="H10622" t="s">
        <v>119</v>
      </c>
      <c r="I10622" t="s">
        <v>15</v>
      </c>
      <c r="J10622" s="10">
        <v>19.244924019999999</v>
      </c>
    </row>
    <row r="10623" spans="1:10" x14ac:dyDescent="0.35">
      <c r="A10623" t="s">
        <v>62</v>
      </c>
      <c r="B10623" t="s">
        <v>67</v>
      </c>
      <c r="C10623" t="s">
        <v>117</v>
      </c>
      <c r="D10623" t="s">
        <v>118</v>
      </c>
      <c r="E10623">
        <v>2016</v>
      </c>
      <c r="F10623">
        <v>2016</v>
      </c>
      <c r="G10623" t="s">
        <v>14</v>
      </c>
      <c r="H10623" t="s">
        <v>120</v>
      </c>
      <c r="I10623" t="s">
        <v>15</v>
      </c>
      <c r="J10623" s="10">
        <v>10.6814711</v>
      </c>
    </row>
    <row r="10624" spans="1:10" x14ac:dyDescent="0.35">
      <c r="A10624" t="s">
        <v>62</v>
      </c>
      <c r="B10624" t="s">
        <v>67</v>
      </c>
      <c r="C10624" t="s">
        <v>117</v>
      </c>
      <c r="D10624" t="s">
        <v>118</v>
      </c>
      <c r="E10624">
        <v>2016</v>
      </c>
      <c r="F10624">
        <v>2016</v>
      </c>
      <c r="G10624" t="s">
        <v>14</v>
      </c>
      <c r="H10624" t="s">
        <v>121</v>
      </c>
      <c r="I10624" t="s">
        <v>15</v>
      </c>
      <c r="J10624" s="10">
        <v>35.334101089999997</v>
      </c>
    </row>
    <row r="10625" spans="1:10" x14ac:dyDescent="0.35">
      <c r="A10625" t="s">
        <v>62</v>
      </c>
      <c r="B10625" t="s">
        <v>67</v>
      </c>
      <c r="C10625" t="s">
        <v>117</v>
      </c>
      <c r="D10625" t="s">
        <v>118</v>
      </c>
      <c r="E10625">
        <v>2016</v>
      </c>
      <c r="F10625">
        <v>2016</v>
      </c>
      <c r="G10625" t="s">
        <v>14</v>
      </c>
      <c r="H10625" t="s">
        <v>122</v>
      </c>
      <c r="I10625" t="s">
        <v>15</v>
      </c>
      <c r="J10625" s="10">
        <v>19.957188989999999</v>
      </c>
    </row>
    <row r="10626" spans="1:10" x14ac:dyDescent="0.35">
      <c r="A10626" t="s">
        <v>62</v>
      </c>
      <c r="B10626" t="s">
        <v>67</v>
      </c>
      <c r="C10626" t="s">
        <v>117</v>
      </c>
      <c r="D10626" t="s">
        <v>118</v>
      </c>
      <c r="E10626">
        <v>2016</v>
      </c>
      <c r="F10626">
        <v>2016</v>
      </c>
      <c r="G10626" t="s">
        <v>14</v>
      </c>
      <c r="H10626" t="s">
        <v>123</v>
      </c>
      <c r="I10626" t="s">
        <v>15</v>
      </c>
      <c r="J10626" s="10">
        <v>12.842049919999999</v>
      </c>
    </row>
    <row r="10627" spans="1:10" x14ac:dyDescent="0.35">
      <c r="A10627" t="s">
        <v>62</v>
      </c>
      <c r="B10627" t="s">
        <v>67</v>
      </c>
      <c r="C10627" t="s">
        <v>117</v>
      </c>
      <c r="D10627" t="s">
        <v>118</v>
      </c>
      <c r="E10627">
        <v>2016</v>
      </c>
      <c r="F10627">
        <v>2016</v>
      </c>
      <c r="G10627" t="s">
        <v>14</v>
      </c>
      <c r="H10627" t="s">
        <v>124</v>
      </c>
      <c r="I10627" t="s">
        <v>15</v>
      </c>
      <c r="J10627" s="10">
        <v>1.9402648769999999</v>
      </c>
    </row>
    <row r="10628" spans="1:10" x14ac:dyDescent="0.35">
      <c r="A10628" t="s">
        <v>62</v>
      </c>
      <c r="B10628" t="s">
        <v>67</v>
      </c>
      <c r="C10628" t="s">
        <v>117</v>
      </c>
      <c r="D10628" t="s">
        <v>118</v>
      </c>
      <c r="E10628">
        <v>2016</v>
      </c>
      <c r="F10628">
        <v>2016</v>
      </c>
      <c r="G10628" t="s">
        <v>125</v>
      </c>
      <c r="H10628" t="s">
        <v>119</v>
      </c>
      <c r="I10628" t="s">
        <v>15</v>
      </c>
      <c r="J10628" s="10">
        <v>20.730732329999999</v>
      </c>
    </row>
    <row r="10629" spans="1:10" x14ac:dyDescent="0.35">
      <c r="A10629" t="s">
        <v>62</v>
      </c>
      <c r="B10629" t="s">
        <v>67</v>
      </c>
      <c r="C10629" t="s">
        <v>117</v>
      </c>
      <c r="D10629" t="s">
        <v>118</v>
      </c>
      <c r="E10629">
        <v>2016</v>
      </c>
      <c r="F10629">
        <v>2016</v>
      </c>
      <c r="G10629" t="s">
        <v>125</v>
      </c>
      <c r="H10629" t="s">
        <v>120</v>
      </c>
      <c r="I10629" t="s">
        <v>15</v>
      </c>
      <c r="J10629" s="10">
        <v>11.560601220000001</v>
      </c>
    </row>
    <row r="10630" spans="1:10" x14ac:dyDescent="0.35">
      <c r="A10630" t="s">
        <v>62</v>
      </c>
      <c r="B10630" t="s">
        <v>67</v>
      </c>
      <c r="C10630" t="s">
        <v>117</v>
      </c>
      <c r="D10630" t="s">
        <v>118</v>
      </c>
      <c r="E10630">
        <v>2016</v>
      </c>
      <c r="F10630">
        <v>2016</v>
      </c>
      <c r="G10630" t="s">
        <v>125</v>
      </c>
      <c r="H10630" t="s">
        <v>121</v>
      </c>
      <c r="I10630" t="s">
        <v>15</v>
      </c>
      <c r="J10630" s="10">
        <v>35.494616780000001</v>
      </c>
    </row>
    <row r="10631" spans="1:10" x14ac:dyDescent="0.35">
      <c r="A10631" t="s">
        <v>62</v>
      </c>
      <c r="B10631" t="s">
        <v>67</v>
      </c>
      <c r="C10631" t="s">
        <v>117</v>
      </c>
      <c r="D10631" t="s">
        <v>118</v>
      </c>
      <c r="E10631">
        <v>2016</v>
      </c>
      <c r="F10631">
        <v>2016</v>
      </c>
      <c r="G10631" t="s">
        <v>125</v>
      </c>
      <c r="H10631" t="s">
        <v>122</v>
      </c>
      <c r="I10631" t="s">
        <v>15</v>
      </c>
      <c r="J10631" s="10">
        <v>19.555484490000001</v>
      </c>
    </row>
    <row r="10632" spans="1:10" x14ac:dyDescent="0.35">
      <c r="A10632" t="s">
        <v>62</v>
      </c>
      <c r="B10632" t="s">
        <v>67</v>
      </c>
      <c r="C10632" t="s">
        <v>117</v>
      </c>
      <c r="D10632" t="s">
        <v>118</v>
      </c>
      <c r="E10632">
        <v>2016</v>
      </c>
      <c r="F10632">
        <v>2016</v>
      </c>
      <c r="G10632" t="s">
        <v>125</v>
      </c>
      <c r="H10632" t="s">
        <v>123</v>
      </c>
      <c r="I10632" t="s">
        <v>15</v>
      </c>
      <c r="J10632" s="10">
        <v>11.438013010000001</v>
      </c>
    </row>
    <row r="10633" spans="1:10" x14ac:dyDescent="0.35">
      <c r="A10633" t="s">
        <v>62</v>
      </c>
      <c r="B10633" t="s">
        <v>67</v>
      </c>
      <c r="C10633" t="s">
        <v>117</v>
      </c>
      <c r="D10633" t="s">
        <v>118</v>
      </c>
      <c r="E10633">
        <v>2016</v>
      </c>
      <c r="F10633">
        <v>2016</v>
      </c>
      <c r="G10633" t="s">
        <v>125</v>
      </c>
      <c r="H10633" t="s">
        <v>124</v>
      </c>
      <c r="I10633" t="s">
        <v>15</v>
      </c>
      <c r="J10633" s="10">
        <v>1.2205521800000001</v>
      </c>
    </row>
    <row r="10634" spans="1:10" x14ac:dyDescent="0.35">
      <c r="A10634" t="s">
        <v>62</v>
      </c>
      <c r="B10634" t="s">
        <v>67</v>
      </c>
      <c r="C10634" t="s">
        <v>117</v>
      </c>
      <c r="D10634" t="s">
        <v>118</v>
      </c>
      <c r="E10634">
        <v>2016</v>
      </c>
      <c r="F10634">
        <v>2016</v>
      </c>
      <c r="G10634" t="s">
        <v>126</v>
      </c>
      <c r="H10634" t="s">
        <v>119</v>
      </c>
      <c r="I10634" t="s">
        <v>15</v>
      </c>
      <c r="J10634" s="10">
        <v>17.928804119999999</v>
      </c>
    </row>
    <row r="10635" spans="1:10" x14ac:dyDescent="0.35">
      <c r="A10635" t="s">
        <v>62</v>
      </c>
      <c r="B10635" t="s">
        <v>67</v>
      </c>
      <c r="C10635" t="s">
        <v>117</v>
      </c>
      <c r="D10635" t="s">
        <v>118</v>
      </c>
      <c r="E10635">
        <v>2016</v>
      </c>
      <c r="F10635">
        <v>2016</v>
      </c>
      <c r="G10635" t="s">
        <v>126</v>
      </c>
      <c r="H10635" t="s">
        <v>120</v>
      </c>
      <c r="I10635" t="s">
        <v>15</v>
      </c>
      <c r="J10635" s="10">
        <v>9.9027430239999994</v>
      </c>
    </row>
    <row r="10636" spans="1:10" x14ac:dyDescent="0.35">
      <c r="A10636" t="s">
        <v>62</v>
      </c>
      <c r="B10636" t="s">
        <v>67</v>
      </c>
      <c r="C10636" t="s">
        <v>117</v>
      </c>
      <c r="D10636" t="s">
        <v>118</v>
      </c>
      <c r="E10636">
        <v>2016</v>
      </c>
      <c r="F10636">
        <v>2016</v>
      </c>
      <c r="G10636" t="s">
        <v>126</v>
      </c>
      <c r="H10636" t="s">
        <v>121</v>
      </c>
      <c r="I10636" t="s">
        <v>15</v>
      </c>
      <c r="J10636" s="10">
        <v>35.191917279999998</v>
      </c>
    </row>
    <row r="10637" spans="1:10" x14ac:dyDescent="0.35">
      <c r="A10637" t="s">
        <v>62</v>
      </c>
      <c r="B10637" t="s">
        <v>67</v>
      </c>
      <c r="C10637" t="s">
        <v>117</v>
      </c>
      <c r="D10637" t="s">
        <v>118</v>
      </c>
      <c r="E10637">
        <v>2016</v>
      </c>
      <c r="F10637">
        <v>2016</v>
      </c>
      <c r="G10637" t="s">
        <v>126</v>
      </c>
      <c r="H10637" t="s">
        <v>122</v>
      </c>
      <c r="I10637" t="s">
        <v>15</v>
      </c>
      <c r="J10637" s="10">
        <v>20.313016380000001</v>
      </c>
    </row>
    <row r="10638" spans="1:10" x14ac:dyDescent="0.35">
      <c r="A10638" t="s">
        <v>62</v>
      </c>
      <c r="B10638" t="s">
        <v>67</v>
      </c>
      <c r="C10638" t="s">
        <v>117</v>
      </c>
      <c r="D10638" t="s">
        <v>118</v>
      </c>
      <c r="E10638">
        <v>2016</v>
      </c>
      <c r="F10638">
        <v>2016</v>
      </c>
      <c r="G10638" t="s">
        <v>126</v>
      </c>
      <c r="H10638" t="s">
        <v>123</v>
      </c>
      <c r="I10638" t="s">
        <v>15</v>
      </c>
      <c r="J10638" s="10">
        <v>14.08573722</v>
      </c>
    </row>
    <row r="10639" spans="1:10" x14ac:dyDescent="0.35">
      <c r="A10639" t="s">
        <v>62</v>
      </c>
      <c r="B10639" t="s">
        <v>67</v>
      </c>
      <c r="C10639" t="s">
        <v>117</v>
      </c>
      <c r="D10639" t="s">
        <v>118</v>
      </c>
      <c r="E10639">
        <v>2016</v>
      </c>
      <c r="F10639">
        <v>2016</v>
      </c>
      <c r="G10639" t="s">
        <v>126</v>
      </c>
      <c r="H10639" t="s">
        <v>124</v>
      </c>
      <c r="I10639" t="s">
        <v>15</v>
      </c>
      <c r="J10639" s="10">
        <v>2.5777819740000001</v>
      </c>
    </row>
    <row r="10640" spans="1:10" x14ac:dyDescent="0.35">
      <c r="A10640" t="s">
        <v>62</v>
      </c>
      <c r="B10640" t="s">
        <v>67</v>
      </c>
      <c r="C10640" t="s">
        <v>117</v>
      </c>
      <c r="D10640" t="s">
        <v>118</v>
      </c>
      <c r="E10640">
        <v>2015</v>
      </c>
      <c r="F10640">
        <v>2015</v>
      </c>
      <c r="G10640" t="s">
        <v>14</v>
      </c>
      <c r="H10640" t="s">
        <v>119</v>
      </c>
      <c r="I10640" t="s">
        <v>15</v>
      </c>
      <c r="J10640" s="10">
        <v>19.326788570000001</v>
      </c>
    </row>
    <row r="10641" spans="1:10" x14ac:dyDescent="0.35">
      <c r="A10641" t="s">
        <v>62</v>
      </c>
      <c r="B10641" t="s">
        <v>67</v>
      </c>
      <c r="C10641" t="s">
        <v>117</v>
      </c>
      <c r="D10641" t="s">
        <v>118</v>
      </c>
      <c r="E10641">
        <v>2015</v>
      </c>
      <c r="F10641">
        <v>2015</v>
      </c>
      <c r="G10641" t="s">
        <v>14</v>
      </c>
      <c r="H10641" t="s">
        <v>120</v>
      </c>
      <c r="I10641" t="s">
        <v>15</v>
      </c>
      <c r="J10641" s="10">
        <v>11.0546811</v>
      </c>
    </row>
    <row r="10642" spans="1:10" x14ac:dyDescent="0.35">
      <c r="A10642" t="s">
        <v>62</v>
      </c>
      <c r="B10642" t="s">
        <v>67</v>
      </c>
      <c r="C10642" t="s">
        <v>117</v>
      </c>
      <c r="D10642" t="s">
        <v>118</v>
      </c>
      <c r="E10642">
        <v>2015</v>
      </c>
      <c r="F10642">
        <v>2015</v>
      </c>
      <c r="G10642" t="s">
        <v>14</v>
      </c>
      <c r="H10642" t="s">
        <v>121</v>
      </c>
      <c r="I10642" t="s">
        <v>15</v>
      </c>
      <c r="J10642" s="10">
        <v>35.170319210000002</v>
      </c>
    </row>
    <row r="10643" spans="1:10" x14ac:dyDescent="0.35">
      <c r="A10643" t="s">
        <v>62</v>
      </c>
      <c r="B10643" t="s">
        <v>67</v>
      </c>
      <c r="C10643" t="s">
        <v>117</v>
      </c>
      <c r="D10643" t="s">
        <v>118</v>
      </c>
      <c r="E10643">
        <v>2015</v>
      </c>
      <c r="F10643">
        <v>2015</v>
      </c>
      <c r="G10643" t="s">
        <v>14</v>
      </c>
      <c r="H10643" t="s">
        <v>122</v>
      </c>
      <c r="I10643" t="s">
        <v>15</v>
      </c>
      <c r="J10643" s="10">
        <v>19.65066603</v>
      </c>
    </row>
    <row r="10644" spans="1:10" x14ac:dyDescent="0.35">
      <c r="A10644" t="s">
        <v>62</v>
      </c>
      <c r="B10644" t="s">
        <v>67</v>
      </c>
      <c r="C10644" t="s">
        <v>117</v>
      </c>
      <c r="D10644" t="s">
        <v>118</v>
      </c>
      <c r="E10644">
        <v>2015</v>
      </c>
      <c r="F10644">
        <v>2015</v>
      </c>
      <c r="G10644" t="s">
        <v>14</v>
      </c>
      <c r="H10644" t="s">
        <v>123</v>
      </c>
      <c r="I10644" t="s">
        <v>15</v>
      </c>
      <c r="J10644" s="10">
        <v>12.93619488</v>
      </c>
    </row>
    <row r="10645" spans="1:10" x14ac:dyDescent="0.35">
      <c r="A10645" t="s">
        <v>62</v>
      </c>
      <c r="B10645" t="s">
        <v>67</v>
      </c>
      <c r="C10645" t="s">
        <v>117</v>
      </c>
      <c r="D10645" t="s">
        <v>118</v>
      </c>
      <c r="E10645">
        <v>2015</v>
      </c>
      <c r="F10645">
        <v>2015</v>
      </c>
      <c r="G10645" t="s">
        <v>14</v>
      </c>
      <c r="H10645" t="s">
        <v>124</v>
      </c>
      <c r="I10645" t="s">
        <v>15</v>
      </c>
      <c r="J10645" s="10">
        <v>1.8613502040000001</v>
      </c>
    </row>
    <row r="10646" spans="1:10" x14ac:dyDescent="0.35">
      <c r="A10646" t="s">
        <v>62</v>
      </c>
      <c r="B10646" t="s">
        <v>67</v>
      </c>
      <c r="C10646" t="s">
        <v>117</v>
      </c>
      <c r="D10646" t="s">
        <v>118</v>
      </c>
      <c r="E10646">
        <v>2015</v>
      </c>
      <c r="F10646">
        <v>2015</v>
      </c>
      <c r="G10646" t="s">
        <v>125</v>
      </c>
      <c r="H10646" t="s">
        <v>119</v>
      </c>
      <c r="I10646" t="s">
        <v>15</v>
      </c>
      <c r="J10646" s="10">
        <v>20.910556</v>
      </c>
    </row>
    <row r="10647" spans="1:10" x14ac:dyDescent="0.35">
      <c r="A10647" t="s">
        <v>62</v>
      </c>
      <c r="B10647" t="s">
        <v>67</v>
      </c>
      <c r="C10647" t="s">
        <v>117</v>
      </c>
      <c r="D10647" t="s">
        <v>118</v>
      </c>
      <c r="E10647">
        <v>2015</v>
      </c>
      <c r="F10647">
        <v>2015</v>
      </c>
      <c r="G10647" t="s">
        <v>125</v>
      </c>
      <c r="H10647" t="s">
        <v>120</v>
      </c>
      <c r="I10647" t="s">
        <v>15</v>
      </c>
      <c r="J10647" s="10">
        <v>11.834542040000001</v>
      </c>
    </row>
    <row r="10648" spans="1:10" x14ac:dyDescent="0.35">
      <c r="A10648" t="s">
        <v>62</v>
      </c>
      <c r="B10648" t="s">
        <v>67</v>
      </c>
      <c r="C10648" t="s">
        <v>117</v>
      </c>
      <c r="D10648" t="s">
        <v>118</v>
      </c>
      <c r="E10648">
        <v>2015</v>
      </c>
      <c r="F10648">
        <v>2015</v>
      </c>
      <c r="G10648" t="s">
        <v>125</v>
      </c>
      <c r="H10648" t="s">
        <v>121</v>
      </c>
      <c r="I10648" t="s">
        <v>15</v>
      </c>
      <c r="J10648" s="10">
        <v>35.261885579999998</v>
      </c>
    </row>
    <row r="10649" spans="1:10" x14ac:dyDescent="0.35">
      <c r="A10649" t="s">
        <v>62</v>
      </c>
      <c r="B10649" t="s">
        <v>67</v>
      </c>
      <c r="C10649" t="s">
        <v>117</v>
      </c>
      <c r="D10649" t="s">
        <v>118</v>
      </c>
      <c r="E10649">
        <v>2015</v>
      </c>
      <c r="F10649">
        <v>2015</v>
      </c>
      <c r="G10649" t="s">
        <v>125</v>
      </c>
      <c r="H10649" t="s">
        <v>122</v>
      </c>
      <c r="I10649" t="s">
        <v>15</v>
      </c>
      <c r="J10649" s="10">
        <v>19.46279882</v>
      </c>
    </row>
    <row r="10650" spans="1:10" x14ac:dyDescent="0.35">
      <c r="A10650" t="s">
        <v>62</v>
      </c>
      <c r="B10650" t="s">
        <v>67</v>
      </c>
      <c r="C10650" t="s">
        <v>117</v>
      </c>
      <c r="D10650" t="s">
        <v>118</v>
      </c>
      <c r="E10650">
        <v>2015</v>
      </c>
      <c r="F10650">
        <v>2015</v>
      </c>
      <c r="G10650" t="s">
        <v>125</v>
      </c>
      <c r="H10650" t="s">
        <v>123</v>
      </c>
      <c r="I10650" t="s">
        <v>15</v>
      </c>
      <c r="J10650" s="10">
        <v>11.40209508</v>
      </c>
    </row>
    <row r="10651" spans="1:10" x14ac:dyDescent="0.35">
      <c r="A10651" t="s">
        <v>62</v>
      </c>
      <c r="B10651" t="s">
        <v>67</v>
      </c>
      <c r="C10651" t="s">
        <v>117</v>
      </c>
      <c r="D10651" t="s">
        <v>118</v>
      </c>
      <c r="E10651">
        <v>2015</v>
      </c>
      <c r="F10651">
        <v>2015</v>
      </c>
      <c r="G10651" t="s">
        <v>125</v>
      </c>
      <c r="H10651" t="s">
        <v>124</v>
      </c>
      <c r="I10651" t="s">
        <v>15</v>
      </c>
      <c r="J10651" s="10">
        <v>1.128122482</v>
      </c>
    </row>
    <row r="10652" spans="1:10" x14ac:dyDescent="0.35">
      <c r="A10652" t="s">
        <v>62</v>
      </c>
      <c r="B10652" t="s">
        <v>67</v>
      </c>
      <c r="C10652" t="s">
        <v>117</v>
      </c>
      <c r="D10652" t="s">
        <v>118</v>
      </c>
      <c r="E10652">
        <v>2015</v>
      </c>
      <c r="F10652">
        <v>2015</v>
      </c>
      <c r="G10652" t="s">
        <v>126</v>
      </c>
      <c r="H10652" t="s">
        <v>119</v>
      </c>
      <c r="I10652" t="s">
        <v>15</v>
      </c>
      <c r="J10652" s="10">
        <v>17.926924809999999</v>
      </c>
    </row>
    <row r="10653" spans="1:10" x14ac:dyDescent="0.35">
      <c r="A10653" t="s">
        <v>62</v>
      </c>
      <c r="B10653" t="s">
        <v>67</v>
      </c>
      <c r="C10653" t="s">
        <v>117</v>
      </c>
      <c r="D10653" t="s">
        <v>118</v>
      </c>
      <c r="E10653">
        <v>2015</v>
      </c>
      <c r="F10653">
        <v>2015</v>
      </c>
      <c r="G10653" t="s">
        <v>126</v>
      </c>
      <c r="H10653" t="s">
        <v>120</v>
      </c>
      <c r="I10653" t="s">
        <v>15</v>
      </c>
      <c r="J10653" s="10">
        <v>10.36537594</v>
      </c>
    </row>
    <row r="10654" spans="1:10" x14ac:dyDescent="0.35">
      <c r="A10654" t="s">
        <v>62</v>
      </c>
      <c r="B10654" t="s">
        <v>67</v>
      </c>
      <c r="C10654" t="s">
        <v>117</v>
      </c>
      <c r="D10654" t="s">
        <v>118</v>
      </c>
      <c r="E10654">
        <v>2015</v>
      </c>
      <c r="F10654">
        <v>2015</v>
      </c>
      <c r="G10654" t="s">
        <v>126</v>
      </c>
      <c r="H10654" t="s">
        <v>121</v>
      </c>
      <c r="I10654" t="s">
        <v>15</v>
      </c>
      <c r="J10654" s="10">
        <v>35.08938534</v>
      </c>
    </row>
    <row r="10655" spans="1:10" x14ac:dyDescent="0.35">
      <c r="A10655" t="s">
        <v>62</v>
      </c>
      <c r="B10655" t="s">
        <v>67</v>
      </c>
      <c r="C10655" t="s">
        <v>117</v>
      </c>
      <c r="D10655" t="s">
        <v>118</v>
      </c>
      <c r="E10655">
        <v>2015</v>
      </c>
      <c r="F10655">
        <v>2015</v>
      </c>
      <c r="G10655" t="s">
        <v>126</v>
      </c>
      <c r="H10655" t="s">
        <v>122</v>
      </c>
      <c r="I10655" t="s">
        <v>15</v>
      </c>
      <c r="J10655" s="10">
        <v>19.8167185</v>
      </c>
    </row>
    <row r="10656" spans="1:10" x14ac:dyDescent="0.35">
      <c r="A10656" t="s">
        <v>62</v>
      </c>
      <c r="B10656" t="s">
        <v>67</v>
      </c>
      <c r="C10656" t="s">
        <v>117</v>
      </c>
      <c r="D10656" t="s">
        <v>118</v>
      </c>
      <c r="E10656">
        <v>2015</v>
      </c>
      <c r="F10656">
        <v>2015</v>
      </c>
      <c r="G10656" t="s">
        <v>126</v>
      </c>
      <c r="H10656" t="s">
        <v>123</v>
      </c>
      <c r="I10656" t="s">
        <v>15</v>
      </c>
      <c r="J10656" s="10">
        <v>14.29215831</v>
      </c>
    </row>
    <row r="10657" spans="1:10" x14ac:dyDescent="0.35">
      <c r="A10657" t="s">
        <v>62</v>
      </c>
      <c r="B10657" t="s">
        <v>67</v>
      </c>
      <c r="C10657" t="s">
        <v>117</v>
      </c>
      <c r="D10657" t="s">
        <v>118</v>
      </c>
      <c r="E10657">
        <v>2015</v>
      </c>
      <c r="F10657">
        <v>2015</v>
      </c>
      <c r="G10657" t="s">
        <v>126</v>
      </c>
      <c r="H10657" t="s">
        <v>124</v>
      </c>
      <c r="I10657" t="s">
        <v>15</v>
      </c>
      <c r="J10657" s="10">
        <v>2.5094370979999998</v>
      </c>
    </row>
    <row r="10658" spans="1:10" x14ac:dyDescent="0.35">
      <c r="A10658" t="s">
        <v>62</v>
      </c>
      <c r="B10658" t="s">
        <v>67</v>
      </c>
      <c r="C10658" t="s">
        <v>117</v>
      </c>
      <c r="D10658" t="s">
        <v>118</v>
      </c>
      <c r="E10658">
        <v>2014</v>
      </c>
      <c r="F10658">
        <v>2014</v>
      </c>
      <c r="G10658" t="s">
        <v>14</v>
      </c>
      <c r="H10658" t="s">
        <v>119</v>
      </c>
      <c r="I10658" t="s">
        <v>15</v>
      </c>
      <c r="J10658" s="10">
        <v>19.282630439999998</v>
      </c>
    </row>
    <row r="10659" spans="1:10" x14ac:dyDescent="0.35">
      <c r="A10659" t="s">
        <v>62</v>
      </c>
      <c r="B10659" t="s">
        <v>67</v>
      </c>
      <c r="C10659" t="s">
        <v>117</v>
      </c>
      <c r="D10659" t="s">
        <v>118</v>
      </c>
      <c r="E10659">
        <v>2014</v>
      </c>
      <c r="F10659">
        <v>2014</v>
      </c>
      <c r="G10659" t="s">
        <v>14</v>
      </c>
      <c r="H10659" t="s">
        <v>120</v>
      </c>
      <c r="I10659" t="s">
        <v>15</v>
      </c>
      <c r="J10659" s="10">
        <v>11.43157388</v>
      </c>
    </row>
    <row r="10660" spans="1:10" x14ac:dyDescent="0.35">
      <c r="A10660" t="s">
        <v>62</v>
      </c>
      <c r="B10660" t="s">
        <v>67</v>
      </c>
      <c r="C10660" t="s">
        <v>117</v>
      </c>
      <c r="D10660" t="s">
        <v>118</v>
      </c>
      <c r="E10660">
        <v>2014</v>
      </c>
      <c r="F10660">
        <v>2014</v>
      </c>
      <c r="G10660" t="s">
        <v>14</v>
      </c>
      <c r="H10660" t="s">
        <v>121</v>
      </c>
      <c r="I10660" t="s">
        <v>15</v>
      </c>
      <c r="J10660" s="10">
        <v>35.131610600000002</v>
      </c>
    </row>
    <row r="10661" spans="1:10" x14ac:dyDescent="0.35">
      <c r="A10661" t="s">
        <v>62</v>
      </c>
      <c r="B10661" t="s">
        <v>67</v>
      </c>
      <c r="C10661" t="s">
        <v>117</v>
      </c>
      <c r="D10661" t="s">
        <v>118</v>
      </c>
      <c r="E10661">
        <v>2014</v>
      </c>
      <c r="F10661">
        <v>2014</v>
      </c>
      <c r="G10661" t="s">
        <v>14</v>
      </c>
      <c r="H10661" t="s">
        <v>122</v>
      </c>
      <c r="I10661" t="s">
        <v>15</v>
      </c>
      <c r="J10661" s="10">
        <v>19.196535959999999</v>
      </c>
    </row>
    <row r="10662" spans="1:10" x14ac:dyDescent="0.35">
      <c r="A10662" t="s">
        <v>62</v>
      </c>
      <c r="B10662" t="s">
        <v>67</v>
      </c>
      <c r="C10662" t="s">
        <v>117</v>
      </c>
      <c r="D10662" t="s">
        <v>118</v>
      </c>
      <c r="E10662">
        <v>2014</v>
      </c>
      <c r="F10662">
        <v>2014</v>
      </c>
      <c r="G10662" t="s">
        <v>14</v>
      </c>
      <c r="H10662" t="s">
        <v>123</v>
      </c>
      <c r="I10662" t="s">
        <v>15</v>
      </c>
      <c r="J10662" s="10">
        <v>13.12560931</v>
      </c>
    </row>
    <row r="10663" spans="1:10" x14ac:dyDescent="0.35">
      <c r="A10663" t="s">
        <v>62</v>
      </c>
      <c r="B10663" t="s">
        <v>67</v>
      </c>
      <c r="C10663" t="s">
        <v>117</v>
      </c>
      <c r="D10663" t="s">
        <v>118</v>
      </c>
      <c r="E10663">
        <v>2014</v>
      </c>
      <c r="F10663">
        <v>2014</v>
      </c>
      <c r="G10663" t="s">
        <v>14</v>
      </c>
      <c r="H10663" t="s">
        <v>124</v>
      </c>
      <c r="I10663" t="s">
        <v>15</v>
      </c>
      <c r="J10663" s="10">
        <v>1.832039806</v>
      </c>
    </row>
    <row r="10664" spans="1:10" x14ac:dyDescent="0.35">
      <c r="A10664" t="s">
        <v>62</v>
      </c>
      <c r="B10664" t="s">
        <v>67</v>
      </c>
      <c r="C10664" t="s">
        <v>117</v>
      </c>
      <c r="D10664" t="s">
        <v>118</v>
      </c>
      <c r="E10664">
        <v>2014</v>
      </c>
      <c r="F10664">
        <v>2014</v>
      </c>
      <c r="G10664" t="s">
        <v>125</v>
      </c>
      <c r="H10664" t="s">
        <v>119</v>
      </c>
      <c r="I10664" t="s">
        <v>15</v>
      </c>
      <c r="J10664" s="10">
        <v>20.943217239999999</v>
      </c>
    </row>
    <row r="10665" spans="1:10" x14ac:dyDescent="0.35">
      <c r="A10665" t="s">
        <v>62</v>
      </c>
      <c r="B10665" t="s">
        <v>67</v>
      </c>
      <c r="C10665" t="s">
        <v>117</v>
      </c>
      <c r="D10665" t="s">
        <v>118</v>
      </c>
      <c r="E10665">
        <v>2014</v>
      </c>
      <c r="F10665">
        <v>2014</v>
      </c>
      <c r="G10665" t="s">
        <v>125</v>
      </c>
      <c r="H10665" t="s">
        <v>120</v>
      </c>
      <c r="I10665" t="s">
        <v>15</v>
      </c>
      <c r="J10665" s="10">
        <v>12.082938070000001</v>
      </c>
    </row>
    <row r="10666" spans="1:10" x14ac:dyDescent="0.35">
      <c r="A10666" t="s">
        <v>62</v>
      </c>
      <c r="B10666" t="s">
        <v>67</v>
      </c>
      <c r="C10666" t="s">
        <v>117</v>
      </c>
      <c r="D10666" t="s">
        <v>118</v>
      </c>
      <c r="E10666">
        <v>2014</v>
      </c>
      <c r="F10666">
        <v>2014</v>
      </c>
      <c r="G10666" t="s">
        <v>125</v>
      </c>
      <c r="H10666" t="s">
        <v>121</v>
      </c>
      <c r="I10666" t="s">
        <v>15</v>
      </c>
      <c r="J10666" s="10">
        <v>35.148394089999996</v>
      </c>
    </row>
    <row r="10667" spans="1:10" x14ac:dyDescent="0.35">
      <c r="A10667" t="s">
        <v>62</v>
      </c>
      <c r="B10667" t="s">
        <v>67</v>
      </c>
      <c r="C10667" t="s">
        <v>117</v>
      </c>
      <c r="D10667" t="s">
        <v>118</v>
      </c>
      <c r="E10667">
        <v>2014</v>
      </c>
      <c r="F10667">
        <v>2014</v>
      </c>
      <c r="G10667" t="s">
        <v>125</v>
      </c>
      <c r="H10667" t="s">
        <v>122</v>
      </c>
      <c r="I10667" t="s">
        <v>15</v>
      </c>
      <c r="J10667" s="10">
        <v>19.262772729999998</v>
      </c>
    </row>
    <row r="10668" spans="1:10" x14ac:dyDescent="0.35">
      <c r="A10668" t="s">
        <v>62</v>
      </c>
      <c r="B10668" t="s">
        <v>67</v>
      </c>
      <c r="C10668" t="s">
        <v>117</v>
      </c>
      <c r="D10668" t="s">
        <v>118</v>
      </c>
      <c r="E10668">
        <v>2014</v>
      </c>
      <c r="F10668">
        <v>2014</v>
      </c>
      <c r="G10668" t="s">
        <v>125</v>
      </c>
      <c r="H10668" t="s">
        <v>123</v>
      </c>
      <c r="I10668" t="s">
        <v>15</v>
      </c>
      <c r="J10668" s="10">
        <v>11.478520120000001</v>
      </c>
    </row>
    <row r="10669" spans="1:10" x14ac:dyDescent="0.35">
      <c r="A10669" t="s">
        <v>62</v>
      </c>
      <c r="B10669" t="s">
        <v>67</v>
      </c>
      <c r="C10669" t="s">
        <v>117</v>
      </c>
      <c r="D10669" t="s">
        <v>118</v>
      </c>
      <c r="E10669">
        <v>2014</v>
      </c>
      <c r="F10669">
        <v>2014</v>
      </c>
      <c r="G10669" t="s">
        <v>125</v>
      </c>
      <c r="H10669" t="s">
        <v>124</v>
      </c>
      <c r="I10669" t="s">
        <v>15</v>
      </c>
      <c r="J10669" s="10">
        <v>1.084157745</v>
      </c>
    </row>
    <row r="10670" spans="1:10" x14ac:dyDescent="0.35">
      <c r="A10670" t="s">
        <v>62</v>
      </c>
      <c r="B10670" t="s">
        <v>67</v>
      </c>
      <c r="C10670" t="s">
        <v>117</v>
      </c>
      <c r="D10670" t="s">
        <v>118</v>
      </c>
      <c r="E10670">
        <v>2014</v>
      </c>
      <c r="F10670">
        <v>2014</v>
      </c>
      <c r="G10670" t="s">
        <v>126</v>
      </c>
      <c r="H10670" t="s">
        <v>119</v>
      </c>
      <c r="I10670" t="s">
        <v>15</v>
      </c>
      <c r="J10670" s="10">
        <v>17.826934040000001</v>
      </c>
    </row>
    <row r="10671" spans="1:10" x14ac:dyDescent="0.35">
      <c r="A10671" t="s">
        <v>62</v>
      </c>
      <c r="B10671" t="s">
        <v>67</v>
      </c>
      <c r="C10671" t="s">
        <v>117</v>
      </c>
      <c r="D10671" t="s">
        <v>118</v>
      </c>
      <c r="E10671">
        <v>2014</v>
      </c>
      <c r="F10671">
        <v>2014</v>
      </c>
      <c r="G10671" t="s">
        <v>126</v>
      </c>
      <c r="H10671" t="s">
        <v>120</v>
      </c>
      <c r="I10671" t="s">
        <v>15</v>
      </c>
      <c r="J10671" s="10">
        <v>10.860577839999999</v>
      </c>
    </row>
    <row r="10672" spans="1:10" x14ac:dyDescent="0.35">
      <c r="A10672" t="s">
        <v>62</v>
      </c>
      <c r="B10672" t="s">
        <v>67</v>
      </c>
      <c r="C10672" t="s">
        <v>117</v>
      </c>
      <c r="D10672" t="s">
        <v>118</v>
      </c>
      <c r="E10672">
        <v>2014</v>
      </c>
      <c r="F10672">
        <v>2014</v>
      </c>
      <c r="G10672" t="s">
        <v>126</v>
      </c>
      <c r="H10672" t="s">
        <v>121</v>
      </c>
      <c r="I10672" t="s">
        <v>15</v>
      </c>
      <c r="J10672" s="10">
        <v>35.11689793</v>
      </c>
    </row>
    <row r="10673" spans="1:10" x14ac:dyDescent="0.35">
      <c r="A10673" t="s">
        <v>62</v>
      </c>
      <c r="B10673" t="s">
        <v>67</v>
      </c>
      <c r="C10673" t="s">
        <v>117</v>
      </c>
      <c r="D10673" t="s">
        <v>118</v>
      </c>
      <c r="E10673">
        <v>2014</v>
      </c>
      <c r="F10673">
        <v>2014</v>
      </c>
      <c r="G10673" t="s">
        <v>126</v>
      </c>
      <c r="H10673" t="s">
        <v>122</v>
      </c>
      <c r="I10673" t="s">
        <v>15</v>
      </c>
      <c r="J10673" s="10">
        <v>19.138471769999999</v>
      </c>
    </row>
    <row r="10674" spans="1:10" x14ac:dyDescent="0.35">
      <c r="A10674" t="s">
        <v>62</v>
      </c>
      <c r="B10674" t="s">
        <v>67</v>
      </c>
      <c r="C10674" t="s">
        <v>117</v>
      </c>
      <c r="D10674" t="s">
        <v>118</v>
      </c>
      <c r="E10674">
        <v>2014</v>
      </c>
      <c r="F10674">
        <v>2014</v>
      </c>
      <c r="G10674" t="s">
        <v>126</v>
      </c>
      <c r="H10674" t="s">
        <v>123</v>
      </c>
      <c r="I10674" t="s">
        <v>15</v>
      </c>
      <c r="J10674" s="10">
        <v>14.569473479999999</v>
      </c>
    </row>
    <row r="10675" spans="1:10" x14ac:dyDescent="0.35">
      <c r="A10675" t="s">
        <v>62</v>
      </c>
      <c r="B10675" t="s">
        <v>67</v>
      </c>
      <c r="C10675" t="s">
        <v>117</v>
      </c>
      <c r="D10675" t="s">
        <v>118</v>
      </c>
      <c r="E10675">
        <v>2014</v>
      </c>
      <c r="F10675">
        <v>2014</v>
      </c>
      <c r="G10675" t="s">
        <v>126</v>
      </c>
      <c r="H10675" t="s">
        <v>124</v>
      </c>
      <c r="I10675" t="s">
        <v>15</v>
      </c>
      <c r="J10675" s="10">
        <v>2.487644934</v>
      </c>
    </row>
    <row r="10676" spans="1:10" x14ac:dyDescent="0.35">
      <c r="A10676" t="s">
        <v>62</v>
      </c>
      <c r="B10676" t="s">
        <v>67</v>
      </c>
      <c r="C10676" t="s">
        <v>117</v>
      </c>
      <c r="D10676" t="s">
        <v>118</v>
      </c>
      <c r="E10676">
        <v>2013</v>
      </c>
      <c r="F10676">
        <v>2013</v>
      </c>
      <c r="G10676" t="s">
        <v>14</v>
      </c>
      <c r="H10676" t="s">
        <v>119</v>
      </c>
      <c r="I10676" t="s">
        <v>15</v>
      </c>
      <c r="J10676" s="10">
        <v>19.38369149</v>
      </c>
    </row>
    <row r="10677" spans="1:10" x14ac:dyDescent="0.35">
      <c r="A10677" t="s">
        <v>62</v>
      </c>
      <c r="B10677" t="s">
        <v>67</v>
      </c>
      <c r="C10677" t="s">
        <v>117</v>
      </c>
      <c r="D10677" t="s">
        <v>118</v>
      </c>
      <c r="E10677">
        <v>2013</v>
      </c>
      <c r="F10677">
        <v>2013</v>
      </c>
      <c r="G10677" t="s">
        <v>14</v>
      </c>
      <c r="H10677" t="s">
        <v>120</v>
      </c>
      <c r="I10677" t="s">
        <v>15</v>
      </c>
      <c r="J10677" s="10">
        <v>11.682379729999999</v>
      </c>
    </row>
    <row r="10678" spans="1:10" x14ac:dyDescent="0.35">
      <c r="A10678" t="s">
        <v>62</v>
      </c>
      <c r="B10678" t="s">
        <v>67</v>
      </c>
      <c r="C10678" t="s">
        <v>117</v>
      </c>
      <c r="D10678" t="s">
        <v>118</v>
      </c>
      <c r="E10678">
        <v>2013</v>
      </c>
      <c r="F10678">
        <v>2013</v>
      </c>
      <c r="G10678" t="s">
        <v>14</v>
      </c>
      <c r="H10678" t="s">
        <v>121</v>
      </c>
      <c r="I10678" t="s">
        <v>15</v>
      </c>
      <c r="J10678" s="10">
        <v>35.216356859999998</v>
      </c>
    </row>
    <row r="10679" spans="1:10" x14ac:dyDescent="0.35">
      <c r="A10679" t="s">
        <v>62</v>
      </c>
      <c r="B10679" t="s">
        <v>67</v>
      </c>
      <c r="C10679" t="s">
        <v>117</v>
      </c>
      <c r="D10679" t="s">
        <v>118</v>
      </c>
      <c r="E10679">
        <v>2013</v>
      </c>
      <c r="F10679">
        <v>2013</v>
      </c>
      <c r="G10679" t="s">
        <v>14</v>
      </c>
      <c r="H10679" t="s">
        <v>122</v>
      </c>
      <c r="I10679" t="s">
        <v>15</v>
      </c>
      <c r="J10679" s="10">
        <v>18.635571330000001</v>
      </c>
    </row>
    <row r="10680" spans="1:10" x14ac:dyDescent="0.35">
      <c r="A10680" t="s">
        <v>62</v>
      </c>
      <c r="B10680" t="s">
        <v>67</v>
      </c>
      <c r="C10680" t="s">
        <v>117</v>
      </c>
      <c r="D10680" t="s">
        <v>118</v>
      </c>
      <c r="E10680">
        <v>2013</v>
      </c>
      <c r="F10680">
        <v>2013</v>
      </c>
      <c r="G10680" t="s">
        <v>14</v>
      </c>
      <c r="H10680" t="s">
        <v>123</v>
      </c>
      <c r="I10680" t="s">
        <v>15</v>
      </c>
      <c r="J10680" s="10">
        <v>13.22442332</v>
      </c>
    </row>
    <row r="10681" spans="1:10" x14ac:dyDescent="0.35">
      <c r="A10681" t="s">
        <v>62</v>
      </c>
      <c r="B10681" t="s">
        <v>67</v>
      </c>
      <c r="C10681" t="s">
        <v>117</v>
      </c>
      <c r="D10681" t="s">
        <v>118</v>
      </c>
      <c r="E10681">
        <v>2013</v>
      </c>
      <c r="F10681">
        <v>2013</v>
      </c>
      <c r="G10681" t="s">
        <v>14</v>
      </c>
      <c r="H10681" t="s">
        <v>124</v>
      </c>
      <c r="I10681" t="s">
        <v>15</v>
      </c>
      <c r="J10681" s="10">
        <v>1.8575772610000001</v>
      </c>
    </row>
    <row r="10682" spans="1:10" x14ac:dyDescent="0.35">
      <c r="A10682" t="s">
        <v>62</v>
      </c>
      <c r="B10682" t="s">
        <v>67</v>
      </c>
      <c r="C10682" t="s">
        <v>117</v>
      </c>
      <c r="D10682" t="s">
        <v>118</v>
      </c>
      <c r="E10682">
        <v>2013</v>
      </c>
      <c r="F10682">
        <v>2013</v>
      </c>
      <c r="G10682" t="s">
        <v>125</v>
      </c>
      <c r="H10682" t="s">
        <v>119</v>
      </c>
      <c r="I10682" t="s">
        <v>15</v>
      </c>
      <c r="J10682" s="10">
        <v>21.094475710000001</v>
      </c>
    </row>
    <row r="10683" spans="1:10" x14ac:dyDescent="0.35">
      <c r="A10683" t="s">
        <v>62</v>
      </c>
      <c r="B10683" t="s">
        <v>67</v>
      </c>
      <c r="C10683" t="s">
        <v>117</v>
      </c>
      <c r="D10683" t="s">
        <v>118</v>
      </c>
      <c r="E10683">
        <v>2013</v>
      </c>
      <c r="F10683">
        <v>2013</v>
      </c>
      <c r="G10683" t="s">
        <v>125</v>
      </c>
      <c r="H10683" t="s">
        <v>120</v>
      </c>
      <c r="I10683" t="s">
        <v>15</v>
      </c>
      <c r="J10683" s="10">
        <v>12.13321676</v>
      </c>
    </row>
    <row r="10684" spans="1:10" x14ac:dyDescent="0.35">
      <c r="A10684" t="s">
        <v>62</v>
      </c>
      <c r="B10684" t="s">
        <v>67</v>
      </c>
      <c r="C10684" t="s">
        <v>117</v>
      </c>
      <c r="D10684" t="s">
        <v>118</v>
      </c>
      <c r="E10684">
        <v>2013</v>
      </c>
      <c r="F10684">
        <v>2013</v>
      </c>
      <c r="G10684" t="s">
        <v>125</v>
      </c>
      <c r="H10684" t="s">
        <v>121</v>
      </c>
      <c r="I10684" t="s">
        <v>15</v>
      </c>
      <c r="J10684" s="10">
        <v>35.252172010000002</v>
      </c>
    </row>
    <row r="10685" spans="1:10" x14ac:dyDescent="0.35">
      <c r="A10685" t="s">
        <v>62</v>
      </c>
      <c r="B10685" t="s">
        <v>67</v>
      </c>
      <c r="C10685" t="s">
        <v>117</v>
      </c>
      <c r="D10685" t="s">
        <v>118</v>
      </c>
      <c r="E10685">
        <v>2013</v>
      </c>
      <c r="F10685">
        <v>2013</v>
      </c>
      <c r="G10685" t="s">
        <v>125</v>
      </c>
      <c r="H10685" t="s">
        <v>122</v>
      </c>
      <c r="I10685" t="s">
        <v>15</v>
      </c>
      <c r="J10685" s="10">
        <v>18.867821429999999</v>
      </c>
    </row>
    <row r="10686" spans="1:10" x14ac:dyDescent="0.35">
      <c r="A10686" t="s">
        <v>62</v>
      </c>
      <c r="B10686" t="s">
        <v>67</v>
      </c>
      <c r="C10686" t="s">
        <v>117</v>
      </c>
      <c r="D10686" t="s">
        <v>118</v>
      </c>
      <c r="E10686">
        <v>2013</v>
      </c>
      <c r="F10686">
        <v>2013</v>
      </c>
      <c r="G10686" t="s">
        <v>125</v>
      </c>
      <c r="H10686" t="s">
        <v>123</v>
      </c>
      <c r="I10686" t="s">
        <v>15</v>
      </c>
      <c r="J10686" s="10">
        <v>11.61411945</v>
      </c>
    </row>
    <row r="10687" spans="1:10" x14ac:dyDescent="0.35">
      <c r="A10687" t="s">
        <v>62</v>
      </c>
      <c r="B10687" t="s">
        <v>67</v>
      </c>
      <c r="C10687" t="s">
        <v>117</v>
      </c>
      <c r="D10687" t="s">
        <v>118</v>
      </c>
      <c r="E10687">
        <v>2013</v>
      </c>
      <c r="F10687">
        <v>2013</v>
      </c>
      <c r="G10687" t="s">
        <v>125</v>
      </c>
      <c r="H10687" t="s">
        <v>124</v>
      </c>
      <c r="I10687" t="s">
        <v>15</v>
      </c>
      <c r="J10687" s="10">
        <v>1.0381946339999999</v>
      </c>
    </row>
    <row r="10688" spans="1:10" x14ac:dyDescent="0.35">
      <c r="A10688" t="s">
        <v>62</v>
      </c>
      <c r="B10688" t="s">
        <v>67</v>
      </c>
      <c r="C10688" t="s">
        <v>117</v>
      </c>
      <c r="D10688" t="s">
        <v>118</v>
      </c>
      <c r="E10688">
        <v>2013</v>
      </c>
      <c r="F10688">
        <v>2013</v>
      </c>
      <c r="G10688" t="s">
        <v>126</v>
      </c>
      <c r="H10688" t="s">
        <v>119</v>
      </c>
      <c r="I10688" t="s">
        <v>15</v>
      </c>
      <c r="J10688" s="10">
        <v>17.892606260000001</v>
      </c>
    </row>
    <row r="10689" spans="1:10" x14ac:dyDescent="0.35">
      <c r="A10689" t="s">
        <v>62</v>
      </c>
      <c r="B10689" t="s">
        <v>67</v>
      </c>
      <c r="C10689" t="s">
        <v>117</v>
      </c>
      <c r="D10689" t="s">
        <v>118</v>
      </c>
      <c r="E10689">
        <v>2013</v>
      </c>
      <c r="F10689">
        <v>2013</v>
      </c>
      <c r="G10689" t="s">
        <v>126</v>
      </c>
      <c r="H10689" t="s">
        <v>120</v>
      </c>
      <c r="I10689" t="s">
        <v>15</v>
      </c>
      <c r="J10689" s="10">
        <v>11.28943922</v>
      </c>
    </row>
    <row r="10690" spans="1:10" x14ac:dyDescent="0.35">
      <c r="A10690" t="s">
        <v>62</v>
      </c>
      <c r="B10690" t="s">
        <v>67</v>
      </c>
      <c r="C10690" t="s">
        <v>117</v>
      </c>
      <c r="D10690" t="s">
        <v>118</v>
      </c>
      <c r="E10690">
        <v>2013</v>
      </c>
      <c r="F10690">
        <v>2013</v>
      </c>
      <c r="G10690" t="s">
        <v>126</v>
      </c>
      <c r="H10690" t="s">
        <v>121</v>
      </c>
      <c r="I10690" t="s">
        <v>15</v>
      </c>
      <c r="J10690" s="10">
        <v>35.185141090000002</v>
      </c>
    </row>
    <row r="10691" spans="1:10" x14ac:dyDescent="0.35">
      <c r="A10691" t="s">
        <v>62</v>
      </c>
      <c r="B10691" t="s">
        <v>67</v>
      </c>
      <c r="C10691" t="s">
        <v>117</v>
      </c>
      <c r="D10691" t="s">
        <v>118</v>
      </c>
      <c r="E10691">
        <v>2013</v>
      </c>
      <c r="F10691">
        <v>2013</v>
      </c>
      <c r="G10691" t="s">
        <v>126</v>
      </c>
      <c r="H10691" t="s">
        <v>122</v>
      </c>
      <c r="I10691" t="s">
        <v>15</v>
      </c>
      <c r="J10691" s="10">
        <v>18.433146799999999</v>
      </c>
    </row>
    <row r="10692" spans="1:10" x14ac:dyDescent="0.35">
      <c r="A10692" t="s">
        <v>62</v>
      </c>
      <c r="B10692" t="s">
        <v>67</v>
      </c>
      <c r="C10692" t="s">
        <v>117</v>
      </c>
      <c r="D10692" t="s">
        <v>118</v>
      </c>
      <c r="E10692">
        <v>2013</v>
      </c>
      <c r="F10692">
        <v>2013</v>
      </c>
      <c r="G10692" t="s">
        <v>126</v>
      </c>
      <c r="H10692" t="s">
        <v>123</v>
      </c>
      <c r="I10692" t="s">
        <v>15</v>
      </c>
      <c r="J10692" s="10">
        <v>14.6279319</v>
      </c>
    </row>
    <row r="10693" spans="1:10" x14ac:dyDescent="0.35">
      <c r="A10693" t="s">
        <v>62</v>
      </c>
      <c r="B10693" t="s">
        <v>67</v>
      </c>
      <c r="C10693" t="s">
        <v>117</v>
      </c>
      <c r="D10693" t="s">
        <v>118</v>
      </c>
      <c r="E10693">
        <v>2013</v>
      </c>
      <c r="F10693">
        <v>2013</v>
      </c>
      <c r="G10693" t="s">
        <v>126</v>
      </c>
      <c r="H10693" t="s">
        <v>124</v>
      </c>
      <c r="I10693" t="s">
        <v>15</v>
      </c>
      <c r="J10693" s="10">
        <v>2.5717347300000002</v>
      </c>
    </row>
    <row r="10694" spans="1:10" x14ac:dyDescent="0.35">
      <c r="A10694" t="s">
        <v>62</v>
      </c>
      <c r="B10694" t="s">
        <v>67</v>
      </c>
      <c r="C10694" t="s">
        <v>117</v>
      </c>
      <c r="D10694" t="s">
        <v>118</v>
      </c>
      <c r="E10694">
        <v>2012</v>
      </c>
      <c r="F10694">
        <v>2012</v>
      </c>
      <c r="G10694" t="s">
        <v>14</v>
      </c>
      <c r="H10694" t="s">
        <v>119</v>
      </c>
      <c r="I10694" t="s">
        <v>15</v>
      </c>
      <c r="J10694" s="10">
        <v>19.400548430000001</v>
      </c>
    </row>
    <row r="10695" spans="1:10" x14ac:dyDescent="0.35">
      <c r="A10695" t="s">
        <v>62</v>
      </c>
      <c r="B10695" t="s">
        <v>67</v>
      </c>
      <c r="C10695" t="s">
        <v>117</v>
      </c>
      <c r="D10695" t="s">
        <v>118</v>
      </c>
      <c r="E10695">
        <v>2012</v>
      </c>
      <c r="F10695">
        <v>2012</v>
      </c>
      <c r="G10695" t="s">
        <v>14</v>
      </c>
      <c r="H10695" t="s">
        <v>120</v>
      </c>
      <c r="I10695" t="s">
        <v>15</v>
      </c>
      <c r="J10695" s="10">
        <v>11.8206747</v>
      </c>
    </row>
    <row r="10696" spans="1:10" x14ac:dyDescent="0.35">
      <c r="A10696" t="s">
        <v>62</v>
      </c>
      <c r="B10696" t="s">
        <v>67</v>
      </c>
      <c r="C10696" t="s">
        <v>117</v>
      </c>
      <c r="D10696" t="s">
        <v>118</v>
      </c>
      <c r="E10696">
        <v>2012</v>
      </c>
      <c r="F10696">
        <v>2012</v>
      </c>
      <c r="G10696" t="s">
        <v>14</v>
      </c>
      <c r="H10696" t="s">
        <v>121</v>
      </c>
      <c r="I10696" t="s">
        <v>15</v>
      </c>
      <c r="J10696" s="10">
        <v>35.375294940000003</v>
      </c>
    </row>
    <row r="10697" spans="1:10" x14ac:dyDescent="0.35">
      <c r="A10697" t="s">
        <v>62</v>
      </c>
      <c r="B10697" t="s">
        <v>67</v>
      </c>
      <c r="C10697" t="s">
        <v>117</v>
      </c>
      <c r="D10697" t="s">
        <v>118</v>
      </c>
      <c r="E10697">
        <v>2012</v>
      </c>
      <c r="F10697">
        <v>2012</v>
      </c>
      <c r="G10697" t="s">
        <v>14</v>
      </c>
      <c r="H10697" t="s">
        <v>122</v>
      </c>
      <c r="I10697" t="s">
        <v>15</v>
      </c>
      <c r="J10697" s="10">
        <v>18.2501116</v>
      </c>
    </row>
    <row r="10698" spans="1:10" x14ac:dyDescent="0.35">
      <c r="A10698" t="s">
        <v>62</v>
      </c>
      <c r="B10698" t="s">
        <v>67</v>
      </c>
      <c r="C10698" t="s">
        <v>117</v>
      </c>
      <c r="D10698" t="s">
        <v>118</v>
      </c>
      <c r="E10698">
        <v>2012</v>
      </c>
      <c r="F10698">
        <v>2012</v>
      </c>
      <c r="G10698" t="s">
        <v>14</v>
      </c>
      <c r="H10698" t="s">
        <v>123</v>
      </c>
      <c r="I10698" t="s">
        <v>15</v>
      </c>
      <c r="J10698" s="10">
        <v>13.319303619999999</v>
      </c>
    </row>
    <row r="10699" spans="1:10" x14ac:dyDescent="0.35">
      <c r="A10699" t="s">
        <v>62</v>
      </c>
      <c r="B10699" t="s">
        <v>67</v>
      </c>
      <c r="C10699" t="s">
        <v>117</v>
      </c>
      <c r="D10699" t="s">
        <v>118</v>
      </c>
      <c r="E10699">
        <v>2012</v>
      </c>
      <c r="F10699">
        <v>2012</v>
      </c>
      <c r="G10699" t="s">
        <v>14</v>
      </c>
      <c r="H10699" t="s">
        <v>124</v>
      </c>
      <c r="I10699" t="s">
        <v>15</v>
      </c>
      <c r="J10699" s="10">
        <v>1.8340667049999999</v>
      </c>
    </row>
    <row r="10700" spans="1:10" x14ac:dyDescent="0.35">
      <c r="A10700" t="s">
        <v>62</v>
      </c>
      <c r="B10700" t="s">
        <v>67</v>
      </c>
      <c r="C10700" t="s">
        <v>117</v>
      </c>
      <c r="D10700" t="s">
        <v>118</v>
      </c>
      <c r="E10700">
        <v>2012</v>
      </c>
      <c r="F10700">
        <v>2012</v>
      </c>
      <c r="G10700" t="s">
        <v>125</v>
      </c>
      <c r="H10700" t="s">
        <v>119</v>
      </c>
      <c r="I10700" t="s">
        <v>15</v>
      </c>
      <c r="J10700" s="10">
        <v>21.149532199999999</v>
      </c>
    </row>
    <row r="10701" spans="1:10" x14ac:dyDescent="0.35">
      <c r="A10701" t="s">
        <v>62</v>
      </c>
      <c r="B10701" t="s">
        <v>67</v>
      </c>
      <c r="C10701" t="s">
        <v>117</v>
      </c>
      <c r="D10701" t="s">
        <v>118</v>
      </c>
      <c r="E10701">
        <v>2012</v>
      </c>
      <c r="F10701">
        <v>2012</v>
      </c>
      <c r="G10701" t="s">
        <v>125</v>
      </c>
      <c r="H10701" t="s">
        <v>120</v>
      </c>
      <c r="I10701" t="s">
        <v>15</v>
      </c>
      <c r="J10701" s="10">
        <v>12.419981399999999</v>
      </c>
    </row>
    <row r="10702" spans="1:10" x14ac:dyDescent="0.35">
      <c r="A10702" t="s">
        <v>62</v>
      </c>
      <c r="B10702" t="s">
        <v>67</v>
      </c>
      <c r="C10702" t="s">
        <v>117</v>
      </c>
      <c r="D10702" t="s">
        <v>118</v>
      </c>
      <c r="E10702">
        <v>2012</v>
      </c>
      <c r="F10702">
        <v>2012</v>
      </c>
      <c r="G10702" t="s">
        <v>125</v>
      </c>
      <c r="H10702" t="s">
        <v>121</v>
      </c>
      <c r="I10702" t="s">
        <v>15</v>
      </c>
      <c r="J10702" s="10">
        <v>35.276577119999999</v>
      </c>
    </row>
    <row r="10703" spans="1:10" x14ac:dyDescent="0.35">
      <c r="A10703" t="s">
        <v>62</v>
      </c>
      <c r="B10703" t="s">
        <v>67</v>
      </c>
      <c r="C10703" t="s">
        <v>117</v>
      </c>
      <c r="D10703" t="s">
        <v>118</v>
      </c>
      <c r="E10703">
        <v>2012</v>
      </c>
      <c r="F10703">
        <v>2012</v>
      </c>
      <c r="G10703" t="s">
        <v>125</v>
      </c>
      <c r="H10703" t="s">
        <v>122</v>
      </c>
      <c r="I10703" t="s">
        <v>15</v>
      </c>
      <c r="J10703" s="10">
        <v>18.51507359</v>
      </c>
    </row>
    <row r="10704" spans="1:10" x14ac:dyDescent="0.35">
      <c r="A10704" t="s">
        <v>62</v>
      </c>
      <c r="B10704" t="s">
        <v>67</v>
      </c>
      <c r="C10704" t="s">
        <v>117</v>
      </c>
      <c r="D10704" t="s">
        <v>118</v>
      </c>
      <c r="E10704">
        <v>2012</v>
      </c>
      <c r="F10704">
        <v>2012</v>
      </c>
      <c r="G10704" t="s">
        <v>125</v>
      </c>
      <c r="H10704" t="s">
        <v>123</v>
      </c>
      <c r="I10704" t="s">
        <v>15</v>
      </c>
      <c r="J10704" s="10">
        <v>11.640312959999999</v>
      </c>
    </row>
    <row r="10705" spans="1:10" x14ac:dyDescent="0.35">
      <c r="A10705" t="s">
        <v>62</v>
      </c>
      <c r="B10705" t="s">
        <v>67</v>
      </c>
      <c r="C10705" t="s">
        <v>117</v>
      </c>
      <c r="D10705" t="s">
        <v>118</v>
      </c>
      <c r="E10705">
        <v>2012</v>
      </c>
      <c r="F10705">
        <v>2012</v>
      </c>
      <c r="G10705" t="s">
        <v>125</v>
      </c>
      <c r="H10705" t="s">
        <v>124</v>
      </c>
      <c r="I10705" t="s">
        <v>15</v>
      </c>
      <c r="J10705" s="10">
        <v>0.99852273300000005</v>
      </c>
    </row>
    <row r="10706" spans="1:10" x14ac:dyDescent="0.35">
      <c r="A10706" t="s">
        <v>62</v>
      </c>
      <c r="B10706" t="s">
        <v>67</v>
      </c>
      <c r="C10706" t="s">
        <v>117</v>
      </c>
      <c r="D10706" t="s">
        <v>118</v>
      </c>
      <c r="E10706">
        <v>2012</v>
      </c>
      <c r="F10706">
        <v>2012</v>
      </c>
      <c r="G10706" t="s">
        <v>126</v>
      </c>
      <c r="H10706" t="s">
        <v>119</v>
      </c>
      <c r="I10706" t="s">
        <v>15</v>
      </c>
      <c r="J10706" s="10">
        <v>17.872930159999999</v>
      </c>
    </row>
    <row r="10707" spans="1:10" x14ac:dyDescent="0.35">
      <c r="A10707" t="s">
        <v>62</v>
      </c>
      <c r="B10707" t="s">
        <v>67</v>
      </c>
      <c r="C10707" t="s">
        <v>117</v>
      </c>
      <c r="D10707" t="s">
        <v>118</v>
      </c>
      <c r="E10707">
        <v>2012</v>
      </c>
      <c r="F10707">
        <v>2012</v>
      </c>
      <c r="G10707" t="s">
        <v>126</v>
      </c>
      <c r="H10707" t="s">
        <v>120</v>
      </c>
      <c r="I10707" t="s">
        <v>15</v>
      </c>
      <c r="J10707" s="10">
        <v>11.297221090000001</v>
      </c>
    </row>
    <row r="10708" spans="1:10" x14ac:dyDescent="0.35">
      <c r="A10708" t="s">
        <v>62</v>
      </c>
      <c r="B10708" t="s">
        <v>67</v>
      </c>
      <c r="C10708" t="s">
        <v>117</v>
      </c>
      <c r="D10708" t="s">
        <v>118</v>
      </c>
      <c r="E10708">
        <v>2012</v>
      </c>
      <c r="F10708">
        <v>2012</v>
      </c>
      <c r="G10708" t="s">
        <v>126</v>
      </c>
      <c r="H10708" t="s">
        <v>121</v>
      </c>
      <c r="I10708" t="s">
        <v>15</v>
      </c>
      <c r="J10708" s="10">
        <v>35.461518239999997</v>
      </c>
    </row>
    <row r="10709" spans="1:10" x14ac:dyDescent="0.35">
      <c r="A10709" t="s">
        <v>62</v>
      </c>
      <c r="B10709" t="s">
        <v>67</v>
      </c>
      <c r="C10709" t="s">
        <v>117</v>
      </c>
      <c r="D10709" t="s">
        <v>118</v>
      </c>
      <c r="E10709">
        <v>2012</v>
      </c>
      <c r="F10709">
        <v>2012</v>
      </c>
      <c r="G10709" t="s">
        <v>126</v>
      </c>
      <c r="H10709" t="s">
        <v>122</v>
      </c>
      <c r="I10709" t="s">
        <v>15</v>
      </c>
      <c r="J10709" s="10">
        <v>18.018685340000001</v>
      </c>
    </row>
    <row r="10710" spans="1:10" x14ac:dyDescent="0.35">
      <c r="A10710" t="s">
        <v>62</v>
      </c>
      <c r="B10710" t="s">
        <v>67</v>
      </c>
      <c r="C10710" t="s">
        <v>117</v>
      </c>
      <c r="D10710" t="s">
        <v>118</v>
      </c>
      <c r="E10710">
        <v>2012</v>
      </c>
      <c r="F10710">
        <v>2012</v>
      </c>
      <c r="G10710" t="s">
        <v>126</v>
      </c>
      <c r="H10710" t="s">
        <v>123</v>
      </c>
      <c r="I10710" t="s">
        <v>15</v>
      </c>
      <c r="J10710" s="10">
        <v>14.78578768</v>
      </c>
    </row>
    <row r="10711" spans="1:10" x14ac:dyDescent="0.35">
      <c r="A10711" t="s">
        <v>62</v>
      </c>
      <c r="B10711" t="s">
        <v>67</v>
      </c>
      <c r="C10711" t="s">
        <v>117</v>
      </c>
      <c r="D10711" t="s">
        <v>118</v>
      </c>
      <c r="E10711">
        <v>2012</v>
      </c>
      <c r="F10711">
        <v>2012</v>
      </c>
      <c r="G10711" t="s">
        <v>126</v>
      </c>
      <c r="H10711" t="s">
        <v>124</v>
      </c>
      <c r="I10711" t="s">
        <v>15</v>
      </c>
      <c r="J10711" s="10">
        <v>2.5638574940000001</v>
      </c>
    </row>
    <row r="10712" spans="1:10" x14ac:dyDescent="0.35">
      <c r="A10712" t="s">
        <v>62</v>
      </c>
      <c r="B10712" t="s">
        <v>67</v>
      </c>
      <c r="C10712" t="s">
        <v>117</v>
      </c>
      <c r="D10712" t="s">
        <v>118</v>
      </c>
      <c r="E10712">
        <v>2011</v>
      </c>
      <c r="F10712">
        <v>2011</v>
      </c>
      <c r="G10712" t="s">
        <v>14</v>
      </c>
      <c r="H10712" t="s">
        <v>119</v>
      </c>
      <c r="I10712" t="s">
        <v>15</v>
      </c>
      <c r="J10712" s="10">
        <v>19.36264778</v>
      </c>
    </row>
    <row r="10713" spans="1:10" x14ac:dyDescent="0.35">
      <c r="A10713" t="s">
        <v>62</v>
      </c>
      <c r="B10713" t="s">
        <v>67</v>
      </c>
      <c r="C10713" t="s">
        <v>117</v>
      </c>
      <c r="D10713" t="s">
        <v>118</v>
      </c>
      <c r="E10713">
        <v>2011</v>
      </c>
      <c r="F10713">
        <v>2011</v>
      </c>
      <c r="G10713" t="s">
        <v>14</v>
      </c>
      <c r="H10713" t="s">
        <v>120</v>
      </c>
      <c r="I10713" t="s">
        <v>15</v>
      </c>
      <c r="J10713" s="10">
        <v>11.99006058</v>
      </c>
    </row>
    <row r="10714" spans="1:10" x14ac:dyDescent="0.35">
      <c r="A10714" t="s">
        <v>62</v>
      </c>
      <c r="B10714" t="s">
        <v>67</v>
      </c>
      <c r="C10714" t="s">
        <v>117</v>
      </c>
      <c r="D10714" t="s">
        <v>118</v>
      </c>
      <c r="E10714">
        <v>2011</v>
      </c>
      <c r="F10714">
        <v>2011</v>
      </c>
      <c r="G10714" t="s">
        <v>14</v>
      </c>
      <c r="H10714" t="s">
        <v>121</v>
      </c>
      <c r="I10714" t="s">
        <v>15</v>
      </c>
      <c r="J10714" s="10">
        <v>35.521883369999998</v>
      </c>
    </row>
    <row r="10715" spans="1:10" x14ac:dyDescent="0.35">
      <c r="A10715" t="s">
        <v>62</v>
      </c>
      <c r="B10715" t="s">
        <v>67</v>
      </c>
      <c r="C10715" t="s">
        <v>117</v>
      </c>
      <c r="D10715" t="s">
        <v>118</v>
      </c>
      <c r="E10715">
        <v>2011</v>
      </c>
      <c r="F10715">
        <v>2011</v>
      </c>
      <c r="G10715" t="s">
        <v>14</v>
      </c>
      <c r="H10715" t="s">
        <v>122</v>
      </c>
      <c r="I10715" t="s">
        <v>15</v>
      </c>
      <c r="J10715" s="10">
        <v>17.89991418</v>
      </c>
    </row>
    <row r="10716" spans="1:10" x14ac:dyDescent="0.35">
      <c r="A10716" t="s">
        <v>62</v>
      </c>
      <c r="B10716" t="s">
        <v>67</v>
      </c>
      <c r="C10716" t="s">
        <v>117</v>
      </c>
      <c r="D10716" t="s">
        <v>118</v>
      </c>
      <c r="E10716">
        <v>2011</v>
      </c>
      <c r="F10716">
        <v>2011</v>
      </c>
      <c r="G10716" t="s">
        <v>14</v>
      </c>
      <c r="H10716" t="s">
        <v>123</v>
      </c>
      <c r="I10716" t="s">
        <v>15</v>
      </c>
      <c r="J10716" s="10">
        <v>13.34904512</v>
      </c>
    </row>
    <row r="10717" spans="1:10" x14ac:dyDescent="0.35">
      <c r="A10717" t="s">
        <v>62</v>
      </c>
      <c r="B10717" t="s">
        <v>67</v>
      </c>
      <c r="C10717" t="s">
        <v>117</v>
      </c>
      <c r="D10717" t="s">
        <v>118</v>
      </c>
      <c r="E10717">
        <v>2011</v>
      </c>
      <c r="F10717">
        <v>2011</v>
      </c>
      <c r="G10717" t="s">
        <v>14</v>
      </c>
      <c r="H10717" t="s">
        <v>124</v>
      </c>
      <c r="I10717" t="s">
        <v>15</v>
      </c>
      <c r="J10717" s="10">
        <v>1.8764489639999999</v>
      </c>
    </row>
    <row r="10718" spans="1:10" x14ac:dyDescent="0.35">
      <c r="A10718" t="s">
        <v>62</v>
      </c>
      <c r="B10718" t="s">
        <v>67</v>
      </c>
      <c r="C10718" t="s">
        <v>117</v>
      </c>
      <c r="D10718" t="s">
        <v>118</v>
      </c>
      <c r="E10718">
        <v>2011</v>
      </c>
      <c r="F10718">
        <v>2011</v>
      </c>
      <c r="G10718" t="s">
        <v>125</v>
      </c>
      <c r="H10718" t="s">
        <v>119</v>
      </c>
      <c r="I10718" t="s">
        <v>15</v>
      </c>
      <c r="J10718" s="10">
        <v>21.159874609999999</v>
      </c>
    </row>
    <row r="10719" spans="1:10" x14ac:dyDescent="0.35">
      <c r="A10719" t="s">
        <v>62</v>
      </c>
      <c r="B10719" t="s">
        <v>67</v>
      </c>
      <c r="C10719" t="s">
        <v>117</v>
      </c>
      <c r="D10719" t="s">
        <v>118</v>
      </c>
      <c r="E10719">
        <v>2011</v>
      </c>
      <c r="F10719">
        <v>2011</v>
      </c>
      <c r="G10719" t="s">
        <v>125</v>
      </c>
      <c r="H10719" t="s">
        <v>120</v>
      </c>
      <c r="I10719" t="s">
        <v>15</v>
      </c>
      <c r="J10719" s="10">
        <v>12.67392619</v>
      </c>
    </row>
    <row r="10720" spans="1:10" x14ac:dyDescent="0.35">
      <c r="A10720" t="s">
        <v>62</v>
      </c>
      <c r="B10720" t="s">
        <v>67</v>
      </c>
      <c r="C10720" t="s">
        <v>117</v>
      </c>
      <c r="D10720" t="s">
        <v>118</v>
      </c>
      <c r="E10720">
        <v>2011</v>
      </c>
      <c r="F10720">
        <v>2011</v>
      </c>
      <c r="G10720" t="s">
        <v>125</v>
      </c>
      <c r="H10720" t="s">
        <v>121</v>
      </c>
      <c r="I10720" t="s">
        <v>15</v>
      </c>
      <c r="J10720" s="10">
        <v>35.42319749</v>
      </c>
    </row>
    <row r="10721" spans="1:10" x14ac:dyDescent="0.35">
      <c r="A10721" t="s">
        <v>62</v>
      </c>
      <c r="B10721" t="s">
        <v>67</v>
      </c>
      <c r="C10721" t="s">
        <v>117</v>
      </c>
      <c r="D10721" t="s">
        <v>118</v>
      </c>
      <c r="E10721">
        <v>2011</v>
      </c>
      <c r="F10721">
        <v>2011</v>
      </c>
      <c r="G10721" t="s">
        <v>125</v>
      </c>
      <c r="H10721" t="s">
        <v>122</v>
      </c>
      <c r="I10721" t="s">
        <v>15</v>
      </c>
      <c r="J10721" s="10">
        <v>18.157069790000001</v>
      </c>
    </row>
    <row r="10722" spans="1:10" x14ac:dyDescent="0.35">
      <c r="A10722" t="s">
        <v>62</v>
      </c>
      <c r="B10722" t="s">
        <v>67</v>
      </c>
      <c r="C10722" t="s">
        <v>117</v>
      </c>
      <c r="D10722" t="s">
        <v>118</v>
      </c>
      <c r="E10722">
        <v>2011</v>
      </c>
      <c r="F10722">
        <v>2011</v>
      </c>
      <c r="G10722" t="s">
        <v>125</v>
      </c>
      <c r="H10722" t="s">
        <v>123</v>
      </c>
      <c r="I10722" t="s">
        <v>15</v>
      </c>
      <c r="J10722" s="10">
        <v>11.54649948</v>
      </c>
    </row>
    <row r="10723" spans="1:10" x14ac:dyDescent="0.35">
      <c r="A10723" t="s">
        <v>62</v>
      </c>
      <c r="B10723" t="s">
        <v>67</v>
      </c>
      <c r="C10723" t="s">
        <v>117</v>
      </c>
      <c r="D10723" t="s">
        <v>118</v>
      </c>
      <c r="E10723">
        <v>2011</v>
      </c>
      <c r="F10723">
        <v>2011</v>
      </c>
      <c r="G10723" t="s">
        <v>125</v>
      </c>
      <c r="H10723" t="s">
        <v>124</v>
      </c>
      <c r="I10723" t="s">
        <v>15</v>
      </c>
      <c r="J10723" s="10">
        <v>1.0394324370000001</v>
      </c>
    </row>
    <row r="10724" spans="1:10" x14ac:dyDescent="0.35">
      <c r="A10724" t="s">
        <v>62</v>
      </c>
      <c r="B10724" t="s">
        <v>67</v>
      </c>
      <c r="C10724" t="s">
        <v>117</v>
      </c>
      <c r="D10724" t="s">
        <v>118</v>
      </c>
      <c r="E10724">
        <v>2011</v>
      </c>
      <c r="F10724">
        <v>2011</v>
      </c>
      <c r="G10724" t="s">
        <v>126</v>
      </c>
      <c r="H10724" t="s">
        <v>119</v>
      </c>
      <c r="I10724" t="s">
        <v>15</v>
      </c>
      <c r="J10724" s="10">
        <v>17.795573879999999</v>
      </c>
    </row>
    <row r="10725" spans="1:10" x14ac:dyDescent="0.35">
      <c r="A10725" t="s">
        <v>62</v>
      </c>
      <c r="B10725" t="s">
        <v>67</v>
      </c>
      <c r="C10725" t="s">
        <v>117</v>
      </c>
      <c r="D10725" t="s">
        <v>118</v>
      </c>
      <c r="E10725">
        <v>2011</v>
      </c>
      <c r="F10725">
        <v>2011</v>
      </c>
      <c r="G10725" t="s">
        <v>126</v>
      </c>
      <c r="H10725" t="s">
        <v>120</v>
      </c>
      <c r="I10725" t="s">
        <v>15</v>
      </c>
      <c r="J10725" s="10">
        <v>11.393770829999999</v>
      </c>
    </row>
    <row r="10726" spans="1:10" x14ac:dyDescent="0.35">
      <c r="A10726" t="s">
        <v>62</v>
      </c>
      <c r="B10726" t="s">
        <v>67</v>
      </c>
      <c r="C10726" t="s">
        <v>117</v>
      </c>
      <c r="D10726" t="s">
        <v>118</v>
      </c>
      <c r="E10726">
        <v>2011</v>
      </c>
      <c r="F10726">
        <v>2011</v>
      </c>
      <c r="G10726" t="s">
        <v>126</v>
      </c>
      <c r="H10726" t="s">
        <v>121</v>
      </c>
      <c r="I10726" t="s">
        <v>15</v>
      </c>
      <c r="J10726" s="10">
        <v>35.607931520000001</v>
      </c>
    </row>
    <row r="10727" spans="1:10" x14ac:dyDescent="0.35">
      <c r="A10727" t="s">
        <v>62</v>
      </c>
      <c r="B10727" t="s">
        <v>67</v>
      </c>
      <c r="C10727" t="s">
        <v>117</v>
      </c>
      <c r="D10727" t="s">
        <v>118</v>
      </c>
      <c r="E10727">
        <v>2011</v>
      </c>
      <c r="F10727">
        <v>2011</v>
      </c>
      <c r="G10727" t="s">
        <v>126</v>
      </c>
      <c r="H10727" t="s">
        <v>122</v>
      </c>
      <c r="I10727" t="s">
        <v>15</v>
      </c>
      <c r="J10727" s="10">
        <v>17.675689930000001</v>
      </c>
    </row>
    <row r="10728" spans="1:10" x14ac:dyDescent="0.35">
      <c r="A10728" t="s">
        <v>62</v>
      </c>
      <c r="B10728" t="s">
        <v>67</v>
      </c>
      <c r="C10728" t="s">
        <v>117</v>
      </c>
      <c r="D10728" t="s">
        <v>118</v>
      </c>
      <c r="E10728">
        <v>2011</v>
      </c>
      <c r="F10728">
        <v>2011</v>
      </c>
      <c r="G10728" t="s">
        <v>126</v>
      </c>
      <c r="H10728" t="s">
        <v>123</v>
      </c>
      <c r="I10728" t="s">
        <v>15</v>
      </c>
      <c r="J10728" s="10">
        <v>14.920756709999999</v>
      </c>
    </row>
    <row r="10729" spans="1:10" x14ac:dyDescent="0.35">
      <c r="A10729" t="s">
        <v>62</v>
      </c>
      <c r="B10729" t="s">
        <v>67</v>
      </c>
      <c r="C10729" t="s">
        <v>117</v>
      </c>
      <c r="D10729" t="s">
        <v>118</v>
      </c>
      <c r="E10729">
        <v>2011</v>
      </c>
      <c r="F10729">
        <v>2011</v>
      </c>
      <c r="G10729" t="s">
        <v>126</v>
      </c>
      <c r="H10729" t="s">
        <v>124</v>
      </c>
      <c r="I10729" t="s">
        <v>15</v>
      </c>
      <c r="J10729" s="10">
        <v>2.606277124</v>
      </c>
    </row>
    <row r="10730" spans="1:10" x14ac:dyDescent="0.35">
      <c r="A10730" t="s">
        <v>62</v>
      </c>
      <c r="B10730" t="s">
        <v>68</v>
      </c>
      <c r="C10730" t="s">
        <v>117</v>
      </c>
      <c r="D10730" t="s">
        <v>118</v>
      </c>
      <c r="E10730">
        <v>2020</v>
      </c>
      <c r="F10730">
        <v>2020</v>
      </c>
      <c r="G10730" t="s">
        <v>14</v>
      </c>
      <c r="H10730" t="s">
        <v>119</v>
      </c>
      <c r="I10730" t="s">
        <v>15</v>
      </c>
      <c r="J10730" s="10">
        <v>17.775299910000001</v>
      </c>
    </row>
    <row r="10731" spans="1:10" x14ac:dyDescent="0.35">
      <c r="A10731" t="s">
        <v>62</v>
      </c>
      <c r="B10731" t="s">
        <v>68</v>
      </c>
      <c r="C10731" t="s">
        <v>117</v>
      </c>
      <c r="D10731" t="s">
        <v>118</v>
      </c>
      <c r="E10731">
        <v>2020</v>
      </c>
      <c r="F10731">
        <v>2020</v>
      </c>
      <c r="G10731" t="s">
        <v>14</v>
      </c>
      <c r="H10731" t="s">
        <v>120</v>
      </c>
      <c r="I10731" t="s">
        <v>15</v>
      </c>
      <c r="J10731" s="10">
        <v>10.143032910000001</v>
      </c>
    </row>
    <row r="10732" spans="1:10" x14ac:dyDescent="0.35">
      <c r="A10732" t="s">
        <v>62</v>
      </c>
      <c r="B10732" t="s">
        <v>68</v>
      </c>
      <c r="C10732" t="s">
        <v>117</v>
      </c>
      <c r="D10732" t="s">
        <v>118</v>
      </c>
      <c r="E10732">
        <v>2020</v>
      </c>
      <c r="F10732">
        <v>2020</v>
      </c>
      <c r="G10732" t="s">
        <v>14</v>
      </c>
      <c r="H10732" t="s">
        <v>121</v>
      </c>
      <c r="I10732" t="s">
        <v>15</v>
      </c>
      <c r="J10732" s="10">
        <v>39.39044397</v>
      </c>
    </row>
    <row r="10733" spans="1:10" x14ac:dyDescent="0.35">
      <c r="A10733" t="s">
        <v>62</v>
      </c>
      <c r="B10733" t="s">
        <v>68</v>
      </c>
      <c r="C10733" t="s">
        <v>117</v>
      </c>
      <c r="D10733" t="s">
        <v>118</v>
      </c>
      <c r="E10733">
        <v>2020</v>
      </c>
      <c r="F10733">
        <v>2020</v>
      </c>
      <c r="G10733" t="s">
        <v>14</v>
      </c>
      <c r="H10733" t="s">
        <v>122</v>
      </c>
      <c r="I10733" t="s">
        <v>15</v>
      </c>
      <c r="J10733" s="10">
        <v>18.744232539999999</v>
      </c>
    </row>
    <row r="10734" spans="1:10" x14ac:dyDescent="0.35">
      <c r="A10734" t="s">
        <v>62</v>
      </c>
      <c r="B10734" t="s">
        <v>68</v>
      </c>
      <c r="C10734" t="s">
        <v>117</v>
      </c>
      <c r="D10734" t="s">
        <v>118</v>
      </c>
      <c r="E10734">
        <v>2020</v>
      </c>
      <c r="F10734">
        <v>2020</v>
      </c>
      <c r="G10734" t="s">
        <v>14</v>
      </c>
      <c r="H10734" t="s">
        <v>123</v>
      </c>
      <c r="I10734" t="s">
        <v>15</v>
      </c>
      <c r="J10734" s="10">
        <v>12.03219522</v>
      </c>
    </row>
    <row r="10735" spans="1:10" x14ac:dyDescent="0.35">
      <c r="A10735" t="s">
        <v>62</v>
      </c>
      <c r="B10735" t="s">
        <v>68</v>
      </c>
      <c r="C10735" t="s">
        <v>117</v>
      </c>
      <c r="D10735" t="s">
        <v>118</v>
      </c>
      <c r="E10735">
        <v>2020</v>
      </c>
      <c r="F10735">
        <v>2020</v>
      </c>
      <c r="G10735" t="s">
        <v>14</v>
      </c>
      <c r="H10735" t="s">
        <v>124</v>
      </c>
      <c r="I10735" t="s">
        <v>15</v>
      </c>
      <c r="J10735" s="10">
        <v>1.914795448</v>
      </c>
    </row>
    <row r="10736" spans="1:10" x14ac:dyDescent="0.35">
      <c r="A10736" t="s">
        <v>62</v>
      </c>
      <c r="B10736" t="s">
        <v>68</v>
      </c>
      <c r="C10736" t="s">
        <v>117</v>
      </c>
      <c r="D10736" t="s">
        <v>118</v>
      </c>
      <c r="E10736">
        <v>2020</v>
      </c>
      <c r="F10736">
        <v>2020</v>
      </c>
      <c r="G10736" t="s">
        <v>125</v>
      </c>
      <c r="H10736" t="s">
        <v>119</v>
      </c>
      <c r="I10736" t="s">
        <v>15</v>
      </c>
      <c r="J10736" s="10">
        <v>18.953568950000001</v>
      </c>
    </row>
    <row r="10737" spans="1:10" x14ac:dyDescent="0.35">
      <c r="A10737" t="s">
        <v>62</v>
      </c>
      <c r="B10737" t="s">
        <v>68</v>
      </c>
      <c r="C10737" t="s">
        <v>117</v>
      </c>
      <c r="D10737" t="s">
        <v>118</v>
      </c>
      <c r="E10737">
        <v>2020</v>
      </c>
      <c r="F10737">
        <v>2020</v>
      </c>
      <c r="G10737" t="s">
        <v>125</v>
      </c>
      <c r="H10737" t="s">
        <v>120</v>
      </c>
      <c r="I10737" t="s">
        <v>15</v>
      </c>
      <c r="J10737" s="10">
        <v>10.54960286</v>
      </c>
    </row>
    <row r="10738" spans="1:10" x14ac:dyDescent="0.35">
      <c r="A10738" t="s">
        <v>62</v>
      </c>
      <c r="B10738" t="s">
        <v>68</v>
      </c>
      <c r="C10738" t="s">
        <v>117</v>
      </c>
      <c r="D10738" t="s">
        <v>118</v>
      </c>
      <c r="E10738">
        <v>2020</v>
      </c>
      <c r="F10738">
        <v>2020</v>
      </c>
      <c r="G10738" t="s">
        <v>125</v>
      </c>
      <c r="H10738" t="s">
        <v>121</v>
      </c>
      <c r="I10738" t="s">
        <v>15</v>
      </c>
      <c r="J10738" s="10">
        <v>40.98566022</v>
      </c>
    </row>
    <row r="10739" spans="1:10" x14ac:dyDescent="0.35">
      <c r="A10739" t="s">
        <v>62</v>
      </c>
      <c r="B10739" t="s">
        <v>68</v>
      </c>
      <c r="C10739" t="s">
        <v>117</v>
      </c>
      <c r="D10739" t="s">
        <v>118</v>
      </c>
      <c r="E10739">
        <v>2020</v>
      </c>
      <c r="F10739">
        <v>2020</v>
      </c>
      <c r="G10739" t="s">
        <v>125</v>
      </c>
      <c r="H10739" t="s">
        <v>122</v>
      </c>
      <c r="I10739" t="s">
        <v>15</v>
      </c>
      <c r="J10739" s="10">
        <v>17.652859960000001</v>
      </c>
    </row>
    <row r="10740" spans="1:10" x14ac:dyDescent="0.35">
      <c r="A10740" t="s">
        <v>62</v>
      </c>
      <c r="B10740" t="s">
        <v>68</v>
      </c>
      <c r="C10740" t="s">
        <v>117</v>
      </c>
      <c r="D10740" t="s">
        <v>118</v>
      </c>
      <c r="E10740">
        <v>2020</v>
      </c>
      <c r="F10740">
        <v>2020</v>
      </c>
      <c r="G10740" t="s">
        <v>125</v>
      </c>
      <c r="H10740" t="s">
        <v>123</v>
      </c>
      <c r="I10740" t="s">
        <v>15</v>
      </c>
      <c r="J10740" s="10">
        <v>10.762833840000001</v>
      </c>
    </row>
    <row r="10741" spans="1:10" x14ac:dyDescent="0.35">
      <c r="A10741" t="s">
        <v>62</v>
      </c>
      <c r="B10741" t="s">
        <v>68</v>
      </c>
      <c r="C10741" t="s">
        <v>117</v>
      </c>
      <c r="D10741" t="s">
        <v>118</v>
      </c>
      <c r="E10741">
        <v>2020</v>
      </c>
      <c r="F10741">
        <v>2020</v>
      </c>
      <c r="G10741" t="s">
        <v>125</v>
      </c>
      <c r="H10741" t="s">
        <v>124</v>
      </c>
      <c r="I10741" t="s">
        <v>15</v>
      </c>
      <c r="J10741" s="10">
        <v>1.0954741720000001</v>
      </c>
    </row>
    <row r="10742" spans="1:10" x14ac:dyDescent="0.35">
      <c r="A10742" t="s">
        <v>62</v>
      </c>
      <c r="B10742" t="s">
        <v>68</v>
      </c>
      <c r="C10742" t="s">
        <v>117</v>
      </c>
      <c r="D10742" t="s">
        <v>118</v>
      </c>
      <c r="E10742">
        <v>2020</v>
      </c>
      <c r="F10742">
        <v>2020</v>
      </c>
      <c r="G10742" t="s">
        <v>126</v>
      </c>
      <c r="H10742" t="s">
        <v>119</v>
      </c>
      <c r="I10742" t="s">
        <v>15</v>
      </c>
      <c r="J10742" s="10">
        <v>16.683948059999999</v>
      </c>
    </row>
    <row r="10743" spans="1:10" x14ac:dyDescent="0.35">
      <c r="A10743" t="s">
        <v>62</v>
      </c>
      <c r="B10743" t="s">
        <v>68</v>
      </c>
      <c r="C10743" t="s">
        <v>117</v>
      </c>
      <c r="D10743" t="s">
        <v>118</v>
      </c>
      <c r="E10743">
        <v>2020</v>
      </c>
      <c r="F10743">
        <v>2020</v>
      </c>
      <c r="G10743" t="s">
        <v>126</v>
      </c>
      <c r="H10743" t="s">
        <v>120</v>
      </c>
      <c r="I10743" t="s">
        <v>15</v>
      </c>
      <c r="J10743" s="10">
        <v>9.7664543520000002</v>
      </c>
    </row>
    <row r="10744" spans="1:10" x14ac:dyDescent="0.35">
      <c r="A10744" t="s">
        <v>62</v>
      </c>
      <c r="B10744" t="s">
        <v>68</v>
      </c>
      <c r="C10744" t="s">
        <v>117</v>
      </c>
      <c r="D10744" t="s">
        <v>118</v>
      </c>
      <c r="E10744">
        <v>2020</v>
      </c>
      <c r="F10744">
        <v>2020</v>
      </c>
      <c r="G10744" t="s">
        <v>126</v>
      </c>
      <c r="H10744" t="s">
        <v>121</v>
      </c>
      <c r="I10744" t="s">
        <v>15</v>
      </c>
      <c r="J10744" s="10">
        <v>37.912901789999999</v>
      </c>
    </row>
    <row r="10745" spans="1:10" x14ac:dyDescent="0.35">
      <c r="A10745" t="s">
        <v>62</v>
      </c>
      <c r="B10745" t="s">
        <v>68</v>
      </c>
      <c r="C10745" t="s">
        <v>117</v>
      </c>
      <c r="D10745" t="s">
        <v>118</v>
      </c>
      <c r="E10745">
        <v>2020</v>
      </c>
      <c r="F10745">
        <v>2020</v>
      </c>
      <c r="G10745" t="s">
        <v>126</v>
      </c>
      <c r="H10745" t="s">
        <v>122</v>
      </c>
      <c r="I10745" t="s">
        <v>15</v>
      </c>
      <c r="J10745" s="10">
        <v>19.755098010000001</v>
      </c>
    </row>
    <row r="10746" spans="1:10" x14ac:dyDescent="0.35">
      <c r="A10746" t="s">
        <v>62</v>
      </c>
      <c r="B10746" t="s">
        <v>68</v>
      </c>
      <c r="C10746" t="s">
        <v>117</v>
      </c>
      <c r="D10746" t="s">
        <v>118</v>
      </c>
      <c r="E10746">
        <v>2020</v>
      </c>
      <c r="F10746">
        <v>2020</v>
      </c>
      <c r="G10746" t="s">
        <v>126</v>
      </c>
      <c r="H10746" t="s">
        <v>123</v>
      </c>
      <c r="I10746" t="s">
        <v>15</v>
      </c>
      <c r="J10746" s="10">
        <v>13.20791981</v>
      </c>
    </row>
    <row r="10747" spans="1:10" x14ac:dyDescent="0.35">
      <c r="A10747" t="s">
        <v>62</v>
      </c>
      <c r="B10747" t="s">
        <v>68</v>
      </c>
      <c r="C10747" t="s">
        <v>117</v>
      </c>
      <c r="D10747" t="s">
        <v>118</v>
      </c>
      <c r="E10747">
        <v>2020</v>
      </c>
      <c r="F10747">
        <v>2020</v>
      </c>
      <c r="G10747" t="s">
        <v>126</v>
      </c>
      <c r="H10747" t="s">
        <v>124</v>
      </c>
      <c r="I10747" t="s">
        <v>15</v>
      </c>
      <c r="J10747" s="10">
        <v>2.6736779739999998</v>
      </c>
    </row>
    <row r="10748" spans="1:10" x14ac:dyDescent="0.35">
      <c r="A10748" t="s">
        <v>62</v>
      </c>
      <c r="B10748" t="s">
        <v>68</v>
      </c>
      <c r="C10748" t="s">
        <v>117</v>
      </c>
      <c r="D10748" t="s">
        <v>118</v>
      </c>
      <c r="E10748">
        <v>2019</v>
      </c>
      <c r="F10748">
        <v>2019</v>
      </c>
      <c r="G10748" t="s">
        <v>14</v>
      </c>
      <c r="H10748" t="s">
        <v>119</v>
      </c>
      <c r="I10748" t="s">
        <v>15</v>
      </c>
      <c r="J10748" s="10">
        <v>17.677651910000002</v>
      </c>
    </row>
    <row r="10749" spans="1:10" x14ac:dyDescent="0.35">
      <c r="A10749" t="s">
        <v>62</v>
      </c>
      <c r="B10749" t="s">
        <v>68</v>
      </c>
      <c r="C10749" t="s">
        <v>117</v>
      </c>
      <c r="D10749" t="s">
        <v>118</v>
      </c>
      <c r="E10749">
        <v>2019</v>
      </c>
      <c r="F10749">
        <v>2019</v>
      </c>
      <c r="G10749" t="s">
        <v>14</v>
      </c>
      <c r="H10749" t="s">
        <v>120</v>
      </c>
      <c r="I10749" t="s">
        <v>15</v>
      </c>
      <c r="J10749" s="10">
        <v>10.303810500000001</v>
      </c>
    </row>
    <row r="10750" spans="1:10" x14ac:dyDescent="0.35">
      <c r="A10750" t="s">
        <v>62</v>
      </c>
      <c r="B10750" t="s">
        <v>68</v>
      </c>
      <c r="C10750" t="s">
        <v>117</v>
      </c>
      <c r="D10750" t="s">
        <v>118</v>
      </c>
      <c r="E10750">
        <v>2019</v>
      </c>
      <c r="F10750">
        <v>2019</v>
      </c>
      <c r="G10750" t="s">
        <v>14</v>
      </c>
      <c r="H10750" t="s">
        <v>121</v>
      </c>
      <c r="I10750" t="s">
        <v>15</v>
      </c>
      <c r="J10750" s="10">
        <v>39.290679709999999</v>
      </c>
    </row>
    <row r="10751" spans="1:10" x14ac:dyDescent="0.35">
      <c r="A10751" t="s">
        <v>62</v>
      </c>
      <c r="B10751" t="s">
        <v>68</v>
      </c>
      <c r="C10751" t="s">
        <v>117</v>
      </c>
      <c r="D10751" t="s">
        <v>118</v>
      </c>
      <c r="E10751">
        <v>2019</v>
      </c>
      <c r="F10751">
        <v>2019</v>
      </c>
      <c r="G10751" t="s">
        <v>14</v>
      </c>
      <c r="H10751" t="s">
        <v>122</v>
      </c>
      <c r="I10751" t="s">
        <v>15</v>
      </c>
      <c r="J10751" s="10">
        <v>18.72039135</v>
      </c>
    </row>
    <row r="10752" spans="1:10" x14ac:dyDescent="0.35">
      <c r="A10752" t="s">
        <v>62</v>
      </c>
      <c r="B10752" t="s">
        <v>68</v>
      </c>
      <c r="C10752" t="s">
        <v>117</v>
      </c>
      <c r="D10752" t="s">
        <v>118</v>
      </c>
      <c r="E10752">
        <v>2019</v>
      </c>
      <c r="F10752">
        <v>2019</v>
      </c>
      <c r="G10752" t="s">
        <v>14</v>
      </c>
      <c r="H10752" t="s">
        <v>123</v>
      </c>
      <c r="I10752" t="s">
        <v>15</v>
      </c>
      <c r="J10752" s="10">
        <v>12.071318229999999</v>
      </c>
    </row>
    <row r="10753" spans="1:10" x14ac:dyDescent="0.35">
      <c r="A10753" t="s">
        <v>62</v>
      </c>
      <c r="B10753" t="s">
        <v>68</v>
      </c>
      <c r="C10753" t="s">
        <v>117</v>
      </c>
      <c r="D10753" t="s">
        <v>118</v>
      </c>
      <c r="E10753">
        <v>2019</v>
      </c>
      <c r="F10753">
        <v>2019</v>
      </c>
      <c r="G10753" t="s">
        <v>14</v>
      </c>
      <c r="H10753" t="s">
        <v>124</v>
      </c>
      <c r="I10753" t="s">
        <v>15</v>
      </c>
      <c r="J10753" s="10">
        <v>1.936148301</v>
      </c>
    </row>
    <row r="10754" spans="1:10" x14ac:dyDescent="0.35">
      <c r="A10754" t="s">
        <v>62</v>
      </c>
      <c r="B10754" t="s">
        <v>68</v>
      </c>
      <c r="C10754" t="s">
        <v>117</v>
      </c>
      <c r="D10754" t="s">
        <v>118</v>
      </c>
      <c r="E10754">
        <v>2019</v>
      </c>
      <c r="F10754">
        <v>2019</v>
      </c>
      <c r="G10754" t="s">
        <v>125</v>
      </c>
      <c r="H10754" t="s">
        <v>119</v>
      </c>
      <c r="I10754" t="s">
        <v>15</v>
      </c>
      <c r="J10754" s="10">
        <v>18.685398360000001</v>
      </c>
    </row>
    <row r="10755" spans="1:10" x14ac:dyDescent="0.35">
      <c r="A10755" t="s">
        <v>62</v>
      </c>
      <c r="B10755" t="s">
        <v>68</v>
      </c>
      <c r="C10755" t="s">
        <v>117</v>
      </c>
      <c r="D10755" t="s">
        <v>118</v>
      </c>
      <c r="E10755">
        <v>2019</v>
      </c>
      <c r="F10755">
        <v>2019</v>
      </c>
      <c r="G10755" t="s">
        <v>125</v>
      </c>
      <c r="H10755" t="s">
        <v>120</v>
      </c>
      <c r="I10755" t="s">
        <v>15</v>
      </c>
      <c r="J10755" s="10">
        <v>10.878448759999999</v>
      </c>
    </row>
    <row r="10756" spans="1:10" x14ac:dyDescent="0.35">
      <c r="A10756" t="s">
        <v>62</v>
      </c>
      <c r="B10756" t="s">
        <v>68</v>
      </c>
      <c r="C10756" t="s">
        <v>117</v>
      </c>
      <c r="D10756" t="s">
        <v>118</v>
      </c>
      <c r="E10756">
        <v>2019</v>
      </c>
      <c r="F10756">
        <v>2019</v>
      </c>
      <c r="G10756" t="s">
        <v>125</v>
      </c>
      <c r="H10756" t="s">
        <v>121</v>
      </c>
      <c r="I10756" t="s">
        <v>15</v>
      </c>
      <c r="J10756" s="10">
        <v>40.858951419999997</v>
      </c>
    </row>
    <row r="10757" spans="1:10" x14ac:dyDescent="0.35">
      <c r="A10757" t="s">
        <v>62</v>
      </c>
      <c r="B10757" t="s">
        <v>68</v>
      </c>
      <c r="C10757" t="s">
        <v>117</v>
      </c>
      <c r="D10757" t="s">
        <v>118</v>
      </c>
      <c r="E10757">
        <v>2019</v>
      </c>
      <c r="F10757">
        <v>2019</v>
      </c>
      <c r="G10757" t="s">
        <v>125</v>
      </c>
      <c r="H10757" t="s">
        <v>122</v>
      </c>
      <c r="I10757" t="s">
        <v>15</v>
      </c>
      <c r="J10757" s="10">
        <v>17.67848081</v>
      </c>
    </row>
    <row r="10758" spans="1:10" x14ac:dyDescent="0.35">
      <c r="A10758" t="s">
        <v>62</v>
      </c>
      <c r="B10758" t="s">
        <v>68</v>
      </c>
      <c r="C10758" t="s">
        <v>117</v>
      </c>
      <c r="D10758" t="s">
        <v>118</v>
      </c>
      <c r="E10758">
        <v>2019</v>
      </c>
      <c r="F10758">
        <v>2019</v>
      </c>
      <c r="G10758" t="s">
        <v>125</v>
      </c>
      <c r="H10758" t="s">
        <v>123</v>
      </c>
      <c r="I10758" t="s">
        <v>15</v>
      </c>
      <c r="J10758" s="10">
        <v>10.76627227</v>
      </c>
    </row>
    <row r="10759" spans="1:10" x14ac:dyDescent="0.35">
      <c r="A10759" t="s">
        <v>62</v>
      </c>
      <c r="B10759" t="s">
        <v>68</v>
      </c>
      <c r="C10759" t="s">
        <v>117</v>
      </c>
      <c r="D10759" t="s">
        <v>118</v>
      </c>
      <c r="E10759">
        <v>2019</v>
      </c>
      <c r="F10759">
        <v>2019</v>
      </c>
      <c r="G10759" t="s">
        <v>125</v>
      </c>
      <c r="H10759" t="s">
        <v>124</v>
      </c>
      <c r="I10759" t="s">
        <v>15</v>
      </c>
      <c r="J10759" s="10">
        <v>1.132448385</v>
      </c>
    </row>
    <row r="10760" spans="1:10" x14ac:dyDescent="0.35">
      <c r="A10760" t="s">
        <v>62</v>
      </c>
      <c r="B10760" t="s">
        <v>68</v>
      </c>
      <c r="C10760" t="s">
        <v>117</v>
      </c>
      <c r="D10760" t="s">
        <v>118</v>
      </c>
      <c r="E10760">
        <v>2019</v>
      </c>
      <c r="F10760">
        <v>2019</v>
      </c>
      <c r="G10760" t="s">
        <v>126</v>
      </c>
      <c r="H10760" t="s">
        <v>119</v>
      </c>
      <c r="I10760" t="s">
        <v>15</v>
      </c>
      <c r="J10760" s="10">
        <v>16.73997863</v>
      </c>
    </row>
    <row r="10761" spans="1:10" x14ac:dyDescent="0.35">
      <c r="A10761" t="s">
        <v>62</v>
      </c>
      <c r="B10761" t="s">
        <v>68</v>
      </c>
      <c r="C10761" t="s">
        <v>117</v>
      </c>
      <c r="D10761" t="s">
        <v>118</v>
      </c>
      <c r="E10761">
        <v>2019</v>
      </c>
      <c r="F10761">
        <v>2019</v>
      </c>
      <c r="G10761" t="s">
        <v>126</v>
      </c>
      <c r="H10761" t="s">
        <v>120</v>
      </c>
      <c r="I10761" t="s">
        <v>15</v>
      </c>
      <c r="J10761" s="10">
        <v>9.7691294519999996</v>
      </c>
    </row>
    <row r="10762" spans="1:10" x14ac:dyDescent="0.35">
      <c r="A10762" t="s">
        <v>62</v>
      </c>
      <c r="B10762" t="s">
        <v>68</v>
      </c>
      <c r="C10762" t="s">
        <v>117</v>
      </c>
      <c r="D10762" t="s">
        <v>118</v>
      </c>
      <c r="E10762">
        <v>2019</v>
      </c>
      <c r="F10762">
        <v>2019</v>
      </c>
      <c r="G10762" t="s">
        <v>126</v>
      </c>
      <c r="H10762" t="s">
        <v>121</v>
      </c>
      <c r="I10762" t="s">
        <v>15</v>
      </c>
      <c r="J10762" s="10">
        <v>37.831457039999997</v>
      </c>
    </row>
    <row r="10763" spans="1:10" x14ac:dyDescent="0.35">
      <c r="A10763" t="s">
        <v>62</v>
      </c>
      <c r="B10763" t="s">
        <v>68</v>
      </c>
      <c r="C10763" t="s">
        <v>117</v>
      </c>
      <c r="D10763" t="s">
        <v>118</v>
      </c>
      <c r="E10763">
        <v>2019</v>
      </c>
      <c r="F10763">
        <v>2019</v>
      </c>
      <c r="G10763" t="s">
        <v>126</v>
      </c>
      <c r="H10763" t="s">
        <v>122</v>
      </c>
      <c r="I10763" t="s">
        <v>15</v>
      </c>
      <c r="J10763" s="10">
        <v>19.689853129999999</v>
      </c>
    </row>
    <row r="10764" spans="1:10" x14ac:dyDescent="0.35">
      <c r="A10764" t="s">
        <v>62</v>
      </c>
      <c r="B10764" t="s">
        <v>68</v>
      </c>
      <c r="C10764" t="s">
        <v>117</v>
      </c>
      <c r="D10764" t="s">
        <v>118</v>
      </c>
      <c r="E10764">
        <v>2019</v>
      </c>
      <c r="F10764">
        <v>2019</v>
      </c>
      <c r="G10764" t="s">
        <v>126</v>
      </c>
      <c r="H10764" t="s">
        <v>123</v>
      </c>
      <c r="I10764" t="s">
        <v>15</v>
      </c>
      <c r="J10764" s="10">
        <v>13.28561843</v>
      </c>
    </row>
    <row r="10765" spans="1:10" x14ac:dyDescent="0.35">
      <c r="A10765" t="s">
        <v>62</v>
      </c>
      <c r="B10765" t="s">
        <v>68</v>
      </c>
      <c r="C10765" t="s">
        <v>117</v>
      </c>
      <c r="D10765" t="s">
        <v>118</v>
      </c>
      <c r="E10765">
        <v>2019</v>
      </c>
      <c r="F10765">
        <v>2019</v>
      </c>
      <c r="G10765" t="s">
        <v>126</v>
      </c>
      <c r="H10765" t="s">
        <v>124</v>
      </c>
      <c r="I10765" t="s">
        <v>15</v>
      </c>
      <c r="J10765" s="10">
        <v>2.6839633190000001</v>
      </c>
    </row>
    <row r="10766" spans="1:10" x14ac:dyDescent="0.35">
      <c r="A10766" t="s">
        <v>62</v>
      </c>
      <c r="B10766" t="s">
        <v>68</v>
      </c>
      <c r="C10766" t="s">
        <v>117</v>
      </c>
      <c r="D10766" t="s">
        <v>118</v>
      </c>
      <c r="E10766">
        <v>2018</v>
      </c>
      <c r="F10766">
        <v>2018</v>
      </c>
      <c r="G10766" t="s">
        <v>14</v>
      </c>
      <c r="H10766" t="s">
        <v>119</v>
      </c>
      <c r="I10766" t="s">
        <v>15</v>
      </c>
      <c r="J10766" s="10">
        <v>17.832654600000001</v>
      </c>
    </row>
    <row r="10767" spans="1:10" x14ac:dyDescent="0.35">
      <c r="A10767" t="s">
        <v>62</v>
      </c>
      <c r="B10767" t="s">
        <v>68</v>
      </c>
      <c r="C10767" t="s">
        <v>117</v>
      </c>
      <c r="D10767" t="s">
        <v>118</v>
      </c>
      <c r="E10767">
        <v>2018</v>
      </c>
      <c r="F10767">
        <v>2018</v>
      </c>
      <c r="G10767" t="s">
        <v>14</v>
      </c>
      <c r="H10767" t="s">
        <v>120</v>
      </c>
      <c r="I10767" t="s">
        <v>15</v>
      </c>
      <c r="J10767" s="10">
        <v>10.538778799999999</v>
      </c>
    </row>
    <row r="10768" spans="1:10" x14ac:dyDescent="0.35">
      <c r="A10768" t="s">
        <v>62</v>
      </c>
      <c r="B10768" t="s">
        <v>68</v>
      </c>
      <c r="C10768" t="s">
        <v>117</v>
      </c>
      <c r="D10768" t="s">
        <v>118</v>
      </c>
      <c r="E10768">
        <v>2018</v>
      </c>
      <c r="F10768">
        <v>2018</v>
      </c>
      <c r="G10768" t="s">
        <v>14</v>
      </c>
      <c r="H10768" t="s">
        <v>121</v>
      </c>
      <c r="I10768" t="s">
        <v>15</v>
      </c>
      <c r="J10768" s="10">
        <v>38.938836049999999</v>
      </c>
    </row>
    <row r="10769" spans="1:10" x14ac:dyDescent="0.35">
      <c r="A10769" t="s">
        <v>62</v>
      </c>
      <c r="B10769" t="s">
        <v>68</v>
      </c>
      <c r="C10769" t="s">
        <v>117</v>
      </c>
      <c r="D10769" t="s">
        <v>118</v>
      </c>
      <c r="E10769">
        <v>2018</v>
      </c>
      <c r="F10769">
        <v>2018</v>
      </c>
      <c r="G10769" t="s">
        <v>14</v>
      </c>
      <c r="H10769" t="s">
        <v>122</v>
      </c>
      <c r="I10769" t="s">
        <v>15</v>
      </c>
      <c r="J10769" s="10">
        <v>18.657541729999998</v>
      </c>
    </row>
    <row r="10770" spans="1:10" x14ac:dyDescent="0.35">
      <c r="A10770" t="s">
        <v>62</v>
      </c>
      <c r="B10770" t="s">
        <v>68</v>
      </c>
      <c r="C10770" t="s">
        <v>117</v>
      </c>
      <c r="D10770" t="s">
        <v>118</v>
      </c>
      <c r="E10770">
        <v>2018</v>
      </c>
      <c r="F10770">
        <v>2018</v>
      </c>
      <c r="G10770" t="s">
        <v>14</v>
      </c>
      <c r="H10770" t="s">
        <v>123</v>
      </c>
      <c r="I10770" t="s">
        <v>15</v>
      </c>
      <c r="J10770" s="10">
        <v>12.133907539999999</v>
      </c>
    </row>
    <row r="10771" spans="1:10" x14ac:dyDescent="0.35">
      <c r="A10771" t="s">
        <v>62</v>
      </c>
      <c r="B10771" t="s">
        <v>68</v>
      </c>
      <c r="C10771" t="s">
        <v>117</v>
      </c>
      <c r="D10771" t="s">
        <v>118</v>
      </c>
      <c r="E10771">
        <v>2018</v>
      </c>
      <c r="F10771">
        <v>2018</v>
      </c>
      <c r="G10771" t="s">
        <v>14</v>
      </c>
      <c r="H10771" t="s">
        <v>124</v>
      </c>
      <c r="I10771" t="s">
        <v>15</v>
      </c>
      <c r="J10771" s="10">
        <v>1.8982812680000001</v>
      </c>
    </row>
    <row r="10772" spans="1:10" x14ac:dyDescent="0.35">
      <c r="A10772" t="s">
        <v>62</v>
      </c>
      <c r="B10772" t="s">
        <v>68</v>
      </c>
      <c r="C10772" t="s">
        <v>117</v>
      </c>
      <c r="D10772" t="s">
        <v>118</v>
      </c>
      <c r="E10772">
        <v>2018</v>
      </c>
      <c r="F10772">
        <v>2018</v>
      </c>
      <c r="G10772" t="s">
        <v>125</v>
      </c>
      <c r="H10772" t="s">
        <v>119</v>
      </c>
      <c r="I10772" t="s">
        <v>15</v>
      </c>
      <c r="J10772" s="10">
        <v>18.816067650000001</v>
      </c>
    </row>
    <row r="10773" spans="1:10" x14ac:dyDescent="0.35">
      <c r="A10773" t="s">
        <v>62</v>
      </c>
      <c r="B10773" t="s">
        <v>68</v>
      </c>
      <c r="C10773" t="s">
        <v>117</v>
      </c>
      <c r="D10773" t="s">
        <v>118</v>
      </c>
      <c r="E10773">
        <v>2018</v>
      </c>
      <c r="F10773">
        <v>2018</v>
      </c>
      <c r="G10773" t="s">
        <v>125</v>
      </c>
      <c r="H10773" t="s">
        <v>120</v>
      </c>
      <c r="I10773" t="s">
        <v>15</v>
      </c>
      <c r="J10773" s="10">
        <v>11.210494929999999</v>
      </c>
    </row>
    <row r="10774" spans="1:10" x14ac:dyDescent="0.35">
      <c r="A10774" t="s">
        <v>62</v>
      </c>
      <c r="B10774" t="s">
        <v>68</v>
      </c>
      <c r="C10774" t="s">
        <v>117</v>
      </c>
      <c r="D10774" t="s">
        <v>118</v>
      </c>
      <c r="E10774">
        <v>2018</v>
      </c>
      <c r="F10774">
        <v>2018</v>
      </c>
      <c r="G10774" t="s">
        <v>125</v>
      </c>
      <c r="H10774" t="s">
        <v>121</v>
      </c>
      <c r="I10774" t="s">
        <v>15</v>
      </c>
      <c r="J10774" s="10">
        <v>40.188106470000001</v>
      </c>
    </row>
    <row r="10775" spans="1:10" x14ac:dyDescent="0.35">
      <c r="A10775" t="s">
        <v>62</v>
      </c>
      <c r="B10775" t="s">
        <v>68</v>
      </c>
      <c r="C10775" t="s">
        <v>117</v>
      </c>
      <c r="D10775" t="s">
        <v>118</v>
      </c>
      <c r="E10775">
        <v>2018</v>
      </c>
      <c r="F10775">
        <v>2018</v>
      </c>
      <c r="G10775" t="s">
        <v>125</v>
      </c>
      <c r="H10775" t="s">
        <v>122</v>
      </c>
      <c r="I10775" t="s">
        <v>15</v>
      </c>
      <c r="J10775" s="10">
        <v>17.85114111</v>
      </c>
    </row>
    <row r="10776" spans="1:10" x14ac:dyDescent="0.35">
      <c r="A10776" t="s">
        <v>62</v>
      </c>
      <c r="B10776" t="s">
        <v>68</v>
      </c>
      <c r="C10776" t="s">
        <v>117</v>
      </c>
      <c r="D10776" t="s">
        <v>118</v>
      </c>
      <c r="E10776">
        <v>2018</v>
      </c>
      <c r="F10776">
        <v>2018</v>
      </c>
      <c r="G10776" t="s">
        <v>125</v>
      </c>
      <c r="H10776" t="s">
        <v>123</v>
      </c>
      <c r="I10776" t="s">
        <v>15</v>
      </c>
      <c r="J10776" s="10">
        <v>10.75513634</v>
      </c>
    </row>
    <row r="10777" spans="1:10" x14ac:dyDescent="0.35">
      <c r="A10777" t="s">
        <v>62</v>
      </c>
      <c r="B10777" t="s">
        <v>68</v>
      </c>
      <c r="C10777" t="s">
        <v>117</v>
      </c>
      <c r="D10777" t="s">
        <v>118</v>
      </c>
      <c r="E10777">
        <v>2018</v>
      </c>
      <c r="F10777">
        <v>2018</v>
      </c>
      <c r="G10777" t="s">
        <v>125</v>
      </c>
      <c r="H10777" t="s">
        <v>124</v>
      </c>
      <c r="I10777" t="s">
        <v>15</v>
      </c>
      <c r="J10777" s="10">
        <v>1.1790535049999999</v>
      </c>
    </row>
    <row r="10778" spans="1:10" x14ac:dyDescent="0.35">
      <c r="A10778" t="s">
        <v>62</v>
      </c>
      <c r="B10778" t="s">
        <v>68</v>
      </c>
      <c r="C10778" t="s">
        <v>117</v>
      </c>
      <c r="D10778" t="s">
        <v>118</v>
      </c>
      <c r="E10778">
        <v>2018</v>
      </c>
      <c r="F10778">
        <v>2018</v>
      </c>
      <c r="G10778" t="s">
        <v>126</v>
      </c>
      <c r="H10778" t="s">
        <v>119</v>
      </c>
      <c r="I10778" t="s">
        <v>15</v>
      </c>
      <c r="J10778" s="10">
        <v>16.924809209999999</v>
      </c>
    </row>
    <row r="10779" spans="1:10" x14ac:dyDescent="0.35">
      <c r="A10779" t="s">
        <v>62</v>
      </c>
      <c r="B10779" t="s">
        <v>68</v>
      </c>
      <c r="C10779" t="s">
        <v>117</v>
      </c>
      <c r="D10779" t="s">
        <v>118</v>
      </c>
      <c r="E10779">
        <v>2018</v>
      </c>
      <c r="F10779">
        <v>2018</v>
      </c>
      <c r="G10779" t="s">
        <v>126</v>
      </c>
      <c r="H10779" t="s">
        <v>120</v>
      </c>
      <c r="I10779" t="s">
        <v>15</v>
      </c>
      <c r="J10779" s="10">
        <v>9.9186788440000004</v>
      </c>
    </row>
    <row r="10780" spans="1:10" x14ac:dyDescent="0.35">
      <c r="A10780" t="s">
        <v>62</v>
      </c>
      <c r="B10780" t="s">
        <v>68</v>
      </c>
      <c r="C10780" t="s">
        <v>117</v>
      </c>
      <c r="D10780" t="s">
        <v>118</v>
      </c>
      <c r="E10780">
        <v>2018</v>
      </c>
      <c r="F10780">
        <v>2018</v>
      </c>
      <c r="G10780" t="s">
        <v>126</v>
      </c>
      <c r="H10780" t="s">
        <v>121</v>
      </c>
      <c r="I10780" t="s">
        <v>15</v>
      </c>
      <c r="J10780" s="10">
        <v>37.785562370000001</v>
      </c>
    </row>
    <row r="10781" spans="1:10" x14ac:dyDescent="0.35">
      <c r="A10781" t="s">
        <v>62</v>
      </c>
      <c r="B10781" t="s">
        <v>68</v>
      </c>
      <c r="C10781" t="s">
        <v>117</v>
      </c>
      <c r="D10781" t="s">
        <v>118</v>
      </c>
      <c r="E10781">
        <v>2018</v>
      </c>
      <c r="F10781">
        <v>2018</v>
      </c>
      <c r="G10781" t="s">
        <v>126</v>
      </c>
      <c r="H10781" t="s">
        <v>122</v>
      </c>
      <c r="I10781" t="s">
        <v>15</v>
      </c>
      <c r="J10781" s="10">
        <v>19.401976730000001</v>
      </c>
    </row>
    <row r="10782" spans="1:10" x14ac:dyDescent="0.35">
      <c r="A10782" t="s">
        <v>62</v>
      </c>
      <c r="B10782" t="s">
        <v>68</v>
      </c>
      <c r="C10782" t="s">
        <v>117</v>
      </c>
      <c r="D10782" t="s">
        <v>118</v>
      </c>
      <c r="E10782">
        <v>2018</v>
      </c>
      <c r="F10782">
        <v>2018</v>
      </c>
      <c r="G10782" t="s">
        <v>126</v>
      </c>
      <c r="H10782" t="s">
        <v>123</v>
      </c>
      <c r="I10782" t="s">
        <v>15</v>
      </c>
      <c r="J10782" s="10">
        <v>13.40673089</v>
      </c>
    </row>
    <row r="10783" spans="1:10" x14ac:dyDescent="0.35">
      <c r="A10783" t="s">
        <v>62</v>
      </c>
      <c r="B10783" t="s">
        <v>68</v>
      </c>
      <c r="C10783" t="s">
        <v>117</v>
      </c>
      <c r="D10783" t="s">
        <v>118</v>
      </c>
      <c r="E10783">
        <v>2018</v>
      </c>
      <c r="F10783">
        <v>2018</v>
      </c>
      <c r="G10783" t="s">
        <v>126</v>
      </c>
      <c r="H10783" t="s">
        <v>124</v>
      </c>
      <c r="I10783" t="s">
        <v>15</v>
      </c>
      <c r="J10783" s="10">
        <v>2.5622419619999999</v>
      </c>
    </row>
    <row r="10784" spans="1:10" x14ac:dyDescent="0.35">
      <c r="A10784" t="s">
        <v>62</v>
      </c>
      <c r="B10784" t="s">
        <v>68</v>
      </c>
      <c r="C10784" t="s">
        <v>117</v>
      </c>
      <c r="D10784" t="s">
        <v>118</v>
      </c>
      <c r="E10784">
        <v>2017</v>
      </c>
      <c r="F10784">
        <v>2017</v>
      </c>
      <c r="G10784" t="s">
        <v>14</v>
      </c>
      <c r="H10784" t="s">
        <v>119</v>
      </c>
      <c r="I10784" t="s">
        <v>15</v>
      </c>
      <c r="J10784" s="10">
        <v>17.740261449999998</v>
      </c>
    </row>
    <row r="10785" spans="1:10" x14ac:dyDescent="0.35">
      <c r="A10785" t="s">
        <v>62</v>
      </c>
      <c r="B10785" t="s">
        <v>68</v>
      </c>
      <c r="C10785" t="s">
        <v>117</v>
      </c>
      <c r="D10785" t="s">
        <v>118</v>
      </c>
      <c r="E10785">
        <v>2017</v>
      </c>
      <c r="F10785">
        <v>2017</v>
      </c>
      <c r="G10785" t="s">
        <v>14</v>
      </c>
      <c r="H10785" t="s">
        <v>120</v>
      </c>
      <c r="I10785" t="s">
        <v>15</v>
      </c>
      <c r="J10785" s="10">
        <v>11.038560070000001</v>
      </c>
    </row>
    <row r="10786" spans="1:10" x14ac:dyDescent="0.35">
      <c r="A10786" t="s">
        <v>62</v>
      </c>
      <c r="B10786" t="s">
        <v>68</v>
      </c>
      <c r="C10786" t="s">
        <v>117</v>
      </c>
      <c r="D10786" t="s">
        <v>118</v>
      </c>
      <c r="E10786">
        <v>2017</v>
      </c>
      <c r="F10786">
        <v>2017</v>
      </c>
      <c r="G10786" t="s">
        <v>14</v>
      </c>
      <c r="H10786" t="s">
        <v>121</v>
      </c>
      <c r="I10786" t="s">
        <v>15</v>
      </c>
      <c r="J10786" s="10">
        <v>38.545621760000003</v>
      </c>
    </row>
    <row r="10787" spans="1:10" x14ac:dyDescent="0.35">
      <c r="A10787" t="s">
        <v>62</v>
      </c>
      <c r="B10787" t="s">
        <v>68</v>
      </c>
      <c r="C10787" t="s">
        <v>117</v>
      </c>
      <c r="D10787" t="s">
        <v>118</v>
      </c>
      <c r="E10787">
        <v>2017</v>
      </c>
      <c r="F10787">
        <v>2017</v>
      </c>
      <c r="G10787" t="s">
        <v>14</v>
      </c>
      <c r="H10787" t="s">
        <v>122</v>
      </c>
      <c r="I10787" t="s">
        <v>15</v>
      </c>
      <c r="J10787" s="10">
        <v>18.52065953</v>
      </c>
    </row>
    <row r="10788" spans="1:10" x14ac:dyDescent="0.35">
      <c r="A10788" t="s">
        <v>62</v>
      </c>
      <c r="B10788" t="s">
        <v>68</v>
      </c>
      <c r="C10788" t="s">
        <v>117</v>
      </c>
      <c r="D10788" t="s">
        <v>118</v>
      </c>
      <c r="E10788">
        <v>2017</v>
      </c>
      <c r="F10788">
        <v>2017</v>
      </c>
      <c r="G10788" t="s">
        <v>14</v>
      </c>
      <c r="H10788" t="s">
        <v>123</v>
      </c>
      <c r="I10788" t="s">
        <v>15</v>
      </c>
      <c r="J10788" s="10">
        <v>12.295868090000001</v>
      </c>
    </row>
    <row r="10789" spans="1:10" x14ac:dyDescent="0.35">
      <c r="A10789" t="s">
        <v>62</v>
      </c>
      <c r="B10789" t="s">
        <v>68</v>
      </c>
      <c r="C10789" t="s">
        <v>117</v>
      </c>
      <c r="D10789" t="s">
        <v>118</v>
      </c>
      <c r="E10789">
        <v>2017</v>
      </c>
      <c r="F10789">
        <v>2017</v>
      </c>
      <c r="G10789" t="s">
        <v>14</v>
      </c>
      <c r="H10789" t="s">
        <v>124</v>
      </c>
      <c r="I10789" t="s">
        <v>15</v>
      </c>
      <c r="J10789" s="10">
        <v>1.859029101</v>
      </c>
    </row>
    <row r="10790" spans="1:10" x14ac:dyDescent="0.35">
      <c r="A10790" t="s">
        <v>62</v>
      </c>
      <c r="B10790" t="s">
        <v>68</v>
      </c>
      <c r="C10790" t="s">
        <v>117</v>
      </c>
      <c r="D10790" t="s">
        <v>118</v>
      </c>
      <c r="E10790">
        <v>2017</v>
      </c>
      <c r="F10790">
        <v>2017</v>
      </c>
      <c r="G10790" t="s">
        <v>125</v>
      </c>
      <c r="H10790" t="s">
        <v>119</v>
      </c>
      <c r="I10790" t="s">
        <v>15</v>
      </c>
      <c r="J10790" s="10">
        <v>18.818662499999999</v>
      </c>
    </row>
    <row r="10791" spans="1:10" x14ac:dyDescent="0.35">
      <c r="A10791" t="s">
        <v>62</v>
      </c>
      <c r="B10791" t="s">
        <v>68</v>
      </c>
      <c r="C10791" t="s">
        <v>117</v>
      </c>
      <c r="D10791" t="s">
        <v>118</v>
      </c>
      <c r="E10791">
        <v>2017</v>
      </c>
      <c r="F10791">
        <v>2017</v>
      </c>
      <c r="G10791" t="s">
        <v>125</v>
      </c>
      <c r="H10791" t="s">
        <v>120</v>
      </c>
      <c r="I10791" t="s">
        <v>15</v>
      </c>
      <c r="J10791" s="10">
        <v>11.75584231</v>
      </c>
    </row>
    <row r="10792" spans="1:10" x14ac:dyDescent="0.35">
      <c r="A10792" t="s">
        <v>62</v>
      </c>
      <c r="B10792" t="s">
        <v>68</v>
      </c>
      <c r="C10792" t="s">
        <v>117</v>
      </c>
      <c r="D10792" t="s">
        <v>118</v>
      </c>
      <c r="E10792">
        <v>2017</v>
      </c>
      <c r="F10792">
        <v>2017</v>
      </c>
      <c r="G10792" t="s">
        <v>125</v>
      </c>
      <c r="H10792" t="s">
        <v>121</v>
      </c>
      <c r="I10792" t="s">
        <v>15</v>
      </c>
      <c r="J10792" s="10">
        <v>39.661927069999997</v>
      </c>
    </row>
    <row r="10793" spans="1:10" x14ac:dyDescent="0.35">
      <c r="A10793" t="s">
        <v>62</v>
      </c>
      <c r="B10793" t="s">
        <v>68</v>
      </c>
      <c r="C10793" t="s">
        <v>117</v>
      </c>
      <c r="D10793" t="s">
        <v>118</v>
      </c>
      <c r="E10793">
        <v>2017</v>
      </c>
      <c r="F10793">
        <v>2017</v>
      </c>
      <c r="G10793" t="s">
        <v>125</v>
      </c>
      <c r="H10793" t="s">
        <v>122</v>
      </c>
      <c r="I10793" t="s">
        <v>15</v>
      </c>
      <c r="J10793" s="10">
        <v>17.898139780000001</v>
      </c>
    </row>
    <row r="10794" spans="1:10" x14ac:dyDescent="0.35">
      <c r="A10794" t="s">
        <v>62</v>
      </c>
      <c r="B10794" t="s">
        <v>68</v>
      </c>
      <c r="C10794" t="s">
        <v>117</v>
      </c>
      <c r="D10794" t="s">
        <v>118</v>
      </c>
      <c r="E10794">
        <v>2017</v>
      </c>
      <c r="F10794">
        <v>2017</v>
      </c>
      <c r="G10794" t="s">
        <v>125</v>
      </c>
      <c r="H10794" t="s">
        <v>123</v>
      </c>
      <c r="I10794" t="s">
        <v>15</v>
      </c>
      <c r="J10794" s="10">
        <v>10.77230761</v>
      </c>
    </row>
    <row r="10795" spans="1:10" x14ac:dyDescent="0.35">
      <c r="A10795" t="s">
        <v>62</v>
      </c>
      <c r="B10795" t="s">
        <v>68</v>
      </c>
      <c r="C10795" t="s">
        <v>117</v>
      </c>
      <c r="D10795" t="s">
        <v>118</v>
      </c>
      <c r="E10795">
        <v>2017</v>
      </c>
      <c r="F10795">
        <v>2017</v>
      </c>
      <c r="G10795" t="s">
        <v>125</v>
      </c>
      <c r="H10795" t="s">
        <v>124</v>
      </c>
      <c r="I10795" t="s">
        <v>15</v>
      </c>
      <c r="J10795" s="10">
        <v>1.0931207359999999</v>
      </c>
    </row>
    <row r="10796" spans="1:10" x14ac:dyDescent="0.35">
      <c r="A10796" t="s">
        <v>62</v>
      </c>
      <c r="B10796" t="s">
        <v>68</v>
      </c>
      <c r="C10796" t="s">
        <v>117</v>
      </c>
      <c r="D10796" t="s">
        <v>118</v>
      </c>
      <c r="E10796">
        <v>2017</v>
      </c>
      <c r="F10796">
        <v>2017</v>
      </c>
      <c r="G10796" t="s">
        <v>126</v>
      </c>
      <c r="H10796" t="s">
        <v>119</v>
      </c>
      <c r="I10796" t="s">
        <v>15</v>
      </c>
      <c r="J10796" s="10">
        <v>16.746604739999999</v>
      </c>
    </row>
    <row r="10797" spans="1:10" x14ac:dyDescent="0.35">
      <c r="A10797" t="s">
        <v>62</v>
      </c>
      <c r="B10797" t="s">
        <v>68</v>
      </c>
      <c r="C10797" t="s">
        <v>117</v>
      </c>
      <c r="D10797" t="s">
        <v>118</v>
      </c>
      <c r="E10797">
        <v>2017</v>
      </c>
      <c r="F10797">
        <v>2017</v>
      </c>
      <c r="G10797" t="s">
        <v>126</v>
      </c>
      <c r="H10797" t="s">
        <v>120</v>
      </c>
      <c r="I10797" t="s">
        <v>15</v>
      </c>
      <c r="J10797" s="10">
        <v>10.377644269999999</v>
      </c>
    </row>
    <row r="10798" spans="1:10" x14ac:dyDescent="0.35">
      <c r="A10798" t="s">
        <v>62</v>
      </c>
      <c r="B10798" t="s">
        <v>68</v>
      </c>
      <c r="C10798" t="s">
        <v>117</v>
      </c>
      <c r="D10798" t="s">
        <v>118</v>
      </c>
      <c r="E10798">
        <v>2017</v>
      </c>
      <c r="F10798">
        <v>2017</v>
      </c>
      <c r="G10798" t="s">
        <v>126</v>
      </c>
      <c r="H10798" t="s">
        <v>121</v>
      </c>
      <c r="I10798" t="s">
        <v>15</v>
      </c>
      <c r="J10798" s="10">
        <v>37.517039429999997</v>
      </c>
    </row>
    <row r="10799" spans="1:10" x14ac:dyDescent="0.35">
      <c r="A10799" t="s">
        <v>62</v>
      </c>
      <c r="B10799" t="s">
        <v>68</v>
      </c>
      <c r="C10799" t="s">
        <v>117</v>
      </c>
      <c r="D10799" t="s">
        <v>118</v>
      </c>
      <c r="E10799">
        <v>2017</v>
      </c>
      <c r="F10799">
        <v>2017</v>
      </c>
      <c r="G10799" t="s">
        <v>126</v>
      </c>
      <c r="H10799" t="s">
        <v>122</v>
      </c>
      <c r="I10799" t="s">
        <v>15</v>
      </c>
      <c r="J10799" s="10">
        <v>19.094259610000002</v>
      </c>
    </row>
    <row r="10800" spans="1:10" x14ac:dyDescent="0.35">
      <c r="A10800" t="s">
        <v>62</v>
      </c>
      <c r="B10800" t="s">
        <v>68</v>
      </c>
      <c r="C10800" t="s">
        <v>117</v>
      </c>
      <c r="D10800" t="s">
        <v>118</v>
      </c>
      <c r="E10800">
        <v>2017</v>
      </c>
      <c r="F10800">
        <v>2017</v>
      </c>
      <c r="G10800" t="s">
        <v>126</v>
      </c>
      <c r="H10800" t="s">
        <v>123</v>
      </c>
      <c r="I10800" t="s">
        <v>15</v>
      </c>
      <c r="J10800" s="10">
        <v>13.69970213</v>
      </c>
    </row>
    <row r="10801" spans="1:10" x14ac:dyDescent="0.35">
      <c r="A10801" t="s">
        <v>62</v>
      </c>
      <c r="B10801" t="s">
        <v>68</v>
      </c>
      <c r="C10801" t="s">
        <v>117</v>
      </c>
      <c r="D10801" t="s">
        <v>118</v>
      </c>
      <c r="E10801">
        <v>2017</v>
      </c>
      <c r="F10801">
        <v>2017</v>
      </c>
      <c r="G10801" t="s">
        <v>126</v>
      </c>
      <c r="H10801" t="s">
        <v>124</v>
      </c>
      <c r="I10801" t="s">
        <v>15</v>
      </c>
      <c r="J10801" s="10">
        <v>2.5647498359999998</v>
      </c>
    </row>
    <row r="10802" spans="1:10" x14ac:dyDescent="0.35">
      <c r="A10802" t="s">
        <v>62</v>
      </c>
      <c r="B10802" t="s">
        <v>68</v>
      </c>
      <c r="C10802" t="s">
        <v>117</v>
      </c>
      <c r="D10802" t="s">
        <v>118</v>
      </c>
      <c r="E10802">
        <v>2016</v>
      </c>
      <c r="F10802">
        <v>2016</v>
      </c>
      <c r="G10802" t="s">
        <v>14</v>
      </c>
      <c r="H10802" t="s">
        <v>119</v>
      </c>
      <c r="I10802" t="s">
        <v>15</v>
      </c>
      <c r="J10802" s="10">
        <v>17.778866659999998</v>
      </c>
    </row>
    <row r="10803" spans="1:10" x14ac:dyDescent="0.35">
      <c r="A10803" t="s">
        <v>62</v>
      </c>
      <c r="B10803" t="s">
        <v>68</v>
      </c>
      <c r="C10803" t="s">
        <v>117</v>
      </c>
      <c r="D10803" t="s">
        <v>118</v>
      </c>
      <c r="E10803">
        <v>2016</v>
      </c>
      <c r="F10803">
        <v>2016</v>
      </c>
      <c r="G10803" t="s">
        <v>14</v>
      </c>
      <c r="H10803" t="s">
        <v>120</v>
      </c>
      <c r="I10803" t="s">
        <v>15</v>
      </c>
      <c r="J10803" s="10">
        <v>11.644661040000001</v>
      </c>
    </row>
    <row r="10804" spans="1:10" x14ac:dyDescent="0.35">
      <c r="A10804" t="s">
        <v>62</v>
      </c>
      <c r="B10804" t="s">
        <v>68</v>
      </c>
      <c r="C10804" t="s">
        <v>117</v>
      </c>
      <c r="D10804" t="s">
        <v>118</v>
      </c>
      <c r="E10804">
        <v>2016</v>
      </c>
      <c r="F10804">
        <v>2016</v>
      </c>
      <c r="G10804" t="s">
        <v>14</v>
      </c>
      <c r="H10804" t="s">
        <v>121</v>
      </c>
      <c r="I10804" t="s">
        <v>15</v>
      </c>
      <c r="J10804" s="10">
        <v>37.875276450000001</v>
      </c>
    </row>
    <row r="10805" spans="1:10" x14ac:dyDescent="0.35">
      <c r="A10805" t="s">
        <v>62</v>
      </c>
      <c r="B10805" t="s">
        <v>68</v>
      </c>
      <c r="C10805" t="s">
        <v>117</v>
      </c>
      <c r="D10805" t="s">
        <v>118</v>
      </c>
      <c r="E10805">
        <v>2016</v>
      </c>
      <c r="F10805">
        <v>2016</v>
      </c>
      <c r="G10805" t="s">
        <v>14</v>
      </c>
      <c r="H10805" t="s">
        <v>122</v>
      </c>
      <c r="I10805" t="s">
        <v>15</v>
      </c>
      <c r="J10805" s="10">
        <v>18.394670980000001</v>
      </c>
    </row>
    <row r="10806" spans="1:10" x14ac:dyDescent="0.35">
      <c r="A10806" t="s">
        <v>62</v>
      </c>
      <c r="B10806" t="s">
        <v>68</v>
      </c>
      <c r="C10806" t="s">
        <v>117</v>
      </c>
      <c r="D10806" t="s">
        <v>118</v>
      </c>
      <c r="E10806">
        <v>2016</v>
      </c>
      <c r="F10806">
        <v>2016</v>
      </c>
      <c r="G10806" t="s">
        <v>14</v>
      </c>
      <c r="H10806" t="s">
        <v>123</v>
      </c>
      <c r="I10806" t="s">
        <v>15</v>
      </c>
      <c r="J10806" s="10">
        <v>12.42203123</v>
      </c>
    </row>
    <row r="10807" spans="1:10" x14ac:dyDescent="0.35">
      <c r="A10807" t="s">
        <v>62</v>
      </c>
      <c r="B10807" t="s">
        <v>68</v>
      </c>
      <c r="C10807" t="s">
        <v>117</v>
      </c>
      <c r="D10807" t="s">
        <v>118</v>
      </c>
      <c r="E10807">
        <v>2016</v>
      </c>
      <c r="F10807">
        <v>2016</v>
      </c>
      <c r="G10807" t="s">
        <v>14</v>
      </c>
      <c r="H10807" t="s">
        <v>124</v>
      </c>
      <c r="I10807" t="s">
        <v>15</v>
      </c>
      <c r="J10807" s="10">
        <v>1.88449365</v>
      </c>
    </row>
    <row r="10808" spans="1:10" x14ac:dyDescent="0.35">
      <c r="A10808" t="s">
        <v>62</v>
      </c>
      <c r="B10808" t="s">
        <v>68</v>
      </c>
      <c r="C10808" t="s">
        <v>117</v>
      </c>
      <c r="D10808" t="s">
        <v>118</v>
      </c>
      <c r="E10808">
        <v>2016</v>
      </c>
      <c r="F10808">
        <v>2016</v>
      </c>
      <c r="G10808" t="s">
        <v>125</v>
      </c>
      <c r="H10808" t="s">
        <v>119</v>
      </c>
      <c r="I10808" t="s">
        <v>15</v>
      </c>
      <c r="J10808" s="10">
        <v>18.989971740000001</v>
      </c>
    </row>
    <row r="10809" spans="1:10" x14ac:dyDescent="0.35">
      <c r="A10809" t="s">
        <v>62</v>
      </c>
      <c r="B10809" t="s">
        <v>68</v>
      </c>
      <c r="C10809" t="s">
        <v>117</v>
      </c>
      <c r="D10809" t="s">
        <v>118</v>
      </c>
      <c r="E10809">
        <v>2016</v>
      </c>
      <c r="F10809">
        <v>2016</v>
      </c>
      <c r="G10809" t="s">
        <v>125</v>
      </c>
      <c r="H10809" t="s">
        <v>120</v>
      </c>
      <c r="I10809" t="s">
        <v>15</v>
      </c>
      <c r="J10809" s="10">
        <v>12.33586348</v>
      </c>
    </row>
    <row r="10810" spans="1:10" x14ac:dyDescent="0.35">
      <c r="A10810" t="s">
        <v>62</v>
      </c>
      <c r="B10810" t="s">
        <v>68</v>
      </c>
      <c r="C10810" t="s">
        <v>117</v>
      </c>
      <c r="D10810" t="s">
        <v>118</v>
      </c>
      <c r="E10810">
        <v>2016</v>
      </c>
      <c r="F10810">
        <v>2016</v>
      </c>
      <c r="G10810" t="s">
        <v>125</v>
      </c>
      <c r="H10810" t="s">
        <v>121</v>
      </c>
      <c r="I10810" t="s">
        <v>15</v>
      </c>
      <c r="J10810" s="10">
        <v>38.822095410000003</v>
      </c>
    </row>
    <row r="10811" spans="1:10" x14ac:dyDescent="0.35">
      <c r="A10811" t="s">
        <v>62</v>
      </c>
      <c r="B10811" t="s">
        <v>68</v>
      </c>
      <c r="C10811" t="s">
        <v>117</v>
      </c>
      <c r="D10811" t="s">
        <v>118</v>
      </c>
      <c r="E10811">
        <v>2016</v>
      </c>
      <c r="F10811">
        <v>2016</v>
      </c>
      <c r="G10811" t="s">
        <v>125</v>
      </c>
      <c r="H10811" t="s">
        <v>122</v>
      </c>
      <c r="I10811" t="s">
        <v>15</v>
      </c>
      <c r="J10811" s="10">
        <v>17.953903260000001</v>
      </c>
    </row>
    <row r="10812" spans="1:10" x14ac:dyDescent="0.35">
      <c r="A10812" t="s">
        <v>62</v>
      </c>
      <c r="B10812" t="s">
        <v>68</v>
      </c>
      <c r="C10812" t="s">
        <v>117</v>
      </c>
      <c r="D10812" t="s">
        <v>118</v>
      </c>
      <c r="E10812">
        <v>2016</v>
      </c>
      <c r="F10812">
        <v>2016</v>
      </c>
      <c r="G10812" t="s">
        <v>125</v>
      </c>
      <c r="H10812" t="s">
        <v>123</v>
      </c>
      <c r="I10812" t="s">
        <v>15</v>
      </c>
      <c r="J10812" s="10">
        <v>10.803922650000001</v>
      </c>
    </row>
    <row r="10813" spans="1:10" x14ac:dyDescent="0.35">
      <c r="A10813" t="s">
        <v>62</v>
      </c>
      <c r="B10813" t="s">
        <v>68</v>
      </c>
      <c r="C10813" t="s">
        <v>117</v>
      </c>
      <c r="D10813" t="s">
        <v>118</v>
      </c>
      <c r="E10813">
        <v>2016</v>
      </c>
      <c r="F10813">
        <v>2016</v>
      </c>
      <c r="G10813" t="s">
        <v>125</v>
      </c>
      <c r="H10813" t="s">
        <v>124</v>
      </c>
      <c r="I10813" t="s">
        <v>15</v>
      </c>
      <c r="J10813" s="10">
        <v>1.0942434480000001</v>
      </c>
    </row>
    <row r="10814" spans="1:10" x14ac:dyDescent="0.35">
      <c r="A10814" t="s">
        <v>62</v>
      </c>
      <c r="B10814" t="s">
        <v>68</v>
      </c>
      <c r="C10814" t="s">
        <v>117</v>
      </c>
      <c r="D10814" t="s">
        <v>118</v>
      </c>
      <c r="E10814">
        <v>2016</v>
      </c>
      <c r="F10814">
        <v>2016</v>
      </c>
      <c r="G10814" t="s">
        <v>126</v>
      </c>
      <c r="H10814" t="s">
        <v>119</v>
      </c>
      <c r="I10814" t="s">
        <v>15</v>
      </c>
      <c r="J10814" s="10">
        <v>16.669626770000001</v>
      </c>
    </row>
    <row r="10815" spans="1:10" x14ac:dyDescent="0.35">
      <c r="A10815" t="s">
        <v>62</v>
      </c>
      <c r="B10815" t="s">
        <v>68</v>
      </c>
      <c r="C10815" t="s">
        <v>117</v>
      </c>
      <c r="D10815" t="s">
        <v>118</v>
      </c>
      <c r="E10815">
        <v>2016</v>
      </c>
      <c r="F10815">
        <v>2016</v>
      </c>
      <c r="G10815" t="s">
        <v>126</v>
      </c>
      <c r="H10815" t="s">
        <v>120</v>
      </c>
      <c r="I10815" t="s">
        <v>15</v>
      </c>
      <c r="J10815" s="10">
        <v>11.011595160000001</v>
      </c>
    </row>
    <row r="10816" spans="1:10" x14ac:dyDescent="0.35">
      <c r="A10816" t="s">
        <v>62</v>
      </c>
      <c r="B10816" t="s">
        <v>68</v>
      </c>
      <c r="C10816" t="s">
        <v>117</v>
      </c>
      <c r="D10816" t="s">
        <v>118</v>
      </c>
      <c r="E10816">
        <v>2016</v>
      </c>
      <c r="F10816">
        <v>2016</v>
      </c>
      <c r="G10816" t="s">
        <v>126</v>
      </c>
      <c r="H10816" t="s">
        <v>121</v>
      </c>
      <c r="I10816" t="s">
        <v>15</v>
      </c>
      <c r="J10816" s="10">
        <v>37.008093780000003</v>
      </c>
    </row>
    <row r="10817" spans="1:10" x14ac:dyDescent="0.35">
      <c r="A10817" t="s">
        <v>62</v>
      </c>
      <c r="B10817" t="s">
        <v>68</v>
      </c>
      <c r="C10817" t="s">
        <v>117</v>
      </c>
      <c r="D10817" t="s">
        <v>118</v>
      </c>
      <c r="E10817">
        <v>2016</v>
      </c>
      <c r="F10817">
        <v>2016</v>
      </c>
      <c r="G10817" t="s">
        <v>126</v>
      </c>
      <c r="H10817" t="s">
        <v>122</v>
      </c>
      <c r="I10817" t="s">
        <v>15</v>
      </c>
      <c r="J10817" s="10">
        <v>18.79836602</v>
      </c>
    </row>
    <row r="10818" spans="1:10" x14ac:dyDescent="0.35">
      <c r="A10818" t="s">
        <v>62</v>
      </c>
      <c r="B10818" t="s">
        <v>68</v>
      </c>
      <c r="C10818" t="s">
        <v>117</v>
      </c>
      <c r="D10818" t="s">
        <v>118</v>
      </c>
      <c r="E10818">
        <v>2016</v>
      </c>
      <c r="F10818">
        <v>2016</v>
      </c>
      <c r="G10818" t="s">
        <v>126</v>
      </c>
      <c r="H10818" t="s">
        <v>123</v>
      </c>
      <c r="I10818" t="s">
        <v>15</v>
      </c>
      <c r="J10818" s="10">
        <v>13.904041810000001</v>
      </c>
    </row>
    <row r="10819" spans="1:10" x14ac:dyDescent="0.35">
      <c r="A10819" t="s">
        <v>62</v>
      </c>
      <c r="B10819" t="s">
        <v>68</v>
      </c>
      <c r="C10819" t="s">
        <v>117</v>
      </c>
      <c r="D10819" t="s">
        <v>118</v>
      </c>
      <c r="E10819">
        <v>2016</v>
      </c>
      <c r="F10819">
        <v>2016</v>
      </c>
      <c r="G10819" t="s">
        <v>126</v>
      </c>
      <c r="H10819" t="s">
        <v>124</v>
      </c>
      <c r="I10819" t="s">
        <v>15</v>
      </c>
      <c r="J10819" s="10">
        <v>2.6082764570000001</v>
      </c>
    </row>
    <row r="10820" spans="1:10" x14ac:dyDescent="0.35">
      <c r="A10820" t="s">
        <v>62</v>
      </c>
      <c r="B10820" t="s">
        <v>68</v>
      </c>
      <c r="C10820" t="s">
        <v>117</v>
      </c>
      <c r="D10820" t="s">
        <v>118</v>
      </c>
      <c r="E10820">
        <v>2015</v>
      </c>
      <c r="F10820">
        <v>2015</v>
      </c>
      <c r="G10820" t="s">
        <v>14</v>
      </c>
      <c r="H10820" t="s">
        <v>119</v>
      </c>
      <c r="I10820" t="s">
        <v>15</v>
      </c>
      <c r="J10820" s="10">
        <v>17.707049049999998</v>
      </c>
    </row>
    <row r="10821" spans="1:10" x14ac:dyDescent="0.35">
      <c r="A10821" t="s">
        <v>62</v>
      </c>
      <c r="B10821" t="s">
        <v>68</v>
      </c>
      <c r="C10821" t="s">
        <v>117</v>
      </c>
      <c r="D10821" t="s">
        <v>118</v>
      </c>
      <c r="E10821">
        <v>2015</v>
      </c>
      <c r="F10821">
        <v>2015</v>
      </c>
      <c r="G10821" t="s">
        <v>14</v>
      </c>
      <c r="H10821" t="s">
        <v>120</v>
      </c>
      <c r="I10821" t="s">
        <v>15</v>
      </c>
      <c r="J10821" s="10">
        <v>11.935138029999999</v>
      </c>
    </row>
    <row r="10822" spans="1:10" x14ac:dyDescent="0.35">
      <c r="A10822" t="s">
        <v>62</v>
      </c>
      <c r="B10822" t="s">
        <v>68</v>
      </c>
      <c r="C10822" t="s">
        <v>117</v>
      </c>
      <c r="D10822" t="s">
        <v>118</v>
      </c>
      <c r="E10822">
        <v>2015</v>
      </c>
      <c r="F10822">
        <v>2015</v>
      </c>
      <c r="G10822" t="s">
        <v>14</v>
      </c>
      <c r="H10822" t="s">
        <v>121</v>
      </c>
      <c r="I10822" t="s">
        <v>15</v>
      </c>
      <c r="J10822" s="10">
        <v>37.64272313</v>
      </c>
    </row>
    <row r="10823" spans="1:10" x14ac:dyDescent="0.35">
      <c r="A10823" t="s">
        <v>62</v>
      </c>
      <c r="B10823" t="s">
        <v>68</v>
      </c>
      <c r="C10823" t="s">
        <v>117</v>
      </c>
      <c r="D10823" t="s">
        <v>118</v>
      </c>
      <c r="E10823">
        <v>2015</v>
      </c>
      <c r="F10823">
        <v>2015</v>
      </c>
      <c r="G10823" t="s">
        <v>14</v>
      </c>
      <c r="H10823" t="s">
        <v>122</v>
      </c>
      <c r="I10823" t="s">
        <v>15</v>
      </c>
      <c r="J10823" s="10">
        <v>18.229697130000002</v>
      </c>
    </row>
    <row r="10824" spans="1:10" x14ac:dyDescent="0.35">
      <c r="A10824" t="s">
        <v>62</v>
      </c>
      <c r="B10824" t="s">
        <v>68</v>
      </c>
      <c r="C10824" t="s">
        <v>117</v>
      </c>
      <c r="D10824" t="s">
        <v>118</v>
      </c>
      <c r="E10824">
        <v>2015</v>
      </c>
      <c r="F10824">
        <v>2015</v>
      </c>
      <c r="G10824" t="s">
        <v>14</v>
      </c>
      <c r="H10824" t="s">
        <v>123</v>
      </c>
      <c r="I10824" t="s">
        <v>15</v>
      </c>
      <c r="J10824" s="10">
        <v>12.61458054</v>
      </c>
    </row>
    <row r="10825" spans="1:10" x14ac:dyDescent="0.35">
      <c r="A10825" t="s">
        <v>62</v>
      </c>
      <c r="B10825" t="s">
        <v>68</v>
      </c>
      <c r="C10825" t="s">
        <v>117</v>
      </c>
      <c r="D10825" t="s">
        <v>118</v>
      </c>
      <c r="E10825">
        <v>2015</v>
      </c>
      <c r="F10825">
        <v>2015</v>
      </c>
      <c r="G10825" t="s">
        <v>14</v>
      </c>
      <c r="H10825" t="s">
        <v>124</v>
      </c>
      <c r="I10825" t="s">
        <v>15</v>
      </c>
      <c r="J10825" s="10">
        <v>1.8708121150000001</v>
      </c>
    </row>
    <row r="10826" spans="1:10" x14ac:dyDescent="0.35">
      <c r="A10826" t="s">
        <v>62</v>
      </c>
      <c r="B10826" t="s">
        <v>68</v>
      </c>
      <c r="C10826" t="s">
        <v>117</v>
      </c>
      <c r="D10826" t="s">
        <v>118</v>
      </c>
      <c r="E10826">
        <v>2015</v>
      </c>
      <c r="F10826">
        <v>2015</v>
      </c>
      <c r="G10826" t="s">
        <v>125</v>
      </c>
      <c r="H10826" t="s">
        <v>119</v>
      </c>
      <c r="I10826" t="s">
        <v>15</v>
      </c>
      <c r="J10826" s="10">
        <v>18.90927482</v>
      </c>
    </row>
    <row r="10827" spans="1:10" x14ac:dyDescent="0.35">
      <c r="A10827" t="s">
        <v>62</v>
      </c>
      <c r="B10827" t="s">
        <v>68</v>
      </c>
      <c r="C10827" t="s">
        <v>117</v>
      </c>
      <c r="D10827" t="s">
        <v>118</v>
      </c>
      <c r="E10827">
        <v>2015</v>
      </c>
      <c r="F10827">
        <v>2015</v>
      </c>
      <c r="G10827" t="s">
        <v>125</v>
      </c>
      <c r="H10827" t="s">
        <v>120</v>
      </c>
      <c r="I10827" t="s">
        <v>15</v>
      </c>
      <c r="J10827" s="10">
        <v>12.62116827</v>
      </c>
    </row>
    <row r="10828" spans="1:10" x14ac:dyDescent="0.35">
      <c r="A10828" t="s">
        <v>62</v>
      </c>
      <c r="B10828" t="s">
        <v>68</v>
      </c>
      <c r="C10828" t="s">
        <v>117</v>
      </c>
      <c r="D10828" t="s">
        <v>118</v>
      </c>
      <c r="E10828">
        <v>2015</v>
      </c>
      <c r="F10828">
        <v>2015</v>
      </c>
      <c r="G10828" t="s">
        <v>125</v>
      </c>
      <c r="H10828" t="s">
        <v>121</v>
      </c>
      <c r="I10828" t="s">
        <v>15</v>
      </c>
      <c r="J10828" s="10">
        <v>38.40296704</v>
      </c>
    </row>
    <row r="10829" spans="1:10" x14ac:dyDescent="0.35">
      <c r="A10829" t="s">
        <v>62</v>
      </c>
      <c r="B10829" t="s">
        <v>68</v>
      </c>
      <c r="C10829" t="s">
        <v>117</v>
      </c>
      <c r="D10829" t="s">
        <v>118</v>
      </c>
      <c r="E10829">
        <v>2015</v>
      </c>
      <c r="F10829">
        <v>2015</v>
      </c>
      <c r="G10829" t="s">
        <v>125</v>
      </c>
      <c r="H10829" t="s">
        <v>122</v>
      </c>
      <c r="I10829" t="s">
        <v>15</v>
      </c>
      <c r="J10829" s="10">
        <v>18.015790509999999</v>
      </c>
    </row>
    <row r="10830" spans="1:10" x14ac:dyDescent="0.35">
      <c r="A10830" t="s">
        <v>62</v>
      </c>
      <c r="B10830" t="s">
        <v>68</v>
      </c>
      <c r="C10830" t="s">
        <v>117</v>
      </c>
      <c r="D10830" t="s">
        <v>118</v>
      </c>
      <c r="E10830">
        <v>2015</v>
      </c>
      <c r="F10830">
        <v>2015</v>
      </c>
      <c r="G10830" t="s">
        <v>125</v>
      </c>
      <c r="H10830" t="s">
        <v>123</v>
      </c>
      <c r="I10830" t="s">
        <v>15</v>
      </c>
      <c r="J10830" s="10">
        <v>10.96344581</v>
      </c>
    </row>
    <row r="10831" spans="1:10" x14ac:dyDescent="0.35">
      <c r="A10831" t="s">
        <v>62</v>
      </c>
      <c r="B10831" t="s">
        <v>68</v>
      </c>
      <c r="C10831" t="s">
        <v>117</v>
      </c>
      <c r="D10831" t="s">
        <v>118</v>
      </c>
      <c r="E10831">
        <v>2015</v>
      </c>
      <c r="F10831">
        <v>2015</v>
      </c>
      <c r="G10831" t="s">
        <v>125</v>
      </c>
      <c r="H10831" t="s">
        <v>124</v>
      </c>
      <c r="I10831" t="s">
        <v>15</v>
      </c>
      <c r="J10831" s="10">
        <v>1.0873535439999999</v>
      </c>
    </row>
    <row r="10832" spans="1:10" x14ac:dyDescent="0.35">
      <c r="A10832" t="s">
        <v>62</v>
      </c>
      <c r="B10832" t="s">
        <v>68</v>
      </c>
      <c r="C10832" t="s">
        <v>117</v>
      </c>
      <c r="D10832" t="s">
        <v>118</v>
      </c>
      <c r="E10832">
        <v>2015</v>
      </c>
      <c r="F10832">
        <v>2015</v>
      </c>
      <c r="G10832" t="s">
        <v>126</v>
      </c>
      <c r="H10832" t="s">
        <v>119</v>
      </c>
      <c r="I10832" t="s">
        <v>15</v>
      </c>
      <c r="J10832" s="10">
        <v>16.61072536</v>
      </c>
    </row>
    <row r="10833" spans="1:10" x14ac:dyDescent="0.35">
      <c r="A10833" t="s">
        <v>62</v>
      </c>
      <c r="B10833" t="s">
        <v>68</v>
      </c>
      <c r="C10833" t="s">
        <v>117</v>
      </c>
      <c r="D10833" t="s">
        <v>118</v>
      </c>
      <c r="E10833">
        <v>2015</v>
      </c>
      <c r="F10833">
        <v>2015</v>
      </c>
      <c r="G10833" t="s">
        <v>126</v>
      </c>
      <c r="H10833" t="s">
        <v>120</v>
      </c>
      <c r="I10833" t="s">
        <v>15</v>
      </c>
      <c r="J10833" s="10">
        <v>11.309539060000001</v>
      </c>
    </row>
    <row r="10834" spans="1:10" x14ac:dyDescent="0.35">
      <c r="A10834" t="s">
        <v>62</v>
      </c>
      <c r="B10834" t="s">
        <v>68</v>
      </c>
      <c r="C10834" t="s">
        <v>117</v>
      </c>
      <c r="D10834" t="s">
        <v>118</v>
      </c>
      <c r="E10834">
        <v>2015</v>
      </c>
      <c r="F10834">
        <v>2015</v>
      </c>
      <c r="G10834" t="s">
        <v>126</v>
      </c>
      <c r="H10834" t="s">
        <v>121</v>
      </c>
      <c r="I10834" t="s">
        <v>15</v>
      </c>
      <c r="J10834" s="10">
        <v>36.949447849999999</v>
      </c>
    </row>
    <row r="10835" spans="1:10" x14ac:dyDescent="0.35">
      <c r="A10835" t="s">
        <v>62</v>
      </c>
      <c r="B10835" t="s">
        <v>68</v>
      </c>
      <c r="C10835" t="s">
        <v>117</v>
      </c>
      <c r="D10835" t="s">
        <v>118</v>
      </c>
      <c r="E10835">
        <v>2015</v>
      </c>
      <c r="F10835">
        <v>2015</v>
      </c>
      <c r="G10835" t="s">
        <v>126</v>
      </c>
      <c r="H10835" t="s">
        <v>122</v>
      </c>
      <c r="I10835" t="s">
        <v>15</v>
      </c>
      <c r="J10835" s="10">
        <v>18.42476108</v>
      </c>
    </row>
    <row r="10836" spans="1:10" x14ac:dyDescent="0.35">
      <c r="A10836" t="s">
        <v>62</v>
      </c>
      <c r="B10836" t="s">
        <v>68</v>
      </c>
      <c r="C10836" t="s">
        <v>117</v>
      </c>
      <c r="D10836" t="s">
        <v>118</v>
      </c>
      <c r="E10836">
        <v>2015</v>
      </c>
      <c r="F10836">
        <v>2015</v>
      </c>
      <c r="G10836" t="s">
        <v>126</v>
      </c>
      <c r="H10836" t="s">
        <v>123</v>
      </c>
      <c r="I10836" t="s">
        <v>15</v>
      </c>
      <c r="J10836" s="10">
        <v>14.120269540000001</v>
      </c>
    </row>
    <row r="10837" spans="1:10" x14ac:dyDescent="0.35">
      <c r="A10837" t="s">
        <v>62</v>
      </c>
      <c r="B10837" t="s">
        <v>68</v>
      </c>
      <c r="C10837" t="s">
        <v>117</v>
      </c>
      <c r="D10837" t="s">
        <v>118</v>
      </c>
      <c r="E10837">
        <v>2015</v>
      </c>
      <c r="F10837">
        <v>2015</v>
      </c>
      <c r="G10837" t="s">
        <v>126</v>
      </c>
      <c r="H10837" t="s">
        <v>124</v>
      </c>
      <c r="I10837" t="s">
        <v>15</v>
      </c>
      <c r="J10837" s="10">
        <v>2.5852571169999998</v>
      </c>
    </row>
    <row r="10838" spans="1:10" x14ac:dyDescent="0.35">
      <c r="A10838" t="s">
        <v>62</v>
      </c>
      <c r="B10838" t="s">
        <v>68</v>
      </c>
      <c r="C10838" t="s">
        <v>117</v>
      </c>
      <c r="D10838" t="s">
        <v>118</v>
      </c>
      <c r="E10838">
        <v>2014</v>
      </c>
      <c r="F10838">
        <v>2014</v>
      </c>
      <c r="G10838" t="s">
        <v>14</v>
      </c>
      <c r="H10838" t="s">
        <v>119</v>
      </c>
      <c r="I10838" t="s">
        <v>15</v>
      </c>
      <c r="J10838" s="10">
        <v>17.752025289999999</v>
      </c>
    </row>
    <row r="10839" spans="1:10" x14ac:dyDescent="0.35">
      <c r="A10839" t="s">
        <v>62</v>
      </c>
      <c r="B10839" t="s">
        <v>68</v>
      </c>
      <c r="C10839" t="s">
        <v>117</v>
      </c>
      <c r="D10839" t="s">
        <v>118</v>
      </c>
      <c r="E10839">
        <v>2014</v>
      </c>
      <c r="F10839">
        <v>2014</v>
      </c>
      <c r="G10839" t="s">
        <v>14</v>
      </c>
      <c r="H10839" t="s">
        <v>120</v>
      </c>
      <c r="I10839" t="s">
        <v>15</v>
      </c>
      <c r="J10839" s="10">
        <v>12.40687718</v>
      </c>
    </row>
    <row r="10840" spans="1:10" x14ac:dyDescent="0.35">
      <c r="A10840" t="s">
        <v>62</v>
      </c>
      <c r="B10840" t="s">
        <v>68</v>
      </c>
      <c r="C10840" t="s">
        <v>117</v>
      </c>
      <c r="D10840" t="s">
        <v>118</v>
      </c>
      <c r="E10840">
        <v>2014</v>
      </c>
      <c r="F10840">
        <v>2014</v>
      </c>
      <c r="G10840" t="s">
        <v>14</v>
      </c>
      <c r="H10840" t="s">
        <v>121</v>
      </c>
      <c r="I10840" t="s">
        <v>15</v>
      </c>
      <c r="J10840" s="10">
        <v>37.192134940000003</v>
      </c>
    </row>
    <row r="10841" spans="1:10" x14ac:dyDescent="0.35">
      <c r="A10841" t="s">
        <v>62</v>
      </c>
      <c r="B10841" t="s">
        <v>68</v>
      </c>
      <c r="C10841" t="s">
        <v>117</v>
      </c>
      <c r="D10841" t="s">
        <v>118</v>
      </c>
      <c r="E10841">
        <v>2014</v>
      </c>
      <c r="F10841">
        <v>2014</v>
      </c>
      <c r="G10841" t="s">
        <v>14</v>
      </c>
      <c r="H10841" t="s">
        <v>122</v>
      </c>
      <c r="I10841" t="s">
        <v>15</v>
      </c>
      <c r="J10841" s="10">
        <v>17.936574709999999</v>
      </c>
    </row>
    <row r="10842" spans="1:10" x14ac:dyDescent="0.35">
      <c r="A10842" t="s">
        <v>62</v>
      </c>
      <c r="B10842" t="s">
        <v>68</v>
      </c>
      <c r="C10842" t="s">
        <v>117</v>
      </c>
      <c r="D10842" t="s">
        <v>118</v>
      </c>
      <c r="E10842">
        <v>2014</v>
      </c>
      <c r="F10842">
        <v>2014</v>
      </c>
      <c r="G10842" t="s">
        <v>14</v>
      </c>
      <c r="H10842" t="s">
        <v>123</v>
      </c>
      <c r="I10842" t="s">
        <v>15</v>
      </c>
      <c r="J10842" s="10">
        <v>12.854680910000001</v>
      </c>
    </row>
    <row r="10843" spans="1:10" x14ac:dyDescent="0.35">
      <c r="A10843" t="s">
        <v>62</v>
      </c>
      <c r="B10843" t="s">
        <v>68</v>
      </c>
      <c r="C10843" t="s">
        <v>117</v>
      </c>
      <c r="D10843" t="s">
        <v>118</v>
      </c>
      <c r="E10843">
        <v>2014</v>
      </c>
      <c r="F10843">
        <v>2014</v>
      </c>
      <c r="G10843" t="s">
        <v>14</v>
      </c>
      <c r="H10843" t="s">
        <v>124</v>
      </c>
      <c r="I10843" t="s">
        <v>15</v>
      </c>
      <c r="J10843" s="10">
        <v>1.8577069740000001</v>
      </c>
    </row>
    <row r="10844" spans="1:10" x14ac:dyDescent="0.35">
      <c r="A10844" t="s">
        <v>62</v>
      </c>
      <c r="B10844" t="s">
        <v>68</v>
      </c>
      <c r="C10844" t="s">
        <v>117</v>
      </c>
      <c r="D10844" t="s">
        <v>118</v>
      </c>
      <c r="E10844">
        <v>2014</v>
      </c>
      <c r="F10844">
        <v>2014</v>
      </c>
      <c r="G10844" t="s">
        <v>125</v>
      </c>
      <c r="H10844" t="s">
        <v>119</v>
      </c>
      <c r="I10844" t="s">
        <v>15</v>
      </c>
      <c r="J10844" s="10">
        <v>18.950437319999999</v>
      </c>
    </row>
    <row r="10845" spans="1:10" x14ac:dyDescent="0.35">
      <c r="A10845" t="s">
        <v>62</v>
      </c>
      <c r="B10845" t="s">
        <v>68</v>
      </c>
      <c r="C10845" t="s">
        <v>117</v>
      </c>
      <c r="D10845" t="s">
        <v>118</v>
      </c>
      <c r="E10845">
        <v>2014</v>
      </c>
      <c r="F10845">
        <v>2014</v>
      </c>
      <c r="G10845" t="s">
        <v>125</v>
      </c>
      <c r="H10845" t="s">
        <v>120</v>
      </c>
      <c r="I10845" t="s">
        <v>15</v>
      </c>
      <c r="J10845" s="10">
        <v>13.07094266</v>
      </c>
    </row>
    <row r="10846" spans="1:10" x14ac:dyDescent="0.35">
      <c r="A10846" t="s">
        <v>62</v>
      </c>
      <c r="B10846" t="s">
        <v>68</v>
      </c>
      <c r="C10846" t="s">
        <v>117</v>
      </c>
      <c r="D10846" t="s">
        <v>118</v>
      </c>
      <c r="E10846">
        <v>2014</v>
      </c>
      <c r="F10846">
        <v>2014</v>
      </c>
      <c r="G10846" t="s">
        <v>125</v>
      </c>
      <c r="H10846" t="s">
        <v>121</v>
      </c>
      <c r="I10846" t="s">
        <v>15</v>
      </c>
      <c r="J10846" s="10">
        <v>38.063796949999997</v>
      </c>
    </row>
    <row r="10847" spans="1:10" x14ac:dyDescent="0.35">
      <c r="A10847" t="s">
        <v>62</v>
      </c>
      <c r="B10847" t="s">
        <v>68</v>
      </c>
      <c r="C10847" t="s">
        <v>117</v>
      </c>
      <c r="D10847" t="s">
        <v>118</v>
      </c>
      <c r="E10847">
        <v>2014</v>
      </c>
      <c r="F10847">
        <v>2014</v>
      </c>
      <c r="G10847" t="s">
        <v>125</v>
      </c>
      <c r="H10847" t="s">
        <v>122</v>
      </c>
      <c r="I10847" t="s">
        <v>15</v>
      </c>
      <c r="J10847" s="10">
        <v>17.6727834</v>
      </c>
    </row>
    <row r="10848" spans="1:10" x14ac:dyDescent="0.35">
      <c r="A10848" t="s">
        <v>62</v>
      </c>
      <c r="B10848" t="s">
        <v>68</v>
      </c>
      <c r="C10848" t="s">
        <v>117</v>
      </c>
      <c r="D10848" t="s">
        <v>118</v>
      </c>
      <c r="E10848">
        <v>2014</v>
      </c>
      <c r="F10848">
        <v>2014</v>
      </c>
      <c r="G10848" t="s">
        <v>125</v>
      </c>
      <c r="H10848" t="s">
        <v>123</v>
      </c>
      <c r="I10848" t="s">
        <v>15</v>
      </c>
      <c r="J10848" s="10">
        <v>11.175898930000001</v>
      </c>
    </row>
    <row r="10849" spans="1:10" x14ac:dyDescent="0.35">
      <c r="A10849" t="s">
        <v>62</v>
      </c>
      <c r="B10849" t="s">
        <v>68</v>
      </c>
      <c r="C10849" t="s">
        <v>117</v>
      </c>
      <c r="D10849" t="s">
        <v>118</v>
      </c>
      <c r="E10849">
        <v>2014</v>
      </c>
      <c r="F10849">
        <v>2014</v>
      </c>
      <c r="G10849" t="s">
        <v>125</v>
      </c>
      <c r="H10849" t="s">
        <v>124</v>
      </c>
      <c r="I10849" t="s">
        <v>15</v>
      </c>
      <c r="J10849" s="10">
        <v>1.066140742</v>
      </c>
    </row>
    <row r="10850" spans="1:10" x14ac:dyDescent="0.35">
      <c r="A10850" t="s">
        <v>62</v>
      </c>
      <c r="B10850" t="s">
        <v>68</v>
      </c>
      <c r="C10850" t="s">
        <v>117</v>
      </c>
      <c r="D10850" t="s">
        <v>118</v>
      </c>
      <c r="E10850">
        <v>2014</v>
      </c>
      <c r="F10850">
        <v>2014</v>
      </c>
      <c r="G10850" t="s">
        <v>126</v>
      </c>
      <c r="H10850" t="s">
        <v>119</v>
      </c>
      <c r="I10850" t="s">
        <v>15</v>
      </c>
      <c r="J10850" s="10">
        <v>16.668819589999998</v>
      </c>
    </row>
    <row r="10851" spans="1:10" x14ac:dyDescent="0.35">
      <c r="A10851" t="s">
        <v>62</v>
      </c>
      <c r="B10851" t="s">
        <v>68</v>
      </c>
      <c r="C10851" t="s">
        <v>117</v>
      </c>
      <c r="D10851" t="s">
        <v>118</v>
      </c>
      <c r="E10851">
        <v>2014</v>
      </c>
      <c r="F10851">
        <v>2014</v>
      </c>
      <c r="G10851" t="s">
        <v>126</v>
      </c>
      <c r="H10851" t="s">
        <v>120</v>
      </c>
      <c r="I10851" t="s">
        <v>15</v>
      </c>
      <c r="J10851" s="10">
        <v>11.80664996</v>
      </c>
    </row>
    <row r="10852" spans="1:10" x14ac:dyDescent="0.35">
      <c r="A10852" t="s">
        <v>62</v>
      </c>
      <c r="B10852" t="s">
        <v>68</v>
      </c>
      <c r="C10852" t="s">
        <v>117</v>
      </c>
      <c r="D10852" t="s">
        <v>118</v>
      </c>
      <c r="E10852">
        <v>2014</v>
      </c>
      <c r="F10852">
        <v>2014</v>
      </c>
      <c r="G10852" t="s">
        <v>126</v>
      </c>
      <c r="H10852" t="s">
        <v>121</v>
      </c>
      <c r="I10852" t="s">
        <v>15</v>
      </c>
      <c r="J10852" s="10">
        <v>36.404267959999999</v>
      </c>
    </row>
    <row r="10853" spans="1:10" x14ac:dyDescent="0.35">
      <c r="A10853" t="s">
        <v>62</v>
      </c>
      <c r="B10853" t="s">
        <v>68</v>
      </c>
      <c r="C10853" t="s">
        <v>117</v>
      </c>
      <c r="D10853" t="s">
        <v>118</v>
      </c>
      <c r="E10853">
        <v>2014</v>
      </c>
      <c r="F10853">
        <v>2014</v>
      </c>
      <c r="G10853" t="s">
        <v>126</v>
      </c>
      <c r="H10853" t="s">
        <v>122</v>
      </c>
      <c r="I10853" t="s">
        <v>15</v>
      </c>
      <c r="J10853" s="10">
        <v>18.175007099999998</v>
      </c>
    </row>
    <row r="10854" spans="1:10" x14ac:dyDescent="0.35">
      <c r="A10854" t="s">
        <v>62</v>
      </c>
      <c r="B10854" t="s">
        <v>68</v>
      </c>
      <c r="C10854" t="s">
        <v>117</v>
      </c>
      <c r="D10854" t="s">
        <v>118</v>
      </c>
      <c r="E10854">
        <v>2014</v>
      </c>
      <c r="F10854">
        <v>2014</v>
      </c>
      <c r="G10854" t="s">
        <v>126</v>
      </c>
      <c r="H10854" t="s">
        <v>123</v>
      </c>
      <c r="I10854" t="s">
        <v>15</v>
      </c>
      <c r="J10854" s="10">
        <v>14.3720774</v>
      </c>
    </row>
    <row r="10855" spans="1:10" x14ac:dyDescent="0.35">
      <c r="A10855" t="s">
        <v>62</v>
      </c>
      <c r="B10855" t="s">
        <v>68</v>
      </c>
      <c r="C10855" t="s">
        <v>117</v>
      </c>
      <c r="D10855" t="s">
        <v>118</v>
      </c>
      <c r="E10855">
        <v>2014</v>
      </c>
      <c r="F10855">
        <v>2014</v>
      </c>
      <c r="G10855" t="s">
        <v>126</v>
      </c>
      <c r="H10855" t="s">
        <v>124</v>
      </c>
      <c r="I10855" t="s">
        <v>15</v>
      </c>
      <c r="J10855" s="10">
        <v>2.5731779779999999</v>
      </c>
    </row>
    <row r="10856" spans="1:10" x14ac:dyDescent="0.35">
      <c r="A10856" t="s">
        <v>62</v>
      </c>
      <c r="B10856" t="s">
        <v>68</v>
      </c>
      <c r="C10856" t="s">
        <v>117</v>
      </c>
      <c r="D10856" t="s">
        <v>118</v>
      </c>
      <c r="E10856">
        <v>2013</v>
      </c>
      <c r="F10856">
        <v>2013</v>
      </c>
      <c r="G10856" t="s">
        <v>14</v>
      </c>
      <c r="H10856" t="s">
        <v>119</v>
      </c>
      <c r="I10856" t="s">
        <v>15</v>
      </c>
      <c r="J10856" s="10">
        <v>17.802185779999999</v>
      </c>
    </row>
    <row r="10857" spans="1:10" x14ac:dyDescent="0.35">
      <c r="A10857" t="s">
        <v>62</v>
      </c>
      <c r="B10857" t="s">
        <v>68</v>
      </c>
      <c r="C10857" t="s">
        <v>117</v>
      </c>
      <c r="D10857" t="s">
        <v>118</v>
      </c>
      <c r="E10857">
        <v>2013</v>
      </c>
      <c r="F10857">
        <v>2013</v>
      </c>
      <c r="G10857" t="s">
        <v>14</v>
      </c>
      <c r="H10857" t="s">
        <v>120</v>
      </c>
      <c r="I10857" t="s">
        <v>15</v>
      </c>
      <c r="J10857" s="10">
        <v>12.66738705</v>
      </c>
    </row>
    <row r="10858" spans="1:10" x14ac:dyDescent="0.35">
      <c r="A10858" t="s">
        <v>62</v>
      </c>
      <c r="B10858" t="s">
        <v>68</v>
      </c>
      <c r="C10858" t="s">
        <v>117</v>
      </c>
      <c r="D10858" t="s">
        <v>118</v>
      </c>
      <c r="E10858">
        <v>2013</v>
      </c>
      <c r="F10858">
        <v>2013</v>
      </c>
      <c r="G10858" t="s">
        <v>14</v>
      </c>
      <c r="H10858" t="s">
        <v>121</v>
      </c>
      <c r="I10858" t="s">
        <v>15</v>
      </c>
      <c r="J10858" s="10">
        <v>37.009123359999997</v>
      </c>
    </row>
    <row r="10859" spans="1:10" x14ac:dyDescent="0.35">
      <c r="A10859" t="s">
        <v>62</v>
      </c>
      <c r="B10859" t="s">
        <v>68</v>
      </c>
      <c r="C10859" t="s">
        <v>117</v>
      </c>
      <c r="D10859" t="s">
        <v>118</v>
      </c>
      <c r="E10859">
        <v>2013</v>
      </c>
      <c r="F10859">
        <v>2013</v>
      </c>
      <c r="G10859" t="s">
        <v>14</v>
      </c>
      <c r="H10859" t="s">
        <v>122</v>
      </c>
      <c r="I10859" t="s">
        <v>15</v>
      </c>
      <c r="J10859" s="10">
        <v>17.706438330000001</v>
      </c>
    </row>
    <row r="10860" spans="1:10" x14ac:dyDescent="0.35">
      <c r="A10860" t="s">
        <v>62</v>
      </c>
      <c r="B10860" t="s">
        <v>68</v>
      </c>
      <c r="C10860" t="s">
        <v>117</v>
      </c>
      <c r="D10860" t="s">
        <v>118</v>
      </c>
      <c r="E10860">
        <v>2013</v>
      </c>
      <c r="F10860">
        <v>2013</v>
      </c>
      <c r="G10860" t="s">
        <v>14</v>
      </c>
      <c r="H10860" t="s">
        <v>123</v>
      </c>
      <c r="I10860" t="s">
        <v>15</v>
      </c>
      <c r="J10860" s="10">
        <v>12.99019273</v>
      </c>
    </row>
    <row r="10861" spans="1:10" x14ac:dyDescent="0.35">
      <c r="A10861" t="s">
        <v>62</v>
      </c>
      <c r="B10861" t="s">
        <v>68</v>
      </c>
      <c r="C10861" t="s">
        <v>117</v>
      </c>
      <c r="D10861" t="s">
        <v>118</v>
      </c>
      <c r="E10861">
        <v>2013</v>
      </c>
      <c r="F10861">
        <v>2013</v>
      </c>
      <c r="G10861" t="s">
        <v>14</v>
      </c>
      <c r="H10861" t="s">
        <v>124</v>
      </c>
      <c r="I10861" t="s">
        <v>15</v>
      </c>
      <c r="J10861" s="10">
        <v>1.8246727490000001</v>
      </c>
    </row>
    <row r="10862" spans="1:10" x14ac:dyDescent="0.35">
      <c r="A10862" t="s">
        <v>62</v>
      </c>
      <c r="B10862" t="s">
        <v>68</v>
      </c>
      <c r="C10862" t="s">
        <v>117</v>
      </c>
      <c r="D10862" t="s">
        <v>118</v>
      </c>
      <c r="E10862">
        <v>2013</v>
      </c>
      <c r="F10862">
        <v>2013</v>
      </c>
      <c r="G10862" t="s">
        <v>125</v>
      </c>
      <c r="H10862" t="s">
        <v>119</v>
      </c>
      <c r="I10862" t="s">
        <v>15</v>
      </c>
      <c r="J10862" s="10">
        <v>18.90236857</v>
      </c>
    </row>
    <row r="10863" spans="1:10" x14ac:dyDescent="0.35">
      <c r="A10863" t="s">
        <v>62</v>
      </c>
      <c r="B10863" t="s">
        <v>68</v>
      </c>
      <c r="C10863" t="s">
        <v>117</v>
      </c>
      <c r="D10863" t="s">
        <v>118</v>
      </c>
      <c r="E10863">
        <v>2013</v>
      </c>
      <c r="F10863">
        <v>2013</v>
      </c>
      <c r="G10863" t="s">
        <v>125</v>
      </c>
      <c r="H10863" t="s">
        <v>120</v>
      </c>
      <c r="I10863" t="s">
        <v>15</v>
      </c>
      <c r="J10863" s="10">
        <v>13.558636630000001</v>
      </c>
    </row>
    <row r="10864" spans="1:10" x14ac:dyDescent="0.35">
      <c r="A10864" t="s">
        <v>62</v>
      </c>
      <c r="B10864" t="s">
        <v>68</v>
      </c>
      <c r="C10864" t="s">
        <v>117</v>
      </c>
      <c r="D10864" t="s">
        <v>118</v>
      </c>
      <c r="E10864">
        <v>2013</v>
      </c>
      <c r="F10864">
        <v>2013</v>
      </c>
      <c r="G10864" t="s">
        <v>125</v>
      </c>
      <c r="H10864" t="s">
        <v>121</v>
      </c>
      <c r="I10864" t="s">
        <v>15</v>
      </c>
      <c r="J10864" s="10">
        <v>37.674754479999997</v>
      </c>
    </row>
    <row r="10865" spans="1:10" x14ac:dyDescent="0.35">
      <c r="A10865" t="s">
        <v>62</v>
      </c>
      <c r="B10865" t="s">
        <v>68</v>
      </c>
      <c r="C10865" t="s">
        <v>117</v>
      </c>
      <c r="D10865" t="s">
        <v>118</v>
      </c>
      <c r="E10865">
        <v>2013</v>
      </c>
      <c r="F10865">
        <v>2013</v>
      </c>
      <c r="G10865" t="s">
        <v>125</v>
      </c>
      <c r="H10865" t="s">
        <v>122</v>
      </c>
      <c r="I10865" t="s">
        <v>15</v>
      </c>
      <c r="J10865" s="10">
        <v>17.63431542</v>
      </c>
    </row>
    <row r="10866" spans="1:10" x14ac:dyDescent="0.35">
      <c r="A10866" t="s">
        <v>62</v>
      </c>
      <c r="B10866" t="s">
        <v>68</v>
      </c>
      <c r="C10866" t="s">
        <v>117</v>
      </c>
      <c r="D10866" t="s">
        <v>118</v>
      </c>
      <c r="E10866">
        <v>2013</v>
      </c>
      <c r="F10866">
        <v>2013</v>
      </c>
      <c r="G10866" t="s">
        <v>125</v>
      </c>
      <c r="H10866" t="s">
        <v>123</v>
      </c>
      <c r="I10866" t="s">
        <v>15</v>
      </c>
      <c r="J10866" s="10">
        <v>11.16406701</v>
      </c>
    </row>
    <row r="10867" spans="1:10" x14ac:dyDescent="0.35">
      <c r="A10867" t="s">
        <v>62</v>
      </c>
      <c r="B10867" t="s">
        <v>68</v>
      </c>
      <c r="C10867" t="s">
        <v>117</v>
      </c>
      <c r="D10867" t="s">
        <v>118</v>
      </c>
      <c r="E10867">
        <v>2013</v>
      </c>
      <c r="F10867">
        <v>2013</v>
      </c>
      <c r="G10867" t="s">
        <v>125</v>
      </c>
      <c r="H10867" t="s">
        <v>124</v>
      </c>
      <c r="I10867" t="s">
        <v>15</v>
      </c>
      <c r="J10867" s="10">
        <v>1.0658578860000001</v>
      </c>
    </row>
    <row r="10868" spans="1:10" x14ac:dyDescent="0.35">
      <c r="A10868" t="s">
        <v>62</v>
      </c>
      <c r="B10868" t="s">
        <v>68</v>
      </c>
      <c r="C10868" t="s">
        <v>117</v>
      </c>
      <c r="D10868" t="s">
        <v>118</v>
      </c>
      <c r="E10868">
        <v>2013</v>
      </c>
      <c r="F10868">
        <v>2013</v>
      </c>
      <c r="G10868" t="s">
        <v>126</v>
      </c>
      <c r="H10868" t="s">
        <v>119</v>
      </c>
      <c r="I10868" t="s">
        <v>15</v>
      </c>
      <c r="J10868" s="10">
        <v>16.812595810000001</v>
      </c>
    </row>
    <row r="10869" spans="1:10" x14ac:dyDescent="0.35">
      <c r="A10869" t="s">
        <v>62</v>
      </c>
      <c r="B10869" t="s">
        <v>68</v>
      </c>
      <c r="C10869" t="s">
        <v>117</v>
      </c>
      <c r="D10869" t="s">
        <v>118</v>
      </c>
      <c r="E10869">
        <v>2013</v>
      </c>
      <c r="F10869">
        <v>2013</v>
      </c>
      <c r="G10869" t="s">
        <v>126</v>
      </c>
      <c r="H10869" t="s">
        <v>120</v>
      </c>
      <c r="I10869" t="s">
        <v>15</v>
      </c>
      <c r="J10869" s="10">
        <v>11.865727870000001</v>
      </c>
    </row>
    <row r="10870" spans="1:10" x14ac:dyDescent="0.35">
      <c r="A10870" t="s">
        <v>62</v>
      </c>
      <c r="B10870" t="s">
        <v>68</v>
      </c>
      <c r="C10870" t="s">
        <v>117</v>
      </c>
      <c r="D10870" t="s">
        <v>118</v>
      </c>
      <c r="E10870">
        <v>2013</v>
      </c>
      <c r="F10870">
        <v>2013</v>
      </c>
      <c r="G10870" t="s">
        <v>126</v>
      </c>
      <c r="H10870" t="s">
        <v>121</v>
      </c>
      <c r="I10870" t="s">
        <v>15</v>
      </c>
      <c r="J10870" s="10">
        <v>36.41040297</v>
      </c>
    </row>
    <row r="10871" spans="1:10" x14ac:dyDescent="0.35">
      <c r="A10871" t="s">
        <v>62</v>
      </c>
      <c r="B10871" t="s">
        <v>68</v>
      </c>
      <c r="C10871" t="s">
        <v>117</v>
      </c>
      <c r="D10871" t="s">
        <v>118</v>
      </c>
      <c r="E10871">
        <v>2013</v>
      </c>
      <c r="F10871">
        <v>2013</v>
      </c>
      <c r="G10871" t="s">
        <v>126</v>
      </c>
      <c r="H10871" t="s">
        <v>122</v>
      </c>
      <c r="I10871" t="s">
        <v>15</v>
      </c>
      <c r="J10871" s="10">
        <v>17.771311279999999</v>
      </c>
    </row>
    <row r="10872" spans="1:10" x14ac:dyDescent="0.35">
      <c r="A10872" t="s">
        <v>62</v>
      </c>
      <c r="B10872" t="s">
        <v>68</v>
      </c>
      <c r="C10872" t="s">
        <v>117</v>
      </c>
      <c r="D10872" t="s">
        <v>118</v>
      </c>
      <c r="E10872">
        <v>2013</v>
      </c>
      <c r="F10872">
        <v>2013</v>
      </c>
      <c r="G10872" t="s">
        <v>126</v>
      </c>
      <c r="H10872" t="s">
        <v>123</v>
      </c>
      <c r="I10872" t="s">
        <v>15</v>
      </c>
      <c r="J10872" s="10">
        <v>14.63275221</v>
      </c>
    </row>
    <row r="10873" spans="1:10" x14ac:dyDescent="0.35">
      <c r="A10873" t="s">
        <v>62</v>
      </c>
      <c r="B10873" t="s">
        <v>68</v>
      </c>
      <c r="C10873" t="s">
        <v>117</v>
      </c>
      <c r="D10873" t="s">
        <v>118</v>
      </c>
      <c r="E10873">
        <v>2013</v>
      </c>
      <c r="F10873">
        <v>2013</v>
      </c>
      <c r="G10873" t="s">
        <v>126</v>
      </c>
      <c r="H10873" t="s">
        <v>124</v>
      </c>
      <c r="I10873" t="s">
        <v>15</v>
      </c>
      <c r="J10873" s="10">
        <v>2.5072098519999999</v>
      </c>
    </row>
    <row r="10874" spans="1:10" x14ac:dyDescent="0.35">
      <c r="A10874" t="s">
        <v>62</v>
      </c>
      <c r="B10874" t="s">
        <v>68</v>
      </c>
      <c r="C10874" t="s">
        <v>117</v>
      </c>
      <c r="D10874" t="s">
        <v>118</v>
      </c>
      <c r="E10874">
        <v>2012</v>
      </c>
      <c r="F10874">
        <v>2012</v>
      </c>
      <c r="G10874" t="s">
        <v>14</v>
      </c>
      <c r="H10874" t="s">
        <v>119</v>
      </c>
      <c r="I10874" t="s">
        <v>15</v>
      </c>
      <c r="J10874" s="10">
        <v>17.73960838</v>
      </c>
    </row>
    <row r="10875" spans="1:10" x14ac:dyDescent="0.35">
      <c r="A10875" t="s">
        <v>62</v>
      </c>
      <c r="B10875" t="s">
        <v>68</v>
      </c>
      <c r="C10875" t="s">
        <v>117</v>
      </c>
      <c r="D10875" t="s">
        <v>118</v>
      </c>
      <c r="E10875">
        <v>2012</v>
      </c>
      <c r="F10875">
        <v>2012</v>
      </c>
      <c r="G10875" t="s">
        <v>14</v>
      </c>
      <c r="H10875" t="s">
        <v>120</v>
      </c>
      <c r="I10875" t="s">
        <v>15</v>
      </c>
      <c r="J10875" s="10">
        <v>12.957746480000001</v>
      </c>
    </row>
    <row r="10876" spans="1:10" x14ac:dyDescent="0.35">
      <c r="A10876" t="s">
        <v>62</v>
      </c>
      <c r="B10876" t="s">
        <v>68</v>
      </c>
      <c r="C10876" t="s">
        <v>117</v>
      </c>
      <c r="D10876" t="s">
        <v>118</v>
      </c>
      <c r="E10876">
        <v>2012</v>
      </c>
      <c r="F10876">
        <v>2012</v>
      </c>
      <c r="G10876" t="s">
        <v>14</v>
      </c>
      <c r="H10876" t="s">
        <v>121</v>
      </c>
      <c r="I10876" t="s">
        <v>15</v>
      </c>
      <c r="J10876" s="10">
        <v>37.030573689999997</v>
      </c>
    </row>
    <row r="10877" spans="1:10" x14ac:dyDescent="0.35">
      <c r="A10877" t="s">
        <v>62</v>
      </c>
      <c r="B10877" t="s">
        <v>68</v>
      </c>
      <c r="C10877" t="s">
        <v>117</v>
      </c>
      <c r="D10877" t="s">
        <v>118</v>
      </c>
      <c r="E10877">
        <v>2012</v>
      </c>
      <c r="F10877">
        <v>2012</v>
      </c>
      <c r="G10877" t="s">
        <v>14</v>
      </c>
      <c r="H10877" t="s">
        <v>122</v>
      </c>
      <c r="I10877" t="s">
        <v>15</v>
      </c>
      <c r="J10877" s="10">
        <v>17.387839230000001</v>
      </c>
    </row>
    <row r="10878" spans="1:10" x14ac:dyDescent="0.35">
      <c r="A10878" t="s">
        <v>62</v>
      </c>
      <c r="B10878" t="s">
        <v>68</v>
      </c>
      <c r="C10878" t="s">
        <v>117</v>
      </c>
      <c r="D10878" t="s">
        <v>118</v>
      </c>
      <c r="E10878">
        <v>2012</v>
      </c>
      <c r="F10878">
        <v>2012</v>
      </c>
      <c r="G10878" t="s">
        <v>14</v>
      </c>
      <c r="H10878" t="s">
        <v>123</v>
      </c>
      <c r="I10878" t="s">
        <v>15</v>
      </c>
      <c r="J10878" s="10">
        <v>13.0979045</v>
      </c>
    </row>
    <row r="10879" spans="1:10" x14ac:dyDescent="0.35">
      <c r="A10879" t="s">
        <v>62</v>
      </c>
      <c r="B10879" t="s">
        <v>68</v>
      </c>
      <c r="C10879" t="s">
        <v>117</v>
      </c>
      <c r="D10879" t="s">
        <v>118</v>
      </c>
      <c r="E10879">
        <v>2012</v>
      </c>
      <c r="F10879">
        <v>2012</v>
      </c>
      <c r="G10879" t="s">
        <v>14</v>
      </c>
      <c r="H10879" t="s">
        <v>124</v>
      </c>
      <c r="I10879" t="s">
        <v>15</v>
      </c>
      <c r="J10879" s="10">
        <v>1.786327722</v>
      </c>
    </row>
    <row r="10880" spans="1:10" x14ac:dyDescent="0.35">
      <c r="A10880" t="s">
        <v>62</v>
      </c>
      <c r="B10880" t="s">
        <v>68</v>
      </c>
      <c r="C10880" t="s">
        <v>117</v>
      </c>
      <c r="D10880" t="s">
        <v>118</v>
      </c>
      <c r="E10880">
        <v>2012</v>
      </c>
      <c r="F10880">
        <v>2012</v>
      </c>
      <c r="G10880" t="s">
        <v>125</v>
      </c>
      <c r="H10880" t="s">
        <v>119</v>
      </c>
      <c r="I10880" t="s">
        <v>15</v>
      </c>
      <c r="J10880" s="10">
        <v>18.905009740000001</v>
      </c>
    </row>
    <row r="10881" spans="1:10" x14ac:dyDescent="0.35">
      <c r="A10881" t="s">
        <v>62</v>
      </c>
      <c r="B10881" t="s">
        <v>68</v>
      </c>
      <c r="C10881" t="s">
        <v>117</v>
      </c>
      <c r="D10881" t="s">
        <v>118</v>
      </c>
      <c r="E10881">
        <v>2012</v>
      </c>
      <c r="F10881">
        <v>2012</v>
      </c>
      <c r="G10881" t="s">
        <v>125</v>
      </c>
      <c r="H10881" t="s">
        <v>120</v>
      </c>
      <c r="I10881" t="s">
        <v>15</v>
      </c>
      <c r="J10881" s="10">
        <v>13.89236182</v>
      </c>
    </row>
    <row r="10882" spans="1:10" x14ac:dyDescent="0.35">
      <c r="A10882" t="s">
        <v>62</v>
      </c>
      <c r="B10882" t="s">
        <v>68</v>
      </c>
      <c r="C10882" t="s">
        <v>117</v>
      </c>
      <c r="D10882" t="s">
        <v>118</v>
      </c>
      <c r="E10882">
        <v>2012</v>
      </c>
      <c r="F10882">
        <v>2012</v>
      </c>
      <c r="G10882" t="s">
        <v>125</v>
      </c>
      <c r="H10882" t="s">
        <v>121</v>
      </c>
      <c r="I10882" t="s">
        <v>15</v>
      </c>
      <c r="J10882" s="10">
        <v>37.635565380000003</v>
      </c>
    </row>
    <row r="10883" spans="1:10" x14ac:dyDescent="0.35">
      <c r="A10883" t="s">
        <v>62</v>
      </c>
      <c r="B10883" t="s">
        <v>68</v>
      </c>
      <c r="C10883" t="s">
        <v>117</v>
      </c>
      <c r="D10883" t="s">
        <v>118</v>
      </c>
      <c r="E10883">
        <v>2012</v>
      </c>
      <c r="F10883">
        <v>2012</v>
      </c>
      <c r="G10883" t="s">
        <v>125</v>
      </c>
      <c r="H10883" t="s">
        <v>122</v>
      </c>
      <c r="I10883" t="s">
        <v>15</v>
      </c>
      <c r="J10883" s="10">
        <v>17.454133110000001</v>
      </c>
    </row>
    <row r="10884" spans="1:10" x14ac:dyDescent="0.35">
      <c r="A10884" t="s">
        <v>62</v>
      </c>
      <c r="B10884" t="s">
        <v>68</v>
      </c>
      <c r="C10884" t="s">
        <v>117</v>
      </c>
      <c r="D10884" t="s">
        <v>118</v>
      </c>
      <c r="E10884">
        <v>2012</v>
      </c>
      <c r="F10884">
        <v>2012</v>
      </c>
      <c r="G10884" t="s">
        <v>125</v>
      </c>
      <c r="H10884" t="s">
        <v>123</v>
      </c>
      <c r="I10884" t="s">
        <v>15</v>
      </c>
      <c r="J10884" s="10">
        <v>11.133079410000001</v>
      </c>
    </row>
    <row r="10885" spans="1:10" x14ac:dyDescent="0.35">
      <c r="A10885" t="s">
        <v>62</v>
      </c>
      <c r="B10885" t="s">
        <v>68</v>
      </c>
      <c r="C10885" t="s">
        <v>117</v>
      </c>
      <c r="D10885" t="s">
        <v>118</v>
      </c>
      <c r="E10885">
        <v>2012</v>
      </c>
      <c r="F10885">
        <v>2012</v>
      </c>
      <c r="G10885" t="s">
        <v>125</v>
      </c>
      <c r="H10885" t="s">
        <v>124</v>
      </c>
      <c r="I10885" t="s">
        <v>15</v>
      </c>
      <c r="J10885" s="10">
        <v>0.97985055099999996</v>
      </c>
    </row>
    <row r="10886" spans="1:10" x14ac:dyDescent="0.35">
      <c r="A10886" t="s">
        <v>62</v>
      </c>
      <c r="B10886" t="s">
        <v>68</v>
      </c>
      <c r="C10886" t="s">
        <v>117</v>
      </c>
      <c r="D10886" t="s">
        <v>118</v>
      </c>
      <c r="E10886">
        <v>2012</v>
      </c>
      <c r="F10886">
        <v>2012</v>
      </c>
      <c r="G10886" t="s">
        <v>126</v>
      </c>
      <c r="H10886" t="s">
        <v>119</v>
      </c>
      <c r="I10886" t="s">
        <v>15</v>
      </c>
      <c r="J10886" s="10">
        <v>16.695325929999999</v>
      </c>
    </row>
    <row r="10887" spans="1:10" x14ac:dyDescent="0.35">
      <c r="A10887" t="s">
        <v>62</v>
      </c>
      <c r="B10887" t="s">
        <v>68</v>
      </c>
      <c r="C10887" t="s">
        <v>117</v>
      </c>
      <c r="D10887" t="s">
        <v>118</v>
      </c>
      <c r="E10887">
        <v>2012</v>
      </c>
      <c r="F10887">
        <v>2012</v>
      </c>
      <c r="G10887" t="s">
        <v>126</v>
      </c>
      <c r="H10887" t="s">
        <v>120</v>
      </c>
      <c r="I10887" t="s">
        <v>15</v>
      </c>
      <c r="J10887" s="10">
        <v>12.120264710000001</v>
      </c>
    </row>
    <row r="10888" spans="1:10" x14ac:dyDescent="0.35">
      <c r="A10888" t="s">
        <v>62</v>
      </c>
      <c r="B10888" t="s">
        <v>68</v>
      </c>
      <c r="C10888" t="s">
        <v>117</v>
      </c>
      <c r="D10888" t="s">
        <v>118</v>
      </c>
      <c r="E10888">
        <v>2012</v>
      </c>
      <c r="F10888">
        <v>2012</v>
      </c>
      <c r="G10888" t="s">
        <v>126</v>
      </c>
      <c r="H10888" t="s">
        <v>121</v>
      </c>
      <c r="I10888" t="s">
        <v>15</v>
      </c>
      <c r="J10888" s="10">
        <v>36.488458129999998</v>
      </c>
    </row>
    <row r="10889" spans="1:10" x14ac:dyDescent="0.35">
      <c r="A10889" t="s">
        <v>62</v>
      </c>
      <c r="B10889" t="s">
        <v>68</v>
      </c>
      <c r="C10889" t="s">
        <v>117</v>
      </c>
      <c r="D10889" t="s">
        <v>118</v>
      </c>
      <c r="E10889">
        <v>2012</v>
      </c>
      <c r="F10889">
        <v>2012</v>
      </c>
      <c r="G10889" t="s">
        <v>126</v>
      </c>
      <c r="H10889" t="s">
        <v>122</v>
      </c>
      <c r="I10889" t="s">
        <v>15</v>
      </c>
      <c r="J10889" s="10">
        <v>17.328435200000001</v>
      </c>
    </row>
    <row r="10890" spans="1:10" x14ac:dyDescent="0.35">
      <c r="A10890" t="s">
        <v>62</v>
      </c>
      <c r="B10890" t="s">
        <v>68</v>
      </c>
      <c r="C10890" t="s">
        <v>117</v>
      </c>
      <c r="D10890" t="s">
        <v>118</v>
      </c>
      <c r="E10890">
        <v>2012</v>
      </c>
      <c r="F10890">
        <v>2012</v>
      </c>
      <c r="G10890" t="s">
        <v>126</v>
      </c>
      <c r="H10890" t="s">
        <v>123</v>
      </c>
      <c r="I10890" t="s">
        <v>15</v>
      </c>
      <c r="J10890" s="10">
        <v>14.858527430000001</v>
      </c>
    </row>
    <row r="10891" spans="1:10" x14ac:dyDescent="0.35">
      <c r="A10891" t="s">
        <v>62</v>
      </c>
      <c r="B10891" t="s">
        <v>68</v>
      </c>
      <c r="C10891" t="s">
        <v>117</v>
      </c>
      <c r="D10891" t="s">
        <v>118</v>
      </c>
      <c r="E10891">
        <v>2012</v>
      </c>
      <c r="F10891">
        <v>2012</v>
      </c>
      <c r="G10891" t="s">
        <v>126</v>
      </c>
      <c r="H10891" t="s">
        <v>124</v>
      </c>
      <c r="I10891" t="s">
        <v>15</v>
      </c>
      <c r="J10891" s="10">
        <v>2.5089885879999998</v>
      </c>
    </row>
    <row r="10892" spans="1:10" x14ac:dyDescent="0.35">
      <c r="A10892" t="s">
        <v>62</v>
      </c>
      <c r="B10892" t="s">
        <v>68</v>
      </c>
      <c r="C10892" t="s">
        <v>117</v>
      </c>
      <c r="D10892" t="s">
        <v>118</v>
      </c>
      <c r="E10892">
        <v>2011</v>
      </c>
      <c r="F10892">
        <v>2011</v>
      </c>
      <c r="G10892" t="s">
        <v>14</v>
      </c>
      <c r="H10892" t="s">
        <v>119</v>
      </c>
      <c r="I10892" t="s">
        <v>15</v>
      </c>
      <c r="J10892" s="10">
        <v>17.661016020000002</v>
      </c>
    </row>
    <row r="10893" spans="1:10" x14ac:dyDescent="0.35">
      <c r="A10893" t="s">
        <v>62</v>
      </c>
      <c r="B10893" t="s">
        <v>68</v>
      </c>
      <c r="C10893" t="s">
        <v>117</v>
      </c>
      <c r="D10893" t="s">
        <v>118</v>
      </c>
      <c r="E10893">
        <v>2011</v>
      </c>
      <c r="F10893">
        <v>2011</v>
      </c>
      <c r="G10893" t="s">
        <v>14</v>
      </c>
      <c r="H10893" t="s">
        <v>120</v>
      </c>
      <c r="I10893" t="s">
        <v>15</v>
      </c>
      <c r="J10893" s="10">
        <v>13.31193768</v>
      </c>
    </row>
    <row r="10894" spans="1:10" x14ac:dyDescent="0.35">
      <c r="A10894" t="s">
        <v>62</v>
      </c>
      <c r="B10894" t="s">
        <v>68</v>
      </c>
      <c r="C10894" t="s">
        <v>117</v>
      </c>
      <c r="D10894" t="s">
        <v>118</v>
      </c>
      <c r="E10894">
        <v>2011</v>
      </c>
      <c r="F10894">
        <v>2011</v>
      </c>
      <c r="G10894" t="s">
        <v>14</v>
      </c>
      <c r="H10894" t="s">
        <v>121</v>
      </c>
      <c r="I10894" t="s">
        <v>15</v>
      </c>
      <c r="J10894" s="10">
        <v>37.062486280000002</v>
      </c>
    </row>
    <row r="10895" spans="1:10" x14ac:dyDescent="0.35">
      <c r="A10895" t="s">
        <v>62</v>
      </c>
      <c r="B10895" t="s">
        <v>68</v>
      </c>
      <c r="C10895" t="s">
        <v>117</v>
      </c>
      <c r="D10895" t="s">
        <v>118</v>
      </c>
      <c r="E10895">
        <v>2011</v>
      </c>
      <c r="F10895">
        <v>2011</v>
      </c>
      <c r="G10895" t="s">
        <v>14</v>
      </c>
      <c r="H10895" t="s">
        <v>122</v>
      </c>
      <c r="I10895" t="s">
        <v>15</v>
      </c>
      <c r="J10895" s="10">
        <v>17.130239190000001</v>
      </c>
    </row>
    <row r="10896" spans="1:10" x14ac:dyDescent="0.35">
      <c r="A10896" t="s">
        <v>62</v>
      </c>
      <c r="B10896" t="s">
        <v>68</v>
      </c>
      <c r="C10896" t="s">
        <v>117</v>
      </c>
      <c r="D10896" t="s">
        <v>118</v>
      </c>
      <c r="E10896">
        <v>2011</v>
      </c>
      <c r="F10896">
        <v>2011</v>
      </c>
      <c r="G10896" t="s">
        <v>14</v>
      </c>
      <c r="H10896" t="s">
        <v>123</v>
      </c>
      <c r="I10896" t="s">
        <v>15</v>
      </c>
      <c r="J10896" s="10">
        <v>13.0198047</v>
      </c>
    </row>
    <row r="10897" spans="1:10" x14ac:dyDescent="0.35">
      <c r="A10897" t="s">
        <v>62</v>
      </c>
      <c r="B10897" t="s">
        <v>68</v>
      </c>
      <c r="C10897" t="s">
        <v>117</v>
      </c>
      <c r="D10897" t="s">
        <v>118</v>
      </c>
      <c r="E10897">
        <v>2011</v>
      </c>
      <c r="F10897">
        <v>2011</v>
      </c>
      <c r="G10897" t="s">
        <v>14</v>
      </c>
      <c r="H10897" t="s">
        <v>124</v>
      </c>
      <c r="I10897" t="s">
        <v>15</v>
      </c>
      <c r="J10897" s="10">
        <v>1.814516129</v>
      </c>
    </row>
    <row r="10898" spans="1:10" x14ac:dyDescent="0.35">
      <c r="A10898" t="s">
        <v>62</v>
      </c>
      <c r="B10898" t="s">
        <v>68</v>
      </c>
      <c r="C10898" t="s">
        <v>117</v>
      </c>
      <c r="D10898" t="s">
        <v>118</v>
      </c>
      <c r="E10898">
        <v>2011</v>
      </c>
      <c r="F10898">
        <v>2011</v>
      </c>
      <c r="G10898" t="s">
        <v>125</v>
      </c>
      <c r="H10898" t="s">
        <v>119</v>
      </c>
      <c r="I10898" t="s">
        <v>15</v>
      </c>
      <c r="J10898" s="10">
        <v>18.796296300000002</v>
      </c>
    </row>
    <row r="10899" spans="1:10" x14ac:dyDescent="0.35">
      <c r="A10899" t="s">
        <v>62</v>
      </c>
      <c r="B10899" t="s">
        <v>68</v>
      </c>
      <c r="C10899" t="s">
        <v>117</v>
      </c>
      <c r="D10899" t="s">
        <v>118</v>
      </c>
      <c r="E10899">
        <v>2011</v>
      </c>
      <c r="F10899">
        <v>2011</v>
      </c>
      <c r="G10899" t="s">
        <v>125</v>
      </c>
      <c r="H10899" t="s">
        <v>120</v>
      </c>
      <c r="I10899" t="s">
        <v>15</v>
      </c>
      <c r="J10899" s="10">
        <v>14.2650463</v>
      </c>
    </row>
    <row r="10900" spans="1:10" x14ac:dyDescent="0.35">
      <c r="A10900" t="s">
        <v>62</v>
      </c>
      <c r="B10900" t="s">
        <v>68</v>
      </c>
      <c r="C10900" t="s">
        <v>117</v>
      </c>
      <c r="D10900" t="s">
        <v>118</v>
      </c>
      <c r="E10900">
        <v>2011</v>
      </c>
      <c r="F10900">
        <v>2011</v>
      </c>
      <c r="G10900" t="s">
        <v>125</v>
      </c>
      <c r="H10900" t="s">
        <v>121</v>
      </c>
      <c r="I10900" t="s">
        <v>15</v>
      </c>
      <c r="J10900" s="10">
        <v>37.77199074</v>
      </c>
    </row>
    <row r="10901" spans="1:10" x14ac:dyDescent="0.35">
      <c r="A10901" t="s">
        <v>62</v>
      </c>
      <c r="B10901" t="s">
        <v>68</v>
      </c>
      <c r="C10901" t="s">
        <v>117</v>
      </c>
      <c r="D10901" t="s">
        <v>118</v>
      </c>
      <c r="E10901">
        <v>2011</v>
      </c>
      <c r="F10901">
        <v>2011</v>
      </c>
      <c r="G10901" t="s">
        <v>125</v>
      </c>
      <c r="H10901" t="s">
        <v>122</v>
      </c>
      <c r="I10901" t="s">
        <v>15</v>
      </c>
      <c r="J10901" s="10">
        <v>17.152777780000001</v>
      </c>
    </row>
    <row r="10902" spans="1:10" x14ac:dyDescent="0.35">
      <c r="A10902" t="s">
        <v>62</v>
      </c>
      <c r="B10902" t="s">
        <v>68</v>
      </c>
      <c r="C10902" t="s">
        <v>117</v>
      </c>
      <c r="D10902" t="s">
        <v>118</v>
      </c>
      <c r="E10902">
        <v>2011</v>
      </c>
      <c r="F10902">
        <v>2011</v>
      </c>
      <c r="G10902" t="s">
        <v>125</v>
      </c>
      <c r="H10902" t="s">
        <v>123</v>
      </c>
      <c r="I10902" t="s">
        <v>15</v>
      </c>
      <c r="J10902" s="10">
        <v>11.06770833</v>
      </c>
    </row>
    <row r="10903" spans="1:10" x14ac:dyDescent="0.35">
      <c r="A10903" t="s">
        <v>62</v>
      </c>
      <c r="B10903" t="s">
        <v>68</v>
      </c>
      <c r="C10903" t="s">
        <v>117</v>
      </c>
      <c r="D10903" t="s">
        <v>118</v>
      </c>
      <c r="E10903">
        <v>2011</v>
      </c>
      <c r="F10903">
        <v>2011</v>
      </c>
      <c r="G10903" t="s">
        <v>125</v>
      </c>
      <c r="H10903" t="s">
        <v>124</v>
      </c>
      <c r="I10903" t="s">
        <v>15</v>
      </c>
      <c r="J10903" s="10">
        <v>0.94618055599999995</v>
      </c>
    </row>
    <row r="10904" spans="1:10" x14ac:dyDescent="0.35">
      <c r="A10904" t="s">
        <v>62</v>
      </c>
      <c r="B10904" t="s">
        <v>68</v>
      </c>
      <c r="C10904" t="s">
        <v>117</v>
      </c>
      <c r="D10904" t="s">
        <v>118</v>
      </c>
      <c r="E10904">
        <v>2011</v>
      </c>
      <c r="F10904">
        <v>2011</v>
      </c>
      <c r="G10904" t="s">
        <v>126</v>
      </c>
      <c r="H10904" t="s">
        <v>119</v>
      </c>
      <c r="I10904" t="s">
        <v>15</v>
      </c>
      <c r="J10904" s="10">
        <v>16.637984979999999</v>
      </c>
    </row>
    <row r="10905" spans="1:10" x14ac:dyDescent="0.35">
      <c r="A10905" t="s">
        <v>62</v>
      </c>
      <c r="B10905" t="s">
        <v>68</v>
      </c>
      <c r="C10905" t="s">
        <v>117</v>
      </c>
      <c r="D10905" t="s">
        <v>118</v>
      </c>
      <c r="E10905">
        <v>2011</v>
      </c>
      <c r="F10905">
        <v>2011</v>
      </c>
      <c r="G10905" t="s">
        <v>126</v>
      </c>
      <c r="H10905" t="s">
        <v>120</v>
      </c>
      <c r="I10905" t="s">
        <v>15</v>
      </c>
      <c r="J10905" s="10">
        <v>12.45306633</v>
      </c>
    </row>
    <row r="10906" spans="1:10" x14ac:dyDescent="0.35">
      <c r="A10906" t="s">
        <v>62</v>
      </c>
      <c r="B10906" t="s">
        <v>68</v>
      </c>
      <c r="C10906" t="s">
        <v>117</v>
      </c>
      <c r="D10906" t="s">
        <v>118</v>
      </c>
      <c r="E10906">
        <v>2011</v>
      </c>
      <c r="F10906">
        <v>2011</v>
      </c>
      <c r="G10906" t="s">
        <v>126</v>
      </c>
      <c r="H10906" t="s">
        <v>121</v>
      </c>
      <c r="I10906" t="s">
        <v>15</v>
      </c>
      <c r="J10906" s="10">
        <v>36.423133079999999</v>
      </c>
    </row>
    <row r="10907" spans="1:10" x14ac:dyDescent="0.35">
      <c r="A10907" t="s">
        <v>62</v>
      </c>
      <c r="B10907" t="s">
        <v>68</v>
      </c>
      <c r="C10907" t="s">
        <v>117</v>
      </c>
      <c r="D10907" t="s">
        <v>118</v>
      </c>
      <c r="E10907">
        <v>2011</v>
      </c>
      <c r="F10907">
        <v>2011</v>
      </c>
      <c r="G10907" t="s">
        <v>126</v>
      </c>
      <c r="H10907" t="s">
        <v>122</v>
      </c>
      <c r="I10907" t="s">
        <v>15</v>
      </c>
      <c r="J10907" s="10">
        <v>17.109929080000001</v>
      </c>
    </row>
    <row r="10908" spans="1:10" x14ac:dyDescent="0.35">
      <c r="A10908" t="s">
        <v>62</v>
      </c>
      <c r="B10908" t="s">
        <v>68</v>
      </c>
      <c r="C10908" t="s">
        <v>117</v>
      </c>
      <c r="D10908" t="s">
        <v>118</v>
      </c>
      <c r="E10908">
        <v>2011</v>
      </c>
      <c r="F10908">
        <v>2011</v>
      </c>
      <c r="G10908" t="s">
        <v>126</v>
      </c>
      <c r="H10908" t="s">
        <v>123</v>
      </c>
      <c r="I10908" t="s">
        <v>15</v>
      </c>
      <c r="J10908" s="10">
        <v>14.778890280000001</v>
      </c>
    </row>
    <row r="10909" spans="1:10" x14ac:dyDescent="0.35">
      <c r="A10909" t="s">
        <v>62</v>
      </c>
      <c r="B10909" t="s">
        <v>68</v>
      </c>
      <c r="C10909" t="s">
        <v>117</v>
      </c>
      <c r="D10909" t="s">
        <v>118</v>
      </c>
      <c r="E10909">
        <v>2011</v>
      </c>
      <c r="F10909">
        <v>2011</v>
      </c>
      <c r="G10909" t="s">
        <v>126</v>
      </c>
      <c r="H10909" t="s">
        <v>124</v>
      </c>
      <c r="I10909" t="s">
        <v>15</v>
      </c>
      <c r="J10909" s="10">
        <v>2.5969962450000001</v>
      </c>
    </row>
    <row r="10910" spans="1:10" x14ac:dyDescent="0.35">
      <c r="A10910" t="s">
        <v>62</v>
      </c>
      <c r="B10910" t="s">
        <v>69</v>
      </c>
      <c r="C10910" t="s">
        <v>117</v>
      </c>
      <c r="D10910" t="s">
        <v>118</v>
      </c>
      <c r="E10910">
        <v>2020</v>
      </c>
      <c r="F10910">
        <v>2020</v>
      </c>
      <c r="G10910" t="s">
        <v>14</v>
      </c>
      <c r="H10910" t="s">
        <v>119</v>
      </c>
      <c r="I10910" t="s">
        <v>15</v>
      </c>
      <c r="J10910" s="10">
        <v>16.31240309</v>
      </c>
    </row>
    <row r="10911" spans="1:10" x14ac:dyDescent="0.35">
      <c r="A10911" t="s">
        <v>62</v>
      </c>
      <c r="B10911" t="s">
        <v>69</v>
      </c>
      <c r="C10911" t="s">
        <v>117</v>
      </c>
      <c r="D10911" t="s">
        <v>118</v>
      </c>
      <c r="E10911">
        <v>2020</v>
      </c>
      <c r="F10911">
        <v>2020</v>
      </c>
      <c r="G10911" t="s">
        <v>14</v>
      </c>
      <c r="H10911" t="s">
        <v>120</v>
      </c>
      <c r="I10911" t="s">
        <v>15</v>
      </c>
      <c r="J10911" s="10">
        <v>11.52282467</v>
      </c>
    </row>
    <row r="10912" spans="1:10" x14ac:dyDescent="0.35">
      <c r="A10912" t="s">
        <v>62</v>
      </c>
      <c r="B10912" t="s">
        <v>69</v>
      </c>
      <c r="C10912" t="s">
        <v>117</v>
      </c>
      <c r="D10912" t="s">
        <v>118</v>
      </c>
      <c r="E10912">
        <v>2020</v>
      </c>
      <c r="F10912">
        <v>2020</v>
      </c>
      <c r="G10912" t="s">
        <v>14</v>
      </c>
      <c r="H10912" t="s">
        <v>121</v>
      </c>
      <c r="I10912" t="s">
        <v>15</v>
      </c>
      <c r="J10912" s="10">
        <v>38.863589189999999</v>
      </c>
    </row>
    <row r="10913" spans="1:10" x14ac:dyDescent="0.35">
      <c r="A10913" t="s">
        <v>62</v>
      </c>
      <c r="B10913" t="s">
        <v>69</v>
      </c>
      <c r="C10913" t="s">
        <v>117</v>
      </c>
      <c r="D10913" t="s">
        <v>118</v>
      </c>
      <c r="E10913">
        <v>2020</v>
      </c>
      <c r="F10913">
        <v>2020</v>
      </c>
      <c r="G10913" t="s">
        <v>14</v>
      </c>
      <c r="H10913" t="s">
        <v>122</v>
      </c>
      <c r="I10913" t="s">
        <v>15</v>
      </c>
      <c r="J10913" s="10">
        <v>19.025235940000002</v>
      </c>
    </row>
    <row r="10914" spans="1:10" x14ac:dyDescent="0.35">
      <c r="A10914" t="s">
        <v>62</v>
      </c>
      <c r="B10914" t="s">
        <v>69</v>
      </c>
      <c r="C10914" t="s">
        <v>117</v>
      </c>
      <c r="D10914" t="s">
        <v>118</v>
      </c>
      <c r="E10914">
        <v>2020</v>
      </c>
      <c r="F10914">
        <v>2020</v>
      </c>
      <c r="G10914" t="s">
        <v>14</v>
      </c>
      <c r="H10914" t="s">
        <v>123</v>
      </c>
      <c r="I10914" t="s">
        <v>15</v>
      </c>
      <c r="J10914" s="10">
        <v>12.571575080000001</v>
      </c>
    </row>
    <row r="10915" spans="1:10" x14ac:dyDescent="0.35">
      <c r="A10915" t="s">
        <v>62</v>
      </c>
      <c r="B10915" t="s">
        <v>69</v>
      </c>
      <c r="C10915" t="s">
        <v>117</v>
      </c>
      <c r="D10915" t="s">
        <v>118</v>
      </c>
      <c r="E10915">
        <v>2020</v>
      </c>
      <c r="F10915">
        <v>2020</v>
      </c>
      <c r="G10915" t="s">
        <v>14</v>
      </c>
      <c r="H10915" t="s">
        <v>124</v>
      </c>
      <c r="I10915" t="s">
        <v>15</v>
      </c>
      <c r="J10915" s="10">
        <v>1.704372032</v>
      </c>
    </row>
    <row r="10916" spans="1:10" x14ac:dyDescent="0.35">
      <c r="A10916" t="s">
        <v>62</v>
      </c>
      <c r="B10916" t="s">
        <v>69</v>
      </c>
      <c r="C10916" t="s">
        <v>117</v>
      </c>
      <c r="D10916" t="s">
        <v>118</v>
      </c>
      <c r="E10916">
        <v>2020</v>
      </c>
      <c r="F10916">
        <v>2020</v>
      </c>
      <c r="G10916" t="s">
        <v>125</v>
      </c>
      <c r="H10916" t="s">
        <v>119</v>
      </c>
      <c r="I10916" t="s">
        <v>15</v>
      </c>
      <c r="J10916" s="10">
        <v>17.1268666</v>
      </c>
    </row>
    <row r="10917" spans="1:10" x14ac:dyDescent="0.35">
      <c r="A10917" t="s">
        <v>62</v>
      </c>
      <c r="B10917" t="s">
        <v>69</v>
      </c>
      <c r="C10917" t="s">
        <v>117</v>
      </c>
      <c r="D10917" t="s">
        <v>118</v>
      </c>
      <c r="E10917">
        <v>2020</v>
      </c>
      <c r="F10917">
        <v>2020</v>
      </c>
      <c r="G10917" t="s">
        <v>125</v>
      </c>
      <c r="H10917" t="s">
        <v>120</v>
      </c>
      <c r="I10917" t="s">
        <v>15</v>
      </c>
      <c r="J10917" s="10">
        <v>12.04031599</v>
      </c>
    </row>
    <row r="10918" spans="1:10" x14ac:dyDescent="0.35">
      <c r="A10918" t="s">
        <v>62</v>
      </c>
      <c r="B10918" t="s">
        <v>69</v>
      </c>
      <c r="C10918" t="s">
        <v>117</v>
      </c>
      <c r="D10918" t="s">
        <v>118</v>
      </c>
      <c r="E10918">
        <v>2020</v>
      </c>
      <c r="F10918">
        <v>2020</v>
      </c>
      <c r="G10918" t="s">
        <v>125</v>
      </c>
      <c r="H10918" t="s">
        <v>121</v>
      </c>
      <c r="I10918" t="s">
        <v>15</v>
      </c>
      <c r="J10918" s="10">
        <v>39.979198140000001</v>
      </c>
    </row>
    <row r="10919" spans="1:10" x14ac:dyDescent="0.35">
      <c r="A10919" t="s">
        <v>62</v>
      </c>
      <c r="B10919" t="s">
        <v>69</v>
      </c>
      <c r="C10919" t="s">
        <v>117</v>
      </c>
      <c r="D10919" t="s">
        <v>118</v>
      </c>
      <c r="E10919">
        <v>2020</v>
      </c>
      <c r="F10919">
        <v>2020</v>
      </c>
      <c r="G10919" t="s">
        <v>125</v>
      </c>
      <c r="H10919" t="s">
        <v>122</v>
      </c>
      <c r="I10919" t="s">
        <v>15</v>
      </c>
      <c r="J10919" s="10">
        <v>18.233822839999998</v>
      </c>
    </row>
    <row r="10920" spans="1:10" x14ac:dyDescent="0.35">
      <c r="A10920" t="s">
        <v>62</v>
      </c>
      <c r="B10920" t="s">
        <v>69</v>
      </c>
      <c r="C10920" t="s">
        <v>117</v>
      </c>
      <c r="D10920" t="s">
        <v>118</v>
      </c>
      <c r="E10920">
        <v>2020</v>
      </c>
      <c r="F10920">
        <v>2020</v>
      </c>
      <c r="G10920" t="s">
        <v>125</v>
      </c>
      <c r="H10920" t="s">
        <v>123</v>
      </c>
      <c r="I10920" t="s">
        <v>15</v>
      </c>
      <c r="J10920" s="10">
        <v>11.55989203</v>
      </c>
    </row>
    <row r="10921" spans="1:10" x14ac:dyDescent="0.35">
      <c r="A10921" t="s">
        <v>62</v>
      </c>
      <c r="B10921" t="s">
        <v>69</v>
      </c>
      <c r="C10921" t="s">
        <v>117</v>
      </c>
      <c r="D10921" t="s">
        <v>118</v>
      </c>
      <c r="E10921">
        <v>2020</v>
      </c>
      <c r="F10921">
        <v>2020</v>
      </c>
      <c r="G10921" t="s">
        <v>125</v>
      </c>
      <c r="H10921" t="s">
        <v>124</v>
      </c>
      <c r="I10921" t="s">
        <v>15</v>
      </c>
      <c r="J10921" s="10">
        <v>1.0599044099999999</v>
      </c>
    </row>
    <row r="10922" spans="1:10" x14ac:dyDescent="0.35">
      <c r="A10922" t="s">
        <v>62</v>
      </c>
      <c r="B10922" t="s">
        <v>69</v>
      </c>
      <c r="C10922" t="s">
        <v>117</v>
      </c>
      <c r="D10922" t="s">
        <v>118</v>
      </c>
      <c r="E10922">
        <v>2020</v>
      </c>
      <c r="F10922">
        <v>2020</v>
      </c>
      <c r="G10922" t="s">
        <v>126</v>
      </c>
      <c r="H10922" t="s">
        <v>119</v>
      </c>
      <c r="I10922" t="s">
        <v>15</v>
      </c>
      <c r="J10922" s="10">
        <v>15.52039686</v>
      </c>
    </row>
    <row r="10923" spans="1:10" x14ac:dyDescent="0.35">
      <c r="A10923" t="s">
        <v>62</v>
      </c>
      <c r="B10923" t="s">
        <v>69</v>
      </c>
      <c r="C10923" t="s">
        <v>117</v>
      </c>
      <c r="D10923" t="s">
        <v>118</v>
      </c>
      <c r="E10923">
        <v>2020</v>
      </c>
      <c r="F10923">
        <v>2020</v>
      </c>
      <c r="G10923" t="s">
        <v>126</v>
      </c>
      <c r="H10923" t="s">
        <v>120</v>
      </c>
      <c r="I10923" t="s">
        <v>15</v>
      </c>
      <c r="J10923" s="10">
        <v>11.01960218</v>
      </c>
    </row>
    <row r="10924" spans="1:10" x14ac:dyDescent="0.35">
      <c r="A10924" t="s">
        <v>62</v>
      </c>
      <c r="B10924" t="s">
        <v>69</v>
      </c>
      <c r="C10924" t="s">
        <v>117</v>
      </c>
      <c r="D10924" t="s">
        <v>118</v>
      </c>
      <c r="E10924">
        <v>2020</v>
      </c>
      <c r="F10924">
        <v>2020</v>
      </c>
      <c r="G10924" t="s">
        <v>126</v>
      </c>
      <c r="H10924" t="s">
        <v>121</v>
      </c>
      <c r="I10924" t="s">
        <v>15</v>
      </c>
      <c r="J10924" s="10">
        <v>37.778741029999999</v>
      </c>
    </row>
    <row r="10925" spans="1:10" x14ac:dyDescent="0.35">
      <c r="A10925" t="s">
        <v>62</v>
      </c>
      <c r="B10925" t="s">
        <v>69</v>
      </c>
      <c r="C10925" t="s">
        <v>117</v>
      </c>
      <c r="D10925" t="s">
        <v>118</v>
      </c>
      <c r="E10925">
        <v>2020</v>
      </c>
      <c r="F10925">
        <v>2020</v>
      </c>
      <c r="G10925" t="s">
        <v>126</v>
      </c>
      <c r="H10925" t="s">
        <v>122</v>
      </c>
      <c r="I10925" t="s">
        <v>15</v>
      </c>
      <c r="J10925" s="10">
        <v>19.794827340000001</v>
      </c>
    </row>
    <row r="10926" spans="1:10" x14ac:dyDescent="0.35">
      <c r="A10926" t="s">
        <v>62</v>
      </c>
      <c r="B10926" t="s">
        <v>69</v>
      </c>
      <c r="C10926" t="s">
        <v>117</v>
      </c>
      <c r="D10926" t="s">
        <v>118</v>
      </c>
      <c r="E10926">
        <v>2020</v>
      </c>
      <c r="F10926">
        <v>2020</v>
      </c>
      <c r="G10926" t="s">
        <v>126</v>
      </c>
      <c r="H10926" t="s">
        <v>123</v>
      </c>
      <c r="I10926" t="s">
        <v>15</v>
      </c>
      <c r="J10926" s="10">
        <v>13.555362909999999</v>
      </c>
    </row>
    <row r="10927" spans="1:10" x14ac:dyDescent="0.35">
      <c r="A10927" t="s">
        <v>62</v>
      </c>
      <c r="B10927" t="s">
        <v>69</v>
      </c>
      <c r="C10927" t="s">
        <v>117</v>
      </c>
      <c r="D10927" t="s">
        <v>118</v>
      </c>
      <c r="E10927">
        <v>2020</v>
      </c>
      <c r="F10927">
        <v>2020</v>
      </c>
      <c r="G10927" t="s">
        <v>126</v>
      </c>
      <c r="H10927" t="s">
        <v>124</v>
      </c>
      <c r="I10927" t="s">
        <v>15</v>
      </c>
      <c r="J10927" s="10">
        <v>2.3310696910000002</v>
      </c>
    </row>
    <row r="10928" spans="1:10" x14ac:dyDescent="0.35">
      <c r="A10928" t="s">
        <v>62</v>
      </c>
      <c r="B10928" t="s">
        <v>69</v>
      </c>
      <c r="C10928" t="s">
        <v>117</v>
      </c>
      <c r="D10928" t="s">
        <v>118</v>
      </c>
      <c r="E10928">
        <v>2019</v>
      </c>
      <c r="F10928">
        <v>2019</v>
      </c>
      <c r="G10928" t="s">
        <v>14</v>
      </c>
      <c r="H10928" t="s">
        <v>119</v>
      </c>
      <c r="I10928" t="s">
        <v>15</v>
      </c>
      <c r="J10928" s="10">
        <v>16.317852389999999</v>
      </c>
    </row>
    <row r="10929" spans="1:10" x14ac:dyDescent="0.35">
      <c r="A10929" t="s">
        <v>62</v>
      </c>
      <c r="B10929" t="s">
        <v>69</v>
      </c>
      <c r="C10929" t="s">
        <v>117</v>
      </c>
      <c r="D10929" t="s">
        <v>118</v>
      </c>
      <c r="E10929">
        <v>2019</v>
      </c>
      <c r="F10929">
        <v>2019</v>
      </c>
      <c r="G10929" t="s">
        <v>14</v>
      </c>
      <c r="H10929" t="s">
        <v>120</v>
      </c>
      <c r="I10929" t="s">
        <v>15</v>
      </c>
      <c r="J10929" s="10">
        <v>11.79929005</v>
      </c>
    </row>
    <row r="10930" spans="1:10" x14ac:dyDescent="0.35">
      <c r="A10930" t="s">
        <v>62</v>
      </c>
      <c r="B10930" t="s">
        <v>69</v>
      </c>
      <c r="C10930" t="s">
        <v>117</v>
      </c>
      <c r="D10930" t="s">
        <v>118</v>
      </c>
      <c r="E10930">
        <v>2019</v>
      </c>
      <c r="F10930">
        <v>2019</v>
      </c>
      <c r="G10930" t="s">
        <v>14</v>
      </c>
      <c r="H10930" t="s">
        <v>121</v>
      </c>
      <c r="I10930" t="s">
        <v>15</v>
      </c>
      <c r="J10930" s="10">
        <v>38.429965979999999</v>
      </c>
    </row>
    <row r="10931" spans="1:10" x14ac:dyDescent="0.35">
      <c r="A10931" t="s">
        <v>62</v>
      </c>
      <c r="B10931" t="s">
        <v>69</v>
      </c>
      <c r="C10931" t="s">
        <v>117</v>
      </c>
      <c r="D10931" t="s">
        <v>118</v>
      </c>
      <c r="E10931">
        <v>2019</v>
      </c>
      <c r="F10931">
        <v>2019</v>
      </c>
      <c r="G10931" t="s">
        <v>14</v>
      </c>
      <c r="H10931" t="s">
        <v>122</v>
      </c>
      <c r="I10931" t="s">
        <v>15</v>
      </c>
      <c r="J10931" s="10">
        <v>19.137948040000001</v>
      </c>
    </row>
    <row r="10932" spans="1:10" x14ac:dyDescent="0.35">
      <c r="A10932" t="s">
        <v>62</v>
      </c>
      <c r="B10932" t="s">
        <v>69</v>
      </c>
      <c r="C10932" t="s">
        <v>117</v>
      </c>
      <c r="D10932" t="s">
        <v>118</v>
      </c>
      <c r="E10932">
        <v>2019</v>
      </c>
      <c r="F10932">
        <v>2019</v>
      </c>
      <c r="G10932" t="s">
        <v>14</v>
      </c>
      <c r="H10932" t="s">
        <v>123</v>
      </c>
      <c r="I10932" t="s">
        <v>15</v>
      </c>
      <c r="J10932" s="10">
        <v>12.60538382</v>
      </c>
    </row>
    <row r="10933" spans="1:10" x14ac:dyDescent="0.35">
      <c r="A10933" t="s">
        <v>62</v>
      </c>
      <c r="B10933" t="s">
        <v>69</v>
      </c>
      <c r="C10933" t="s">
        <v>117</v>
      </c>
      <c r="D10933" t="s">
        <v>118</v>
      </c>
      <c r="E10933">
        <v>2019</v>
      </c>
      <c r="F10933">
        <v>2019</v>
      </c>
      <c r="G10933" t="s">
        <v>14</v>
      </c>
      <c r="H10933" t="s">
        <v>124</v>
      </c>
      <c r="I10933" t="s">
        <v>15</v>
      </c>
      <c r="J10933" s="10">
        <v>1.7095597300000001</v>
      </c>
    </row>
    <row r="10934" spans="1:10" x14ac:dyDescent="0.35">
      <c r="A10934" t="s">
        <v>62</v>
      </c>
      <c r="B10934" t="s">
        <v>69</v>
      </c>
      <c r="C10934" t="s">
        <v>117</v>
      </c>
      <c r="D10934" t="s">
        <v>118</v>
      </c>
      <c r="E10934">
        <v>2019</v>
      </c>
      <c r="F10934">
        <v>2019</v>
      </c>
      <c r="G10934" t="s">
        <v>125</v>
      </c>
      <c r="H10934" t="s">
        <v>119</v>
      </c>
      <c r="I10934" t="s">
        <v>15</v>
      </c>
      <c r="J10934" s="10">
        <v>17.16350723</v>
      </c>
    </row>
    <row r="10935" spans="1:10" x14ac:dyDescent="0.35">
      <c r="A10935" t="s">
        <v>62</v>
      </c>
      <c r="B10935" t="s">
        <v>69</v>
      </c>
      <c r="C10935" t="s">
        <v>117</v>
      </c>
      <c r="D10935" t="s">
        <v>118</v>
      </c>
      <c r="E10935">
        <v>2019</v>
      </c>
      <c r="F10935">
        <v>2019</v>
      </c>
      <c r="G10935" t="s">
        <v>125</v>
      </c>
      <c r="H10935" t="s">
        <v>120</v>
      </c>
      <c r="I10935" t="s">
        <v>15</v>
      </c>
      <c r="J10935" s="10">
        <v>12.424348520000001</v>
      </c>
    </row>
    <row r="10936" spans="1:10" x14ac:dyDescent="0.35">
      <c r="A10936" t="s">
        <v>62</v>
      </c>
      <c r="B10936" t="s">
        <v>69</v>
      </c>
      <c r="C10936" t="s">
        <v>117</v>
      </c>
      <c r="D10936" t="s">
        <v>118</v>
      </c>
      <c r="E10936">
        <v>2019</v>
      </c>
      <c r="F10936">
        <v>2019</v>
      </c>
      <c r="G10936" t="s">
        <v>125</v>
      </c>
      <c r="H10936" t="s">
        <v>121</v>
      </c>
      <c r="I10936" t="s">
        <v>15</v>
      </c>
      <c r="J10936" s="10">
        <v>39.361276449999998</v>
      </c>
    </row>
    <row r="10937" spans="1:10" x14ac:dyDescent="0.35">
      <c r="A10937" t="s">
        <v>62</v>
      </c>
      <c r="B10937" t="s">
        <v>69</v>
      </c>
      <c r="C10937" t="s">
        <v>117</v>
      </c>
      <c r="D10937" t="s">
        <v>118</v>
      </c>
      <c r="E10937">
        <v>2019</v>
      </c>
      <c r="F10937">
        <v>2019</v>
      </c>
      <c r="G10937" t="s">
        <v>125</v>
      </c>
      <c r="H10937" t="s">
        <v>122</v>
      </c>
      <c r="I10937" t="s">
        <v>15</v>
      </c>
      <c r="J10937" s="10">
        <v>18.49897464</v>
      </c>
    </row>
    <row r="10938" spans="1:10" x14ac:dyDescent="0.35">
      <c r="A10938" t="s">
        <v>62</v>
      </c>
      <c r="B10938" t="s">
        <v>69</v>
      </c>
      <c r="C10938" t="s">
        <v>117</v>
      </c>
      <c r="D10938" t="s">
        <v>118</v>
      </c>
      <c r="E10938">
        <v>2019</v>
      </c>
      <c r="F10938">
        <v>2019</v>
      </c>
      <c r="G10938" t="s">
        <v>125</v>
      </c>
      <c r="H10938" t="s">
        <v>123</v>
      </c>
      <c r="I10938" t="s">
        <v>15</v>
      </c>
      <c r="J10938" s="10">
        <v>11.456509779999999</v>
      </c>
    </row>
    <row r="10939" spans="1:10" x14ac:dyDescent="0.35">
      <c r="A10939" t="s">
        <v>62</v>
      </c>
      <c r="B10939" t="s">
        <v>69</v>
      </c>
      <c r="C10939" t="s">
        <v>117</v>
      </c>
      <c r="D10939" t="s">
        <v>118</v>
      </c>
      <c r="E10939">
        <v>2019</v>
      </c>
      <c r="F10939">
        <v>2019</v>
      </c>
      <c r="G10939" t="s">
        <v>125</v>
      </c>
      <c r="H10939" t="s">
        <v>124</v>
      </c>
      <c r="I10939" t="s">
        <v>15</v>
      </c>
      <c r="J10939" s="10">
        <v>1.095383384</v>
      </c>
    </row>
    <row r="10940" spans="1:10" x14ac:dyDescent="0.35">
      <c r="A10940" t="s">
        <v>62</v>
      </c>
      <c r="B10940" t="s">
        <v>69</v>
      </c>
      <c r="C10940" t="s">
        <v>117</v>
      </c>
      <c r="D10940" t="s">
        <v>118</v>
      </c>
      <c r="E10940">
        <v>2019</v>
      </c>
      <c r="F10940">
        <v>2019</v>
      </c>
      <c r="G10940" t="s">
        <v>126</v>
      </c>
      <c r="H10940" t="s">
        <v>119</v>
      </c>
      <c r="I10940" t="s">
        <v>15</v>
      </c>
      <c r="J10940" s="10">
        <v>15.496038499999999</v>
      </c>
    </row>
    <row r="10941" spans="1:10" x14ac:dyDescent="0.35">
      <c r="A10941" t="s">
        <v>62</v>
      </c>
      <c r="B10941" t="s">
        <v>69</v>
      </c>
      <c r="C10941" t="s">
        <v>117</v>
      </c>
      <c r="D10941" t="s">
        <v>118</v>
      </c>
      <c r="E10941">
        <v>2019</v>
      </c>
      <c r="F10941">
        <v>2019</v>
      </c>
      <c r="G10941" t="s">
        <v>126</v>
      </c>
      <c r="H10941" t="s">
        <v>120</v>
      </c>
      <c r="I10941" t="s">
        <v>15</v>
      </c>
      <c r="J10941" s="10">
        <v>11.191853399999999</v>
      </c>
    </row>
    <row r="10942" spans="1:10" x14ac:dyDescent="0.35">
      <c r="A10942" t="s">
        <v>62</v>
      </c>
      <c r="B10942" t="s">
        <v>69</v>
      </c>
      <c r="C10942" t="s">
        <v>117</v>
      </c>
      <c r="D10942" t="s">
        <v>118</v>
      </c>
      <c r="E10942">
        <v>2019</v>
      </c>
      <c r="F10942">
        <v>2019</v>
      </c>
      <c r="G10942" t="s">
        <v>126</v>
      </c>
      <c r="H10942" t="s">
        <v>121</v>
      </c>
      <c r="I10942" t="s">
        <v>15</v>
      </c>
      <c r="J10942" s="10">
        <v>37.524911289999999</v>
      </c>
    </row>
    <row r="10943" spans="1:10" x14ac:dyDescent="0.35">
      <c r="A10943" t="s">
        <v>62</v>
      </c>
      <c r="B10943" t="s">
        <v>69</v>
      </c>
      <c r="C10943" t="s">
        <v>117</v>
      </c>
      <c r="D10943" t="s">
        <v>118</v>
      </c>
      <c r="E10943">
        <v>2019</v>
      </c>
      <c r="F10943">
        <v>2019</v>
      </c>
      <c r="G10943" t="s">
        <v>126</v>
      </c>
      <c r="H10943" t="s">
        <v>122</v>
      </c>
      <c r="I10943" t="s">
        <v>15</v>
      </c>
      <c r="J10943" s="10">
        <v>19.758907310000001</v>
      </c>
    </row>
    <row r="10944" spans="1:10" x14ac:dyDescent="0.35">
      <c r="A10944" t="s">
        <v>62</v>
      </c>
      <c r="B10944" t="s">
        <v>69</v>
      </c>
      <c r="C10944" t="s">
        <v>117</v>
      </c>
      <c r="D10944" t="s">
        <v>118</v>
      </c>
      <c r="E10944">
        <v>2019</v>
      </c>
      <c r="F10944">
        <v>2019</v>
      </c>
      <c r="G10944" t="s">
        <v>126</v>
      </c>
      <c r="H10944" t="s">
        <v>123</v>
      </c>
      <c r="I10944" t="s">
        <v>15</v>
      </c>
      <c r="J10944" s="10">
        <v>13.72186847</v>
      </c>
    </row>
    <row r="10945" spans="1:10" x14ac:dyDescent="0.35">
      <c r="A10945" t="s">
        <v>62</v>
      </c>
      <c r="B10945" t="s">
        <v>69</v>
      </c>
      <c r="C10945" t="s">
        <v>117</v>
      </c>
      <c r="D10945" t="s">
        <v>118</v>
      </c>
      <c r="E10945">
        <v>2019</v>
      </c>
      <c r="F10945">
        <v>2019</v>
      </c>
      <c r="G10945" t="s">
        <v>126</v>
      </c>
      <c r="H10945" t="s">
        <v>124</v>
      </c>
      <c r="I10945" t="s">
        <v>15</v>
      </c>
      <c r="J10945" s="10">
        <v>2.3064210369999998</v>
      </c>
    </row>
    <row r="10946" spans="1:10" x14ac:dyDescent="0.35">
      <c r="A10946" t="s">
        <v>62</v>
      </c>
      <c r="B10946" t="s">
        <v>69</v>
      </c>
      <c r="C10946" t="s">
        <v>117</v>
      </c>
      <c r="D10946" t="s">
        <v>118</v>
      </c>
      <c r="E10946">
        <v>2018</v>
      </c>
      <c r="F10946">
        <v>2018</v>
      </c>
      <c r="G10946" t="s">
        <v>14</v>
      </c>
      <c r="H10946" t="s">
        <v>119</v>
      </c>
      <c r="I10946" t="s">
        <v>15</v>
      </c>
      <c r="J10946" s="10">
        <v>16.18127024</v>
      </c>
    </row>
    <row r="10947" spans="1:10" x14ac:dyDescent="0.35">
      <c r="A10947" t="s">
        <v>62</v>
      </c>
      <c r="B10947" t="s">
        <v>69</v>
      </c>
      <c r="C10947" t="s">
        <v>117</v>
      </c>
      <c r="D10947" t="s">
        <v>118</v>
      </c>
      <c r="E10947">
        <v>2018</v>
      </c>
      <c r="F10947">
        <v>2018</v>
      </c>
      <c r="G10947" t="s">
        <v>14</v>
      </c>
      <c r="H10947" t="s">
        <v>120</v>
      </c>
      <c r="I10947" t="s">
        <v>15</v>
      </c>
      <c r="J10947" s="10">
        <v>12.12719929</v>
      </c>
    </row>
    <row r="10948" spans="1:10" x14ac:dyDescent="0.35">
      <c r="A10948" t="s">
        <v>62</v>
      </c>
      <c r="B10948" t="s">
        <v>69</v>
      </c>
      <c r="C10948" t="s">
        <v>117</v>
      </c>
      <c r="D10948" t="s">
        <v>118</v>
      </c>
      <c r="E10948">
        <v>2018</v>
      </c>
      <c r="F10948">
        <v>2018</v>
      </c>
      <c r="G10948" t="s">
        <v>14</v>
      </c>
      <c r="H10948" t="s">
        <v>121</v>
      </c>
      <c r="I10948" t="s">
        <v>15</v>
      </c>
      <c r="J10948" s="10">
        <v>38.13602771</v>
      </c>
    </row>
    <row r="10949" spans="1:10" x14ac:dyDescent="0.35">
      <c r="A10949" t="s">
        <v>62</v>
      </c>
      <c r="B10949" t="s">
        <v>69</v>
      </c>
      <c r="C10949" t="s">
        <v>117</v>
      </c>
      <c r="D10949" t="s">
        <v>118</v>
      </c>
      <c r="E10949">
        <v>2018</v>
      </c>
      <c r="F10949">
        <v>2018</v>
      </c>
      <c r="G10949" t="s">
        <v>14</v>
      </c>
      <c r="H10949" t="s">
        <v>122</v>
      </c>
      <c r="I10949" t="s">
        <v>15</v>
      </c>
      <c r="J10949" s="10">
        <v>19.214945790000002</v>
      </c>
    </row>
    <row r="10950" spans="1:10" x14ac:dyDescent="0.35">
      <c r="A10950" t="s">
        <v>62</v>
      </c>
      <c r="B10950" t="s">
        <v>69</v>
      </c>
      <c r="C10950" t="s">
        <v>117</v>
      </c>
      <c r="D10950" t="s">
        <v>118</v>
      </c>
      <c r="E10950">
        <v>2018</v>
      </c>
      <c r="F10950">
        <v>2018</v>
      </c>
      <c r="G10950" t="s">
        <v>14</v>
      </c>
      <c r="H10950" t="s">
        <v>123</v>
      </c>
      <c r="I10950" t="s">
        <v>15</v>
      </c>
      <c r="J10950" s="10">
        <v>12.638647479999999</v>
      </c>
    </row>
    <row r="10951" spans="1:10" x14ac:dyDescent="0.35">
      <c r="A10951" t="s">
        <v>62</v>
      </c>
      <c r="B10951" t="s">
        <v>69</v>
      </c>
      <c r="C10951" t="s">
        <v>117</v>
      </c>
      <c r="D10951" t="s">
        <v>118</v>
      </c>
      <c r="E10951">
        <v>2018</v>
      </c>
      <c r="F10951">
        <v>2018</v>
      </c>
      <c r="G10951" t="s">
        <v>14</v>
      </c>
      <c r="H10951" t="s">
        <v>124</v>
      </c>
      <c r="I10951" t="s">
        <v>15</v>
      </c>
      <c r="J10951" s="10">
        <v>1.70190949</v>
      </c>
    </row>
    <row r="10952" spans="1:10" x14ac:dyDescent="0.35">
      <c r="A10952" t="s">
        <v>62</v>
      </c>
      <c r="B10952" t="s">
        <v>69</v>
      </c>
      <c r="C10952" t="s">
        <v>117</v>
      </c>
      <c r="D10952" t="s">
        <v>118</v>
      </c>
      <c r="E10952">
        <v>2018</v>
      </c>
      <c r="F10952">
        <v>2018</v>
      </c>
      <c r="G10952" t="s">
        <v>125</v>
      </c>
      <c r="H10952" t="s">
        <v>119</v>
      </c>
      <c r="I10952" t="s">
        <v>15</v>
      </c>
      <c r="J10952" s="10">
        <v>17.022846380000001</v>
      </c>
    </row>
    <row r="10953" spans="1:10" x14ac:dyDescent="0.35">
      <c r="A10953" t="s">
        <v>62</v>
      </c>
      <c r="B10953" t="s">
        <v>69</v>
      </c>
      <c r="C10953" t="s">
        <v>117</v>
      </c>
      <c r="D10953" t="s">
        <v>118</v>
      </c>
      <c r="E10953">
        <v>2018</v>
      </c>
      <c r="F10953">
        <v>2018</v>
      </c>
      <c r="G10953" t="s">
        <v>125</v>
      </c>
      <c r="H10953" t="s">
        <v>120</v>
      </c>
      <c r="I10953" t="s">
        <v>15</v>
      </c>
      <c r="J10953" s="10">
        <v>12.70035109</v>
      </c>
    </row>
    <row r="10954" spans="1:10" x14ac:dyDescent="0.35">
      <c r="A10954" t="s">
        <v>62</v>
      </c>
      <c r="B10954" t="s">
        <v>69</v>
      </c>
      <c r="C10954" t="s">
        <v>117</v>
      </c>
      <c r="D10954" t="s">
        <v>118</v>
      </c>
      <c r="E10954">
        <v>2018</v>
      </c>
      <c r="F10954">
        <v>2018</v>
      </c>
      <c r="G10954" t="s">
        <v>125</v>
      </c>
      <c r="H10954" t="s">
        <v>121</v>
      </c>
      <c r="I10954" t="s">
        <v>15</v>
      </c>
      <c r="J10954" s="10">
        <v>39.00931156</v>
      </c>
    </row>
    <row r="10955" spans="1:10" x14ac:dyDescent="0.35">
      <c r="A10955" t="s">
        <v>62</v>
      </c>
      <c r="B10955" t="s">
        <v>69</v>
      </c>
      <c r="C10955" t="s">
        <v>117</v>
      </c>
      <c r="D10955" t="s">
        <v>118</v>
      </c>
      <c r="E10955">
        <v>2018</v>
      </c>
      <c r="F10955">
        <v>2018</v>
      </c>
      <c r="G10955" t="s">
        <v>125</v>
      </c>
      <c r="H10955" t="s">
        <v>122</v>
      </c>
      <c r="I10955" t="s">
        <v>15</v>
      </c>
      <c r="J10955" s="10">
        <v>18.628199259999999</v>
      </c>
    </row>
    <row r="10956" spans="1:10" x14ac:dyDescent="0.35">
      <c r="A10956" t="s">
        <v>62</v>
      </c>
      <c r="B10956" t="s">
        <v>69</v>
      </c>
      <c r="C10956" t="s">
        <v>117</v>
      </c>
      <c r="D10956" t="s">
        <v>118</v>
      </c>
      <c r="E10956">
        <v>2018</v>
      </c>
      <c r="F10956">
        <v>2018</v>
      </c>
      <c r="G10956" t="s">
        <v>125</v>
      </c>
      <c r="H10956" t="s">
        <v>123</v>
      </c>
      <c r="I10956" t="s">
        <v>15</v>
      </c>
      <c r="J10956" s="10">
        <v>11.550399430000001</v>
      </c>
    </row>
    <row r="10957" spans="1:10" x14ac:dyDescent="0.35">
      <c r="A10957" t="s">
        <v>62</v>
      </c>
      <c r="B10957" t="s">
        <v>69</v>
      </c>
      <c r="C10957" t="s">
        <v>117</v>
      </c>
      <c r="D10957" t="s">
        <v>118</v>
      </c>
      <c r="E10957">
        <v>2018</v>
      </c>
      <c r="F10957">
        <v>2018</v>
      </c>
      <c r="G10957" t="s">
        <v>125</v>
      </c>
      <c r="H10957" t="s">
        <v>124</v>
      </c>
      <c r="I10957" t="s">
        <v>15</v>
      </c>
      <c r="J10957" s="10">
        <v>1.0888922809999999</v>
      </c>
    </row>
    <row r="10958" spans="1:10" x14ac:dyDescent="0.35">
      <c r="A10958" t="s">
        <v>62</v>
      </c>
      <c r="B10958" t="s">
        <v>69</v>
      </c>
      <c r="C10958" t="s">
        <v>117</v>
      </c>
      <c r="D10958" t="s">
        <v>118</v>
      </c>
      <c r="E10958">
        <v>2018</v>
      </c>
      <c r="F10958">
        <v>2018</v>
      </c>
      <c r="G10958" t="s">
        <v>126</v>
      </c>
      <c r="H10958" t="s">
        <v>119</v>
      </c>
      <c r="I10958" t="s">
        <v>15</v>
      </c>
      <c r="J10958" s="10">
        <v>15.36777906</v>
      </c>
    </row>
    <row r="10959" spans="1:10" x14ac:dyDescent="0.35">
      <c r="A10959" t="s">
        <v>62</v>
      </c>
      <c r="B10959" t="s">
        <v>69</v>
      </c>
      <c r="C10959" t="s">
        <v>117</v>
      </c>
      <c r="D10959" t="s">
        <v>118</v>
      </c>
      <c r="E10959">
        <v>2018</v>
      </c>
      <c r="F10959">
        <v>2018</v>
      </c>
      <c r="G10959" t="s">
        <v>126</v>
      </c>
      <c r="H10959" t="s">
        <v>120</v>
      </c>
      <c r="I10959" t="s">
        <v>15</v>
      </c>
      <c r="J10959" s="10">
        <v>11.57317463</v>
      </c>
    </row>
    <row r="10960" spans="1:10" x14ac:dyDescent="0.35">
      <c r="A10960" t="s">
        <v>62</v>
      </c>
      <c r="B10960" t="s">
        <v>69</v>
      </c>
      <c r="C10960" t="s">
        <v>117</v>
      </c>
      <c r="D10960" t="s">
        <v>118</v>
      </c>
      <c r="E10960">
        <v>2018</v>
      </c>
      <c r="F10960">
        <v>2018</v>
      </c>
      <c r="G10960" t="s">
        <v>126</v>
      </c>
      <c r="H10960" t="s">
        <v>121</v>
      </c>
      <c r="I10960" t="s">
        <v>15</v>
      </c>
      <c r="J10960" s="10">
        <v>37.29188697</v>
      </c>
    </row>
    <row r="10961" spans="1:10" x14ac:dyDescent="0.35">
      <c r="A10961" t="s">
        <v>62</v>
      </c>
      <c r="B10961" t="s">
        <v>69</v>
      </c>
      <c r="C10961" t="s">
        <v>117</v>
      </c>
      <c r="D10961" t="s">
        <v>118</v>
      </c>
      <c r="E10961">
        <v>2018</v>
      </c>
      <c r="F10961">
        <v>2018</v>
      </c>
      <c r="G10961" t="s">
        <v>126</v>
      </c>
      <c r="H10961" t="s">
        <v>122</v>
      </c>
      <c r="I10961" t="s">
        <v>15</v>
      </c>
      <c r="J10961" s="10">
        <v>19.782111499999999</v>
      </c>
    </row>
    <row r="10962" spans="1:10" x14ac:dyDescent="0.35">
      <c r="A10962" t="s">
        <v>62</v>
      </c>
      <c r="B10962" t="s">
        <v>69</v>
      </c>
      <c r="C10962" t="s">
        <v>117</v>
      </c>
      <c r="D10962" t="s">
        <v>118</v>
      </c>
      <c r="E10962">
        <v>2018</v>
      </c>
      <c r="F10962">
        <v>2018</v>
      </c>
      <c r="G10962" t="s">
        <v>126</v>
      </c>
      <c r="H10962" t="s">
        <v>123</v>
      </c>
      <c r="I10962" t="s">
        <v>15</v>
      </c>
      <c r="J10962" s="10">
        <v>13.69057866</v>
      </c>
    </row>
    <row r="10963" spans="1:10" x14ac:dyDescent="0.35">
      <c r="A10963" t="s">
        <v>62</v>
      </c>
      <c r="B10963" t="s">
        <v>69</v>
      </c>
      <c r="C10963" t="s">
        <v>117</v>
      </c>
      <c r="D10963" t="s">
        <v>118</v>
      </c>
      <c r="E10963">
        <v>2018</v>
      </c>
      <c r="F10963">
        <v>2018</v>
      </c>
      <c r="G10963" t="s">
        <v>126</v>
      </c>
      <c r="H10963" t="s">
        <v>124</v>
      </c>
      <c r="I10963" t="s">
        <v>15</v>
      </c>
      <c r="J10963" s="10">
        <v>2.294469173</v>
      </c>
    </row>
    <row r="10964" spans="1:10" x14ac:dyDescent="0.35">
      <c r="A10964" t="s">
        <v>62</v>
      </c>
      <c r="B10964" t="s">
        <v>69</v>
      </c>
      <c r="C10964" t="s">
        <v>117</v>
      </c>
      <c r="D10964" t="s">
        <v>118</v>
      </c>
      <c r="E10964">
        <v>2017</v>
      </c>
      <c r="F10964">
        <v>2017</v>
      </c>
      <c r="G10964" t="s">
        <v>14</v>
      </c>
      <c r="H10964" t="s">
        <v>119</v>
      </c>
      <c r="I10964" t="s">
        <v>15</v>
      </c>
      <c r="J10964" s="10">
        <v>16.055429010000001</v>
      </c>
    </row>
    <row r="10965" spans="1:10" x14ac:dyDescent="0.35">
      <c r="A10965" t="s">
        <v>62</v>
      </c>
      <c r="B10965" t="s">
        <v>69</v>
      </c>
      <c r="C10965" t="s">
        <v>117</v>
      </c>
      <c r="D10965" t="s">
        <v>118</v>
      </c>
      <c r="E10965">
        <v>2017</v>
      </c>
      <c r="F10965">
        <v>2017</v>
      </c>
      <c r="G10965" t="s">
        <v>14</v>
      </c>
      <c r="H10965" t="s">
        <v>120</v>
      </c>
      <c r="I10965" t="s">
        <v>15</v>
      </c>
      <c r="J10965" s="10">
        <v>12.52088079</v>
      </c>
    </row>
    <row r="10966" spans="1:10" x14ac:dyDescent="0.35">
      <c r="A10966" t="s">
        <v>62</v>
      </c>
      <c r="B10966" t="s">
        <v>69</v>
      </c>
      <c r="C10966" t="s">
        <v>117</v>
      </c>
      <c r="D10966" t="s">
        <v>118</v>
      </c>
      <c r="E10966">
        <v>2017</v>
      </c>
      <c r="F10966">
        <v>2017</v>
      </c>
      <c r="G10966" t="s">
        <v>14</v>
      </c>
      <c r="H10966" t="s">
        <v>121</v>
      </c>
      <c r="I10966" t="s">
        <v>15</v>
      </c>
      <c r="J10966" s="10">
        <v>37.919514049999997</v>
      </c>
    </row>
    <row r="10967" spans="1:10" x14ac:dyDescent="0.35">
      <c r="A10967" t="s">
        <v>62</v>
      </c>
      <c r="B10967" t="s">
        <v>69</v>
      </c>
      <c r="C10967" t="s">
        <v>117</v>
      </c>
      <c r="D10967" t="s">
        <v>118</v>
      </c>
      <c r="E10967">
        <v>2017</v>
      </c>
      <c r="F10967">
        <v>2017</v>
      </c>
      <c r="G10967" t="s">
        <v>14</v>
      </c>
      <c r="H10967" t="s">
        <v>122</v>
      </c>
      <c r="I10967" t="s">
        <v>15</v>
      </c>
      <c r="J10967" s="10">
        <v>19.092634780000001</v>
      </c>
    </row>
    <row r="10968" spans="1:10" x14ac:dyDescent="0.35">
      <c r="A10968" t="s">
        <v>62</v>
      </c>
      <c r="B10968" t="s">
        <v>69</v>
      </c>
      <c r="C10968" t="s">
        <v>117</v>
      </c>
      <c r="D10968" t="s">
        <v>118</v>
      </c>
      <c r="E10968">
        <v>2017</v>
      </c>
      <c r="F10968">
        <v>2017</v>
      </c>
      <c r="G10968" t="s">
        <v>14</v>
      </c>
      <c r="H10968" t="s">
        <v>123</v>
      </c>
      <c r="I10968" t="s">
        <v>15</v>
      </c>
      <c r="J10968" s="10">
        <v>12.703113139999999</v>
      </c>
    </row>
    <row r="10969" spans="1:10" x14ac:dyDescent="0.35">
      <c r="A10969" t="s">
        <v>62</v>
      </c>
      <c r="B10969" t="s">
        <v>69</v>
      </c>
      <c r="C10969" t="s">
        <v>117</v>
      </c>
      <c r="D10969" t="s">
        <v>118</v>
      </c>
      <c r="E10969">
        <v>2017</v>
      </c>
      <c r="F10969">
        <v>2017</v>
      </c>
      <c r="G10969" t="s">
        <v>14</v>
      </c>
      <c r="H10969" t="s">
        <v>124</v>
      </c>
      <c r="I10969" t="s">
        <v>15</v>
      </c>
      <c r="J10969" s="10">
        <v>1.708428246</v>
      </c>
    </row>
    <row r="10970" spans="1:10" x14ac:dyDescent="0.35">
      <c r="A10970" t="s">
        <v>62</v>
      </c>
      <c r="B10970" t="s">
        <v>69</v>
      </c>
      <c r="C10970" t="s">
        <v>117</v>
      </c>
      <c r="D10970" t="s">
        <v>118</v>
      </c>
      <c r="E10970">
        <v>2017</v>
      </c>
      <c r="F10970">
        <v>2017</v>
      </c>
      <c r="G10970" t="s">
        <v>125</v>
      </c>
      <c r="H10970" t="s">
        <v>119</v>
      </c>
      <c r="I10970" t="s">
        <v>15</v>
      </c>
      <c r="J10970" s="10">
        <v>17.011559500000001</v>
      </c>
    </row>
    <row r="10971" spans="1:10" x14ac:dyDescent="0.35">
      <c r="A10971" t="s">
        <v>62</v>
      </c>
      <c r="B10971" t="s">
        <v>69</v>
      </c>
      <c r="C10971" t="s">
        <v>117</v>
      </c>
      <c r="D10971" t="s">
        <v>118</v>
      </c>
      <c r="E10971">
        <v>2017</v>
      </c>
      <c r="F10971">
        <v>2017</v>
      </c>
      <c r="G10971" t="s">
        <v>125</v>
      </c>
      <c r="H10971" t="s">
        <v>120</v>
      </c>
      <c r="I10971" t="s">
        <v>15</v>
      </c>
      <c r="J10971" s="10">
        <v>12.942512130000001</v>
      </c>
    </row>
    <row r="10972" spans="1:10" x14ac:dyDescent="0.35">
      <c r="A10972" t="s">
        <v>62</v>
      </c>
      <c r="B10972" t="s">
        <v>69</v>
      </c>
      <c r="C10972" t="s">
        <v>117</v>
      </c>
      <c r="D10972" t="s">
        <v>118</v>
      </c>
      <c r="E10972">
        <v>2017</v>
      </c>
      <c r="F10972">
        <v>2017</v>
      </c>
      <c r="G10972" t="s">
        <v>125</v>
      </c>
      <c r="H10972" t="s">
        <v>121</v>
      </c>
      <c r="I10972" t="s">
        <v>15</v>
      </c>
      <c r="J10972" s="10">
        <v>38.667561149999997</v>
      </c>
    </row>
    <row r="10973" spans="1:10" x14ac:dyDescent="0.35">
      <c r="A10973" t="s">
        <v>62</v>
      </c>
      <c r="B10973" t="s">
        <v>69</v>
      </c>
      <c r="C10973" t="s">
        <v>117</v>
      </c>
      <c r="D10973" t="s">
        <v>118</v>
      </c>
      <c r="E10973">
        <v>2017</v>
      </c>
      <c r="F10973">
        <v>2017</v>
      </c>
      <c r="G10973" t="s">
        <v>125</v>
      </c>
      <c r="H10973" t="s">
        <v>122</v>
      </c>
      <c r="I10973" t="s">
        <v>15</v>
      </c>
      <c r="J10973" s="10">
        <v>18.65775622</v>
      </c>
    </row>
    <row r="10974" spans="1:10" x14ac:dyDescent="0.35">
      <c r="A10974" t="s">
        <v>62</v>
      </c>
      <c r="B10974" t="s">
        <v>69</v>
      </c>
      <c r="C10974" t="s">
        <v>117</v>
      </c>
      <c r="D10974" t="s">
        <v>118</v>
      </c>
      <c r="E10974">
        <v>2017</v>
      </c>
      <c r="F10974">
        <v>2017</v>
      </c>
      <c r="G10974" t="s">
        <v>125</v>
      </c>
      <c r="H10974" t="s">
        <v>123</v>
      </c>
      <c r="I10974" t="s">
        <v>15</v>
      </c>
      <c r="J10974" s="10">
        <v>11.654969550000001</v>
      </c>
    </row>
    <row r="10975" spans="1:10" x14ac:dyDescent="0.35">
      <c r="A10975" t="s">
        <v>62</v>
      </c>
      <c r="B10975" t="s">
        <v>69</v>
      </c>
      <c r="C10975" t="s">
        <v>117</v>
      </c>
      <c r="D10975" t="s">
        <v>118</v>
      </c>
      <c r="E10975">
        <v>2017</v>
      </c>
      <c r="F10975">
        <v>2017</v>
      </c>
      <c r="G10975" t="s">
        <v>125</v>
      </c>
      <c r="H10975" t="s">
        <v>124</v>
      </c>
      <c r="I10975" t="s">
        <v>15</v>
      </c>
      <c r="J10975" s="10">
        <v>1.0656414489999999</v>
      </c>
    </row>
    <row r="10976" spans="1:10" x14ac:dyDescent="0.35">
      <c r="A10976" t="s">
        <v>62</v>
      </c>
      <c r="B10976" t="s">
        <v>69</v>
      </c>
      <c r="C10976" t="s">
        <v>117</v>
      </c>
      <c r="D10976" t="s">
        <v>118</v>
      </c>
      <c r="E10976">
        <v>2017</v>
      </c>
      <c r="F10976">
        <v>2017</v>
      </c>
      <c r="G10976" t="s">
        <v>126</v>
      </c>
      <c r="H10976" t="s">
        <v>119</v>
      </c>
      <c r="I10976" t="s">
        <v>15</v>
      </c>
      <c r="J10976" s="10">
        <v>15.13510829</v>
      </c>
    </row>
    <row r="10977" spans="1:10" x14ac:dyDescent="0.35">
      <c r="A10977" t="s">
        <v>62</v>
      </c>
      <c r="B10977" t="s">
        <v>69</v>
      </c>
      <c r="C10977" t="s">
        <v>117</v>
      </c>
      <c r="D10977" t="s">
        <v>118</v>
      </c>
      <c r="E10977">
        <v>2017</v>
      </c>
      <c r="F10977">
        <v>2017</v>
      </c>
      <c r="G10977" t="s">
        <v>126</v>
      </c>
      <c r="H10977" t="s">
        <v>120</v>
      </c>
      <c r="I10977" t="s">
        <v>15</v>
      </c>
      <c r="J10977" s="10">
        <v>12.11504073</v>
      </c>
    </row>
    <row r="10978" spans="1:10" x14ac:dyDescent="0.35">
      <c r="A10978" t="s">
        <v>62</v>
      </c>
      <c r="B10978" t="s">
        <v>69</v>
      </c>
      <c r="C10978" t="s">
        <v>117</v>
      </c>
      <c r="D10978" t="s">
        <v>118</v>
      </c>
      <c r="E10978">
        <v>2017</v>
      </c>
      <c r="F10978">
        <v>2017</v>
      </c>
      <c r="G10978" t="s">
        <v>126</v>
      </c>
      <c r="H10978" t="s">
        <v>121</v>
      </c>
      <c r="I10978" t="s">
        <v>15</v>
      </c>
      <c r="J10978" s="10">
        <v>37.199483409999999</v>
      </c>
    </row>
    <row r="10979" spans="1:10" x14ac:dyDescent="0.35">
      <c r="A10979" t="s">
        <v>62</v>
      </c>
      <c r="B10979" t="s">
        <v>69</v>
      </c>
      <c r="C10979" t="s">
        <v>117</v>
      </c>
      <c r="D10979" t="s">
        <v>118</v>
      </c>
      <c r="E10979">
        <v>2017</v>
      </c>
      <c r="F10979">
        <v>2017</v>
      </c>
      <c r="G10979" t="s">
        <v>126</v>
      </c>
      <c r="H10979" t="s">
        <v>122</v>
      </c>
      <c r="I10979" t="s">
        <v>15</v>
      </c>
      <c r="J10979" s="10">
        <v>19.51122591</v>
      </c>
    </row>
    <row r="10980" spans="1:10" x14ac:dyDescent="0.35">
      <c r="A10980" t="s">
        <v>62</v>
      </c>
      <c r="B10980" t="s">
        <v>69</v>
      </c>
      <c r="C10980" t="s">
        <v>117</v>
      </c>
      <c r="D10980" t="s">
        <v>118</v>
      </c>
      <c r="E10980">
        <v>2017</v>
      </c>
      <c r="F10980">
        <v>2017</v>
      </c>
      <c r="G10980" t="s">
        <v>126</v>
      </c>
      <c r="H10980" t="s">
        <v>123</v>
      </c>
      <c r="I10980" t="s">
        <v>15</v>
      </c>
      <c r="J10980" s="10">
        <v>13.712000789999999</v>
      </c>
    </row>
    <row r="10981" spans="1:10" x14ac:dyDescent="0.35">
      <c r="A10981" t="s">
        <v>62</v>
      </c>
      <c r="B10981" t="s">
        <v>69</v>
      </c>
      <c r="C10981" t="s">
        <v>117</v>
      </c>
      <c r="D10981" t="s">
        <v>118</v>
      </c>
      <c r="E10981">
        <v>2017</v>
      </c>
      <c r="F10981">
        <v>2017</v>
      </c>
      <c r="G10981" t="s">
        <v>126</v>
      </c>
      <c r="H10981" t="s">
        <v>124</v>
      </c>
      <c r="I10981" t="s">
        <v>15</v>
      </c>
      <c r="J10981" s="10">
        <v>2.32714087</v>
      </c>
    </row>
    <row r="10982" spans="1:10" x14ac:dyDescent="0.35">
      <c r="A10982" t="s">
        <v>62</v>
      </c>
      <c r="B10982" t="s">
        <v>69</v>
      </c>
      <c r="C10982" t="s">
        <v>117</v>
      </c>
      <c r="D10982" t="s">
        <v>118</v>
      </c>
      <c r="E10982">
        <v>2016</v>
      </c>
      <c r="F10982">
        <v>2016</v>
      </c>
      <c r="G10982" t="s">
        <v>14</v>
      </c>
      <c r="H10982" t="s">
        <v>119</v>
      </c>
      <c r="I10982" t="s">
        <v>15</v>
      </c>
      <c r="J10982" s="10">
        <v>15.925142599999999</v>
      </c>
    </row>
    <row r="10983" spans="1:10" x14ac:dyDescent="0.35">
      <c r="A10983" t="s">
        <v>62</v>
      </c>
      <c r="B10983" t="s">
        <v>69</v>
      </c>
      <c r="C10983" t="s">
        <v>117</v>
      </c>
      <c r="D10983" t="s">
        <v>118</v>
      </c>
      <c r="E10983">
        <v>2016</v>
      </c>
      <c r="F10983">
        <v>2016</v>
      </c>
      <c r="G10983" t="s">
        <v>14</v>
      </c>
      <c r="H10983" t="s">
        <v>120</v>
      </c>
      <c r="I10983" t="s">
        <v>15</v>
      </c>
      <c r="J10983" s="10">
        <v>13.315388069999999</v>
      </c>
    </row>
    <row r="10984" spans="1:10" x14ac:dyDescent="0.35">
      <c r="A10984" t="s">
        <v>62</v>
      </c>
      <c r="B10984" t="s">
        <v>69</v>
      </c>
      <c r="C10984" t="s">
        <v>117</v>
      </c>
      <c r="D10984" t="s">
        <v>118</v>
      </c>
      <c r="E10984">
        <v>2016</v>
      </c>
      <c r="F10984">
        <v>2016</v>
      </c>
      <c r="G10984" t="s">
        <v>14</v>
      </c>
      <c r="H10984" t="s">
        <v>121</v>
      </c>
      <c r="I10984" t="s">
        <v>15</v>
      </c>
      <c r="J10984" s="10">
        <v>37.142857139999997</v>
      </c>
    </row>
    <row r="10985" spans="1:10" x14ac:dyDescent="0.35">
      <c r="A10985" t="s">
        <v>62</v>
      </c>
      <c r="B10985" t="s">
        <v>69</v>
      </c>
      <c r="C10985" t="s">
        <v>117</v>
      </c>
      <c r="D10985" t="s">
        <v>118</v>
      </c>
      <c r="E10985">
        <v>2016</v>
      </c>
      <c r="F10985">
        <v>2016</v>
      </c>
      <c r="G10985" t="s">
        <v>14</v>
      </c>
      <c r="H10985" t="s">
        <v>122</v>
      </c>
      <c r="I10985" t="s">
        <v>15</v>
      </c>
      <c r="J10985" s="10">
        <v>19.080945969999998</v>
      </c>
    </row>
    <row r="10986" spans="1:10" x14ac:dyDescent="0.35">
      <c r="A10986" t="s">
        <v>62</v>
      </c>
      <c r="B10986" t="s">
        <v>69</v>
      </c>
      <c r="C10986" t="s">
        <v>117</v>
      </c>
      <c r="D10986" t="s">
        <v>118</v>
      </c>
      <c r="E10986">
        <v>2016</v>
      </c>
      <c r="F10986">
        <v>2016</v>
      </c>
      <c r="G10986" t="s">
        <v>14</v>
      </c>
      <c r="H10986" t="s">
        <v>123</v>
      </c>
      <c r="I10986" t="s">
        <v>15</v>
      </c>
      <c r="J10986" s="10">
        <v>12.94494648</v>
      </c>
    </row>
    <row r="10987" spans="1:10" x14ac:dyDescent="0.35">
      <c r="A10987" t="s">
        <v>62</v>
      </c>
      <c r="B10987" t="s">
        <v>69</v>
      </c>
      <c r="C10987" t="s">
        <v>117</v>
      </c>
      <c r="D10987" t="s">
        <v>118</v>
      </c>
      <c r="E10987">
        <v>2016</v>
      </c>
      <c r="F10987">
        <v>2016</v>
      </c>
      <c r="G10987" t="s">
        <v>14</v>
      </c>
      <c r="H10987" t="s">
        <v>124</v>
      </c>
      <c r="I10987" t="s">
        <v>15</v>
      </c>
      <c r="J10987" s="10">
        <v>1.590719733</v>
      </c>
    </row>
    <row r="10988" spans="1:10" x14ac:dyDescent="0.35">
      <c r="A10988" t="s">
        <v>62</v>
      </c>
      <c r="B10988" t="s">
        <v>69</v>
      </c>
      <c r="C10988" t="s">
        <v>117</v>
      </c>
      <c r="D10988" t="s">
        <v>118</v>
      </c>
      <c r="E10988">
        <v>2016</v>
      </c>
      <c r="F10988">
        <v>2016</v>
      </c>
      <c r="G10988" t="s">
        <v>125</v>
      </c>
      <c r="H10988" t="s">
        <v>119</v>
      </c>
      <c r="I10988" t="s">
        <v>15</v>
      </c>
      <c r="J10988" s="10">
        <v>16.82047528</v>
      </c>
    </row>
    <row r="10989" spans="1:10" x14ac:dyDescent="0.35">
      <c r="A10989" t="s">
        <v>62</v>
      </c>
      <c r="B10989" t="s">
        <v>69</v>
      </c>
      <c r="C10989" t="s">
        <v>117</v>
      </c>
      <c r="D10989" t="s">
        <v>118</v>
      </c>
      <c r="E10989">
        <v>2016</v>
      </c>
      <c r="F10989">
        <v>2016</v>
      </c>
      <c r="G10989" t="s">
        <v>125</v>
      </c>
      <c r="H10989" t="s">
        <v>120</v>
      </c>
      <c r="I10989" t="s">
        <v>15</v>
      </c>
      <c r="J10989" s="10">
        <v>13.685916710000001</v>
      </c>
    </row>
    <row r="10990" spans="1:10" x14ac:dyDescent="0.35">
      <c r="A10990" t="s">
        <v>62</v>
      </c>
      <c r="B10990" t="s">
        <v>69</v>
      </c>
      <c r="C10990" t="s">
        <v>117</v>
      </c>
      <c r="D10990" t="s">
        <v>118</v>
      </c>
      <c r="E10990">
        <v>2016</v>
      </c>
      <c r="F10990">
        <v>2016</v>
      </c>
      <c r="G10990" t="s">
        <v>125</v>
      </c>
      <c r="H10990" t="s">
        <v>121</v>
      </c>
      <c r="I10990" t="s">
        <v>15</v>
      </c>
      <c r="J10990" s="10">
        <v>37.993777940000001</v>
      </c>
    </row>
    <row r="10991" spans="1:10" x14ac:dyDescent="0.35">
      <c r="A10991" t="s">
        <v>62</v>
      </c>
      <c r="B10991" t="s">
        <v>69</v>
      </c>
      <c r="C10991" t="s">
        <v>117</v>
      </c>
      <c r="D10991" t="s">
        <v>118</v>
      </c>
      <c r="E10991">
        <v>2016</v>
      </c>
      <c r="F10991">
        <v>2016</v>
      </c>
      <c r="G10991" t="s">
        <v>125</v>
      </c>
      <c r="H10991" t="s">
        <v>122</v>
      </c>
      <c r="I10991" t="s">
        <v>15</v>
      </c>
      <c r="J10991" s="10">
        <v>18.658335730000001</v>
      </c>
    </row>
    <row r="10992" spans="1:10" x14ac:dyDescent="0.35">
      <c r="A10992" t="s">
        <v>62</v>
      </c>
      <c r="B10992" t="s">
        <v>69</v>
      </c>
      <c r="C10992" t="s">
        <v>117</v>
      </c>
      <c r="D10992" t="s">
        <v>118</v>
      </c>
      <c r="E10992">
        <v>2016</v>
      </c>
      <c r="F10992">
        <v>2016</v>
      </c>
      <c r="G10992" t="s">
        <v>125</v>
      </c>
      <c r="H10992" t="s">
        <v>123</v>
      </c>
      <c r="I10992" t="s">
        <v>15</v>
      </c>
      <c r="J10992" s="10">
        <v>11.824527460000001</v>
      </c>
    </row>
    <row r="10993" spans="1:10" x14ac:dyDescent="0.35">
      <c r="A10993" t="s">
        <v>62</v>
      </c>
      <c r="B10993" t="s">
        <v>69</v>
      </c>
      <c r="C10993" t="s">
        <v>117</v>
      </c>
      <c r="D10993" t="s">
        <v>118</v>
      </c>
      <c r="E10993">
        <v>2016</v>
      </c>
      <c r="F10993">
        <v>2016</v>
      </c>
      <c r="G10993" t="s">
        <v>125</v>
      </c>
      <c r="H10993" t="s">
        <v>124</v>
      </c>
      <c r="I10993" t="s">
        <v>15</v>
      </c>
      <c r="J10993" s="10">
        <v>1.016966877</v>
      </c>
    </row>
    <row r="10994" spans="1:10" x14ac:dyDescent="0.35">
      <c r="A10994" t="s">
        <v>62</v>
      </c>
      <c r="B10994" t="s">
        <v>69</v>
      </c>
      <c r="C10994" t="s">
        <v>117</v>
      </c>
      <c r="D10994" t="s">
        <v>118</v>
      </c>
      <c r="E10994">
        <v>2016</v>
      </c>
      <c r="F10994">
        <v>2016</v>
      </c>
      <c r="G10994" t="s">
        <v>126</v>
      </c>
      <c r="H10994" t="s">
        <v>119</v>
      </c>
      <c r="I10994" t="s">
        <v>15</v>
      </c>
      <c r="J10994" s="10">
        <v>15.06387687</v>
      </c>
    </row>
    <row r="10995" spans="1:10" x14ac:dyDescent="0.35">
      <c r="A10995" t="s">
        <v>62</v>
      </c>
      <c r="B10995" t="s">
        <v>69</v>
      </c>
      <c r="C10995" t="s">
        <v>117</v>
      </c>
      <c r="D10995" t="s">
        <v>118</v>
      </c>
      <c r="E10995">
        <v>2016</v>
      </c>
      <c r="F10995">
        <v>2016</v>
      </c>
      <c r="G10995" t="s">
        <v>126</v>
      </c>
      <c r="H10995" t="s">
        <v>120</v>
      </c>
      <c r="I10995" t="s">
        <v>15</v>
      </c>
      <c r="J10995" s="10">
        <v>12.958957849999999</v>
      </c>
    </row>
    <row r="10996" spans="1:10" x14ac:dyDescent="0.35">
      <c r="A10996" t="s">
        <v>62</v>
      </c>
      <c r="B10996" t="s">
        <v>69</v>
      </c>
      <c r="C10996" t="s">
        <v>117</v>
      </c>
      <c r="D10996" t="s">
        <v>118</v>
      </c>
      <c r="E10996">
        <v>2016</v>
      </c>
      <c r="F10996">
        <v>2016</v>
      </c>
      <c r="G10996" t="s">
        <v>126</v>
      </c>
      <c r="H10996" t="s">
        <v>121</v>
      </c>
      <c r="I10996" t="s">
        <v>15</v>
      </c>
      <c r="J10996" s="10">
        <v>36.324313449999998</v>
      </c>
    </row>
    <row r="10997" spans="1:10" x14ac:dyDescent="0.35">
      <c r="A10997" t="s">
        <v>62</v>
      </c>
      <c r="B10997" t="s">
        <v>69</v>
      </c>
      <c r="C10997" t="s">
        <v>117</v>
      </c>
      <c r="D10997" t="s">
        <v>118</v>
      </c>
      <c r="E10997">
        <v>2016</v>
      </c>
      <c r="F10997">
        <v>2016</v>
      </c>
      <c r="G10997" t="s">
        <v>126</v>
      </c>
      <c r="H10997" t="s">
        <v>122</v>
      </c>
      <c r="I10997" t="s">
        <v>15</v>
      </c>
      <c r="J10997" s="10">
        <v>19.487476109999999</v>
      </c>
    </row>
    <row r="10998" spans="1:10" x14ac:dyDescent="0.35">
      <c r="A10998" t="s">
        <v>62</v>
      </c>
      <c r="B10998" t="s">
        <v>69</v>
      </c>
      <c r="C10998" t="s">
        <v>117</v>
      </c>
      <c r="D10998" t="s">
        <v>118</v>
      </c>
      <c r="E10998">
        <v>2016</v>
      </c>
      <c r="F10998">
        <v>2016</v>
      </c>
      <c r="G10998" t="s">
        <v>126</v>
      </c>
      <c r="H10998" t="s">
        <v>123</v>
      </c>
      <c r="I10998" t="s">
        <v>15</v>
      </c>
      <c r="J10998" s="10">
        <v>14.02273413</v>
      </c>
    </row>
    <row r="10999" spans="1:10" x14ac:dyDescent="0.35">
      <c r="A10999" t="s">
        <v>62</v>
      </c>
      <c r="B10999" t="s">
        <v>69</v>
      </c>
      <c r="C10999" t="s">
        <v>117</v>
      </c>
      <c r="D10999" t="s">
        <v>118</v>
      </c>
      <c r="E10999">
        <v>2016</v>
      </c>
      <c r="F10999">
        <v>2016</v>
      </c>
      <c r="G10999" t="s">
        <v>126</v>
      </c>
      <c r="H10999" t="s">
        <v>124</v>
      </c>
      <c r="I10999" t="s">
        <v>15</v>
      </c>
      <c r="J10999" s="10">
        <v>2.1426415849999998</v>
      </c>
    </row>
    <row r="11000" spans="1:10" x14ac:dyDescent="0.35">
      <c r="A11000" t="s">
        <v>62</v>
      </c>
      <c r="B11000" t="s">
        <v>69</v>
      </c>
      <c r="C11000" t="s">
        <v>117</v>
      </c>
      <c r="D11000" t="s">
        <v>118</v>
      </c>
      <c r="E11000">
        <v>2015</v>
      </c>
      <c r="F11000">
        <v>2015</v>
      </c>
      <c r="G11000" t="s">
        <v>14</v>
      </c>
      <c r="H11000" t="s">
        <v>119</v>
      </c>
      <c r="I11000" t="s">
        <v>15</v>
      </c>
      <c r="J11000" s="10">
        <v>15.970322039999999</v>
      </c>
    </row>
    <row r="11001" spans="1:10" x14ac:dyDescent="0.35">
      <c r="A11001" t="s">
        <v>62</v>
      </c>
      <c r="B11001" t="s">
        <v>69</v>
      </c>
      <c r="C11001" t="s">
        <v>117</v>
      </c>
      <c r="D11001" t="s">
        <v>118</v>
      </c>
      <c r="E11001">
        <v>2015</v>
      </c>
      <c r="F11001">
        <v>2015</v>
      </c>
      <c r="G11001" t="s">
        <v>14</v>
      </c>
      <c r="H11001" t="s">
        <v>120</v>
      </c>
      <c r="I11001" t="s">
        <v>15</v>
      </c>
      <c r="J11001" s="10">
        <v>13.452431069999999</v>
      </c>
    </row>
    <row r="11002" spans="1:10" x14ac:dyDescent="0.35">
      <c r="A11002" t="s">
        <v>62</v>
      </c>
      <c r="B11002" t="s">
        <v>69</v>
      </c>
      <c r="C11002" t="s">
        <v>117</v>
      </c>
      <c r="D11002" t="s">
        <v>118</v>
      </c>
      <c r="E11002">
        <v>2015</v>
      </c>
      <c r="F11002">
        <v>2015</v>
      </c>
      <c r="G11002" t="s">
        <v>14</v>
      </c>
      <c r="H11002" t="s">
        <v>121</v>
      </c>
      <c r="I11002" t="s">
        <v>15</v>
      </c>
      <c r="J11002" s="10">
        <v>36.473900229999998</v>
      </c>
    </row>
    <row r="11003" spans="1:10" x14ac:dyDescent="0.35">
      <c r="A11003" t="s">
        <v>62</v>
      </c>
      <c r="B11003" t="s">
        <v>69</v>
      </c>
      <c r="C11003" t="s">
        <v>117</v>
      </c>
      <c r="D11003" t="s">
        <v>118</v>
      </c>
      <c r="E11003">
        <v>2015</v>
      </c>
      <c r="F11003">
        <v>2015</v>
      </c>
      <c r="G11003" t="s">
        <v>14</v>
      </c>
      <c r="H11003" t="s">
        <v>122</v>
      </c>
      <c r="I11003" t="s">
        <v>15</v>
      </c>
      <c r="J11003" s="10">
        <v>19.263049880000001</v>
      </c>
    </row>
    <row r="11004" spans="1:10" x14ac:dyDescent="0.35">
      <c r="A11004" t="s">
        <v>62</v>
      </c>
      <c r="B11004" t="s">
        <v>69</v>
      </c>
      <c r="C11004" t="s">
        <v>117</v>
      </c>
      <c r="D11004" t="s">
        <v>118</v>
      </c>
      <c r="E11004">
        <v>2015</v>
      </c>
      <c r="F11004">
        <v>2015</v>
      </c>
      <c r="G11004" t="s">
        <v>14</v>
      </c>
      <c r="H11004" t="s">
        <v>123</v>
      </c>
      <c r="I11004" t="s">
        <v>15</v>
      </c>
      <c r="J11004" s="10">
        <v>13.222216380000001</v>
      </c>
    </row>
    <row r="11005" spans="1:10" x14ac:dyDescent="0.35">
      <c r="A11005" t="s">
        <v>62</v>
      </c>
      <c r="B11005" t="s">
        <v>69</v>
      </c>
      <c r="C11005" t="s">
        <v>117</v>
      </c>
      <c r="D11005" t="s">
        <v>118</v>
      </c>
      <c r="E11005">
        <v>2015</v>
      </c>
      <c r="F11005">
        <v>2015</v>
      </c>
      <c r="G11005" t="s">
        <v>14</v>
      </c>
      <c r="H11005" t="s">
        <v>124</v>
      </c>
      <c r="I11005" t="s">
        <v>15</v>
      </c>
      <c r="J11005" s="10">
        <v>1.6180804040000001</v>
      </c>
    </row>
    <row r="11006" spans="1:10" x14ac:dyDescent="0.35">
      <c r="A11006" t="s">
        <v>62</v>
      </c>
      <c r="B11006" t="s">
        <v>69</v>
      </c>
      <c r="C11006" t="s">
        <v>117</v>
      </c>
      <c r="D11006" t="s">
        <v>118</v>
      </c>
      <c r="E11006">
        <v>2015</v>
      </c>
      <c r="F11006">
        <v>2015</v>
      </c>
      <c r="G11006" t="s">
        <v>125</v>
      </c>
      <c r="H11006" t="s">
        <v>119</v>
      </c>
      <c r="I11006" t="s">
        <v>15</v>
      </c>
      <c r="J11006" s="10">
        <v>16.89114416</v>
      </c>
    </row>
    <row r="11007" spans="1:10" x14ac:dyDescent="0.35">
      <c r="A11007" t="s">
        <v>62</v>
      </c>
      <c r="B11007" t="s">
        <v>69</v>
      </c>
      <c r="C11007" t="s">
        <v>117</v>
      </c>
      <c r="D11007" t="s">
        <v>118</v>
      </c>
      <c r="E11007">
        <v>2015</v>
      </c>
      <c r="F11007">
        <v>2015</v>
      </c>
      <c r="G11007" t="s">
        <v>125</v>
      </c>
      <c r="H11007" t="s">
        <v>120</v>
      </c>
      <c r="I11007" t="s">
        <v>15</v>
      </c>
      <c r="J11007" s="10">
        <v>13.72776593</v>
      </c>
    </row>
    <row r="11008" spans="1:10" x14ac:dyDescent="0.35">
      <c r="A11008" t="s">
        <v>62</v>
      </c>
      <c r="B11008" t="s">
        <v>69</v>
      </c>
      <c r="C11008" t="s">
        <v>117</v>
      </c>
      <c r="D11008" t="s">
        <v>118</v>
      </c>
      <c r="E11008">
        <v>2015</v>
      </c>
      <c r="F11008">
        <v>2015</v>
      </c>
      <c r="G11008" t="s">
        <v>125</v>
      </c>
      <c r="H11008" t="s">
        <v>121</v>
      </c>
      <c r="I11008" t="s">
        <v>15</v>
      </c>
      <c r="J11008" s="10">
        <v>37.234473270000002</v>
      </c>
    </row>
    <row r="11009" spans="1:10" x14ac:dyDescent="0.35">
      <c r="A11009" t="s">
        <v>62</v>
      </c>
      <c r="B11009" t="s">
        <v>69</v>
      </c>
      <c r="C11009" t="s">
        <v>117</v>
      </c>
      <c r="D11009" t="s">
        <v>118</v>
      </c>
      <c r="E11009">
        <v>2015</v>
      </c>
      <c r="F11009">
        <v>2015</v>
      </c>
      <c r="G11009" t="s">
        <v>125</v>
      </c>
      <c r="H11009" t="s">
        <v>122</v>
      </c>
      <c r="I11009" t="s">
        <v>15</v>
      </c>
      <c r="J11009" s="10">
        <v>19.0018624</v>
      </c>
    </row>
    <row r="11010" spans="1:10" x14ac:dyDescent="0.35">
      <c r="A11010" t="s">
        <v>62</v>
      </c>
      <c r="B11010" t="s">
        <v>69</v>
      </c>
      <c r="C11010" t="s">
        <v>117</v>
      </c>
      <c r="D11010" t="s">
        <v>118</v>
      </c>
      <c r="E11010">
        <v>2015</v>
      </c>
      <c r="F11010">
        <v>2015</v>
      </c>
      <c r="G11010" t="s">
        <v>125</v>
      </c>
      <c r="H11010" t="s">
        <v>123</v>
      </c>
      <c r="I11010" t="s">
        <v>15</v>
      </c>
      <c r="J11010" s="10">
        <v>12.129882050000001</v>
      </c>
    </row>
    <row r="11011" spans="1:10" x14ac:dyDescent="0.35">
      <c r="A11011" t="s">
        <v>62</v>
      </c>
      <c r="B11011" t="s">
        <v>69</v>
      </c>
      <c r="C11011" t="s">
        <v>117</v>
      </c>
      <c r="D11011" t="s">
        <v>118</v>
      </c>
      <c r="E11011">
        <v>2015</v>
      </c>
      <c r="F11011">
        <v>2015</v>
      </c>
      <c r="G11011" t="s">
        <v>125</v>
      </c>
      <c r="H11011" t="s">
        <v>124</v>
      </c>
      <c r="I11011" t="s">
        <v>15</v>
      </c>
      <c r="J11011" s="10">
        <v>1.014872196</v>
      </c>
    </row>
    <row r="11012" spans="1:10" x14ac:dyDescent="0.35">
      <c r="A11012" t="s">
        <v>62</v>
      </c>
      <c r="B11012" t="s">
        <v>69</v>
      </c>
      <c r="C11012" t="s">
        <v>117</v>
      </c>
      <c r="D11012" t="s">
        <v>118</v>
      </c>
      <c r="E11012">
        <v>2015</v>
      </c>
      <c r="F11012">
        <v>2015</v>
      </c>
      <c r="G11012" t="s">
        <v>126</v>
      </c>
      <c r="H11012" t="s">
        <v>119</v>
      </c>
      <c r="I11012" t="s">
        <v>15</v>
      </c>
      <c r="J11012" s="10">
        <v>15.094823829999999</v>
      </c>
    </row>
    <row r="11013" spans="1:10" x14ac:dyDescent="0.35">
      <c r="A11013" t="s">
        <v>62</v>
      </c>
      <c r="B11013" t="s">
        <v>69</v>
      </c>
      <c r="C11013" t="s">
        <v>117</v>
      </c>
      <c r="D11013" t="s">
        <v>118</v>
      </c>
      <c r="E11013">
        <v>2015</v>
      </c>
      <c r="F11013">
        <v>2015</v>
      </c>
      <c r="G11013" t="s">
        <v>126</v>
      </c>
      <c r="H11013" t="s">
        <v>120</v>
      </c>
      <c r="I11013" t="s">
        <v>15</v>
      </c>
      <c r="J11013" s="10">
        <v>13.1906485</v>
      </c>
    </row>
    <row r="11014" spans="1:10" x14ac:dyDescent="0.35">
      <c r="A11014" t="s">
        <v>62</v>
      </c>
      <c r="B11014" t="s">
        <v>69</v>
      </c>
      <c r="C11014" t="s">
        <v>117</v>
      </c>
      <c r="D11014" t="s">
        <v>118</v>
      </c>
      <c r="E11014">
        <v>2015</v>
      </c>
      <c r="F11014">
        <v>2015</v>
      </c>
      <c r="G11014" t="s">
        <v>126</v>
      </c>
      <c r="H11014" t="s">
        <v>121</v>
      </c>
      <c r="I11014" t="s">
        <v>15</v>
      </c>
      <c r="J11014" s="10">
        <v>35.750763470000003</v>
      </c>
    </row>
    <row r="11015" spans="1:10" x14ac:dyDescent="0.35">
      <c r="A11015" t="s">
        <v>62</v>
      </c>
      <c r="B11015" t="s">
        <v>69</v>
      </c>
      <c r="C11015" t="s">
        <v>117</v>
      </c>
      <c r="D11015" t="s">
        <v>118</v>
      </c>
      <c r="E11015">
        <v>2015</v>
      </c>
      <c r="F11015">
        <v>2015</v>
      </c>
      <c r="G11015" t="s">
        <v>126</v>
      </c>
      <c r="H11015" t="s">
        <v>122</v>
      </c>
      <c r="I11015" t="s">
        <v>15</v>
      </c>
      <c r="J11015" s="10">
        <v>19.51138143</v>
      </c>
    </row>
    <row r="11016" spans="1:10" x14ac:dyDescent="0.35">
      <c r="A11016" t="s">
        <v>62</v>
      </c>
      <c r="B11016" t="s">
        <v>69</v>
      </c>
      <c r="C11016" t="s">
        <v>117</v>
      </c>
      <c r="D11016" t="s">
        <v>118</v>
      </c>
      <c r="E11016">
        <v>2015</v>
      </c>
      <c r="F11016">
        <v>2015</v>
      </c>
      <c r="G11016" t="s">
        <v>126</v>
      </c>
      <c r="H11016" t="s">
        <v>123</v>
      </c>
      <c r="I11016" t="s">
        <v>15</v>
      </c>
      <c r="J11016" s="10">
        <v>14.260784770000001</v>
      </c>
    </row>
    <row r="11017" spans="1:10" x14ac:dyDescent="0.35">
      <c r="A11017" t="s">
        <v>62</v>
      </c>
      <c r="B11017" t="s">
        <v>69</v>
      </c>
      <c r="C11017" t="s">
        <v>117</v>
      </c>
      <c r="D11017" t="s">
        <v>118</v>
      </c>
      <c r="E11017">
        <v>2015</v>
      </c>
      <c r="F11017">
        <v>2015</v>
      </c>
      <c r="G11017" t="s">
        <v>126</v>
      </c>
      <c r="H11017" t="s">
        <v>124</v>
      </c>
      <c r="I11017" t="s">
        <v>15</v>
      </c>
      <c r="J11017" s="10">
        <v>2.1915980190000002</v>
      </c>
    </row>
    <row r="11018" spans="1:10" x14ac:dyDescent="0.35">
      <c r="A11018" t="s">
        <v>62</v>
      </c>
      <c r="B11018" t="s">
        <v>69</v>
      </c>
      <c r="C11018" t="s">
        <v>117</v>
      </c>
      <c r="D11018" t="s">
        <v>118</v>
      </c>
      <c r="E11018">
        <v>2014</v>
      </c>
      <c r="F11018">
        <v>2014</v>
      </c>
      <c r="G11018" t="s">
        <v>14</v>
      </c>
      <c r="H11018" t="s">
        <v>119</v>
      </c>
      <c r="I11018" t="s">
        <v>15</v>
      </c>
      <c r="J11018" s="10">
        <v>15.70359565</v>
      </c>
    </row>
    <row r="11019" spans="1:10" x14ac:dyDescent="0.35">
      <c r="A11019" t="s">
        <v>62</v>
      </c>
      <c r="B11019" t="s">
        <v>69</v>
      </c>
      <c r="C11019" t="s">
        <v>117</v>
      </c>
      <c r="D11019" t="s">
        <v>118</v>
      </c>
      <c r="E11019">
        <v>2014</v>
      </c>
      <c r="F11019">
        <v>2014</v>
      </c>
      <c r="G11019" t="s">
        <v>14</v>
      </c>
      <c r="H11019" t="s">
        <v>120</v>
      </c>
      <c r="I11019" t="s">
        <v>15</v>
      </c>
      <c r="J11019" s="10">
        <v>13.54918011</v>
      </c>
    </row>
    <row r="11020" spans="1:10" x14ac:dyDescent="0.35">
      <c r="A11020" t="s">
        <v>62</v>
      </c>
      <c r="B11020" t="s">
        <v>69</v>
      </c>
      <c r="C11020" t="s">
        <v>117</v>
      </c>
      <c r="D11020" t="s">
        <v>118</v>
      </c>
      <c r="E11020">
        <v>2014</v>
      </c>
      <c r="F11020">
        <v>2014</v>
      </c>
      <c r="G11020" t="s">
        <v>14</v>
      </c>
      <c r="H11020" t="s">
        <v>121</v>
      </c>
      <c r="I11020" t="s">
        <v>15</v>
      </c>
      <c r="J11020" s="10">
        <v>36.20633763</v>
      </c>
    </row>
    <row r="11021" spans="1:10" x14ac:dyDescent="0.35">
      <c r="A11021" t="s">
        <v>62</v>
      </c>
      <c r="B11021" t="s">
        <v>69</v>
      </c>
      <c r="C11021" t="s">
        <v>117</v>
      </c>
      <c r="D11021" t="s">
        <v>118</v>
      </c>
      <c r="E11021">
        <v>2014</v>
      </c>
      <c r="F11021">
        <v>2014</v>
      </c>
      <c r="G11021" t="s">
        <v>14</v>
      </c>
      <c r="H11021" t="s">
        <v>122</v>
      </c>
      <c r="I11021" t="s">
        <v>15</v>
      </c>
      <c r="J11021" s="10">
        <v>19.281681389999999</v>
      </c>
    </row>
    <row r="11022" spans="1:10" x14ac:dyDescent="0.35">
      <c r="A11022" t="s">
        <v>62</v>
      </c>
      <c r="B11022" t="s">
        <v>69</v>
      </c>
      <c r="C11022" t="s">
        <v>117</v>
      </c>
      <c r="D11022" t="s">
        <v>118</v>
      </c>
      <c r="E11022">
        <v>2014</v>
      </c>
      <c r="F11022">
        <v>2014</v>
      </c>
      <c r="G11022" t="s">
        <v>14</v>
      </c>
      <c r="H11022" t="s">
        <v>123</v>
      </c>
      <c r="I11022" t="s">
        <v>15</v>
      </c>
      <c r="J11022" s="10">
        <v>13.66129076</v>
      </c>
    </row>
    <row r="11023" spans="1:10" x14ac:dyDescent="0.35">
      <c r="A11023" t="s">
        <v>62</v>
      </c>
      <c r="B11023" t="s">
        <v>69</v>
      </c>
      <c r="C11023" t="s">
        <v>117</v>
      </c>
      <c r="D11023" t="s">
        <v>118</v>
      </c>
      <c r="E11023">
        <v>2014</v>
      </c>
      <c r="F11023">
        <v>2014</v>
      </c>
      <c r="G11023" t="s">
        <v>14</v>
      </c>
      <c r="H11023" t="s">
        <v>124</v>
      </c>
      <c r="I11023" t="s">
        <v>15</v>
      </c>
      <c r="J11023" s="10">
        <v>1.597914472</v>
      </c>
    </row>
    <row r="11024" spans="1:10" x14ac:dyDescent="0.35">
      <c r="A11024" t="s">
        <v>62</v>
      </c>
      <c r="B11024" t="s">
        <v>69</v>
      </c>
      <c r="C11024" t="s">
        <v>117</v>
      </c>
      <c r="D11024" t="s">
        <v>118</v>
      </c>
      <c r="E11024">
        <v>2014</v>
      </c>
      <c r="F11024">
        <v>2014</v>
      </c>
      <c r="G11024" t="s">
        <v>125</v>
      </c>
      <c r="H11024" t="s">
        <v>119</v>
      </c>
      <c r="I11024" t="s">
        <v>15</v>
      </c>
      <c r="J11024" s="10">
        <v>16.65506972</v>
      </c>
    </row>
    <row r="11025" spans="1:10" x14ac:dyDescent="0.35">
      <c r="A11025" t="s">
        <v>62</v>
      </c>
      <c r="B11025" t="s">
        <v>69</v>
      </c>
      <c r="C11025" t="s">
        <v>117</v>
      </c>
      <c r="D11025" t="s">
        <v>118</v>
      </c>
      <c r="E11025">
        <v>2014</v>
      </c>
      <c r="F11025">
        <v>2014</v>
      </c>
      <c r="G11025" t="s">
        <v>125</v>
      </c>
      <c r="H11025" t="s">
        <v>120</v>
      </c>
      <c r="I11025" t="s">
        <v>15</v>
      </c>
      <c r="J11025" s="10">
        <v>13.843970049999999</v>
      </c>
    </row>
    <row r="11026" spans="1:10" x14ac:dyDescent="0.35">
      <c r="A11026" t="s">
        <v>62</v>
      </c>
      <c r="B11026" t="s">
        <v>69</v>
      </c>
      <c r="C11026" t="s">
        <v>117</v>
      </c>
      <c r="D11026" t="s">
        <v>118</v>
      </c>
      <c r="E11026">
        <v>2014</v>
      </c>
      <c r="F11026">
        <v>2014</v>
      </c>
      <c r="G11026" t="s">
        <v>125</v>
      </c>
      <c r="H11026" t="s">
        <v>121</v>
      </c>
      <c r="I11026" t="s">
        <v>15</v>
      </c>
      <c r="J11026" s="10">
        <v>36.803139530000003</v>
      </c>
    </row>
    <row r="11027" spans="1:10" x14ac:dyDescent="0.35">
      <c r="A11027" t="s">
        <v>62</v>
      </c>
      <c r="B11027" t="s">
        <v>69</v>
      </c>
      <c r="C11027" t="s">
        <v>117</v>
      </c>
      <c r="D11027" t="s">
        <v>118</v>
      </c>
      <c r="E11027">
        <v>2014</v>
      </c>
      <c r="F11027">
        <v>2014</v>
      </c>
      <c r="G11027" t="s">
        <v>125</v>
      </c>
      <c r="H11027" t="s">
        <v>122</v>
      </c>
      <c r="I11027" t="s">
        <v>15</v>
      </c>
      <c r="J11027" s="10">
        <v>19.282473769999999</v>
      </c>
    </row>
    <row r="11028" spans="1:10" x14ac:dyDescent="0.35">
      <c r="A11028" t="s">
        <v>62</v>
      </c>
      <c r="B11028" t="s">
        <v>69</v>
      </c>
      <c r="C11028" t="s">
        <v>117</v>
      </c>
      <c r="D11028" t="s">
        <v>118</v>
      </c>
      <c r="E11028">
        <v>2014</v>
      </c>
      <c r="F11028">
        <v>2014</v>
      </c>
      <c r="G11028" t="s">
        <v>125</v>
      </c>
      <c r="H11028" t="s">
        <v>123</v>
      </c>
      <c r="I11028" t="s">
        <v>15</v>
      </c>
      <c r="J11028" s="10">
        <v>12.41337081</v>
      </c>
    </row>
    <row r="11029" spans="1:10" x14ac:dyDescent="0.35">
      <c r="A11029" t="s">
        <v>62</v>
      </c>
      <c r="B11029" t="s">
        <v>69</v>
      </c>
      <c r="C11029" t="s">
        <v>117</v>
      </c>
      <c r="D11029" t="s">
        <v>118</v>
      </c>
      <c r="E11029">
        <v>2014</v>
      </c>
      <c r="F11029">
        <v>2014</v>
      </c>
      <c r="G11029" t="s">
        <v>125</v>
      </c>
      <c r="H11029" t="s">
        <v>124</v>
      </c>
      <c r="I11029" t="s">
        <v>15</v>
      </c>
      <c r="J11029" s="10">
        <v>1.0019761199999999</v>
      </c>
    </row>
    <row r="11030" spans="1:10" x14ac:dyDescent="0.35">
      <c r="A11030" t="s">
        <v>62</v>
      </c>
      <c r="B11030" t="s">
        <v>69</v>
      </c>
      <c r="C11030" t="s">
        <v>117</v>
      </c>
      <c r="D11030" t="s">
        <v>118</v>
      </c>
      <c r="E11030">
        <v>2014</v>
      </c>
      <c r="F11030">
        <v>2014</v>
      </c>
      <c r="G11030" t="s">
        <v>126</v>
      </c>
      <c r="H11030" t="s">
        <v>119</v>
      </c>
      <c r="I11030" t="s">
        <v>15</v>
      </c>
      <c r="J11030" s="10">
        <v>14.806455850000001</v>
      </c>
    </row>
    <row r="11031" spans="1:10" x14ac:dyDescent="0.35">
      <c r="A11031" t="s">
        <v>62</v>
      </c>
      <c r="B11031" t="s">
        <v>69</v>
      </c>
      <c r="C11031" t="s">
        <v>117</v>
      </c>
      <c r="D11031" t="s">
        <v>118</v>
      </c>
      <c r="E11031">
        <v>2014</v>
      </c>
      <c r="F11031">
        <v>2014</v>
      </c>
      <c r="G11031" t="s">
        <v>126</v>
      </c>
      <c r="H11031" t="s">
        <v>120</v>
      </c>
      <c r="I11031" t="s">
        <v>15</v>
      </c>
      <c r="J11031" s="10">
        <v>13.27122425</v>
      </c>
    </row>
    <row r="11032" spans="1:10" x14ac:dyDescent="0.35">
      <c r="A11032" t="s">
        <v>62</v>
      </c>
      <c r="B11032" t="s">
        <v>69</v>
      </c>
      <c r="C11032" t="s">
        <v>117</v>
      </c>
      <c r="D11032" t="s">
        <v>118</v>
      </c>
      <c r="E11032">
        <v>2014</v>
      </c>
      <c r="F11032">
        <v>2014</v>
      </c>
      <c r="G11032" t="s">
        <v>126</v>
      </c>
      <c r="H11032" t="s">
        <v>121</v>
      </c>
      <c r="I11032" t="s">
        <v>15</v>
      </c>
      <c r="J11032" s="10">
        <v>35.64361632</v>
      </c>
    </row>
    <row r="11033" spans="1:10" x14ac:dyDescent="0.35">
      <c r="A11033" t="s">
        <v>62</v>
      </c>
      <c r="B11033" t="s">
        <v>69</v>
      </c>
      <c r="C11033" t="s">
        <v>117</v>
      </c>
      <c r="D11033" t="s">
        <v>118</v>
      </c>
      <c r="E11033">
        <v>2014</v>
      </c>
      <c r="F11033">
        <v>2014</v>
      </c>
      <c r="G11033" t="s">
        <v>126</v>
      </c>
      <c r="H11033" t="s">
        <v>122</v>
      </c>
      <c r="I11033" t="s">
        <v>15</v>
      </c>
      <c r="J11033" s="10">
        <v>19.280934259999999</v>
      </c>
    </row>
    <row r="11034" spans="1:10" x14ac:dyDescent="0.35">
      <c r="A11034" t="s">
        <v>62</v>
      </c>
      <c r="B11034" t="s">
        <v>69</v>
      </c>
      <c r="C11034" t="s">
        <v>117</v>
      </c>
      <c r="D11034" t="s">
        <v>118</v>
      </c>
      <c r="E11034">
        <v>2014</v>
      </c>
      <c r="F11034">
        <v>2014</v>
      </c>
      <c r="G11034" t="s">
        <v>126</v>
      </c>
      <c r="H11034" t="s">
        <v>123</v>
      </c>
      <c r="I11034" t="s">
        <v>15</v>
      </c>
      <c r="J11034" s="10">
        <v>14.83794778</v>
      </c>
    </row>
    <row r="11035" spans="1:10" x14ac:dyDescent="0.35">
      <c r="A11035" t="s">
        <v>62</v>
      </c>
      <c r="B11035" t="s">
        <v>69</v>
      </c>
      <c r="C11035" t="s">
        <v>117</v>
      </c>
      <c r="D11035" t="s">
        <v>118</v>
      </c>
      <c r="E11035">
        <v>2014</v>
      </c>
      <c r="F11035">
        <v>2014</v>
      </c>
      <c r="G11035" t="s">
        <v>126</v>
      </c>
      <c r="H11035" t="s">
        <v>124</v>
      </c>
      <c r="I11035" t="s">
        <v>15</v>
      </c>
      <c r="J11035" s="10">
        <v>2.1598215459999999</v>
      </c>
    </row>
    <row r="11036" spans="1:10" x14ac:dyDescent="0.35">
      <c r="A11036" t="s">
        <v>62</v>
      </c>
      <c r="B11036" t="s">
        <v>69</v>
      </c>
      <c r="C11036" t="s">
        <v>117</v>
      </c>
      <c r="D11036" t="s">
        <v>118</v>
      </c>
      <c r="E11036">
        <v>2013</v>
      </c>
      <c r="F11036">
        <v>2013</v>
      </c>
      <c r="G11036" t="s">
        <v>14</v>
      </c>
      <c r="H11036" t="s">
        <v>119</v>
      </c>
      <c r="I11036" t="s">
        <v>15</v>
      </c>
      <c r="J11036" s="10">
        <v>15.664272889999999</v>
      </c>
    </row>
    <row r="11037" spans="1:10" x14ac:dyDescent="0.35">
      <c r="A11037" t="s">
        <v>62</v>
      </c>
      <c r="B11037" t="s">
        <v>69</v>
      </c>
      <c r="C11037" t="s">
        <v>117</v>
      </c>
      <c r="D11037" t="s">
        <v>118</v>
      </c>
      <c r="E11037">
        <v>2013</v>
      </c>
      <c r="F11037">
        <v>2013</v>
      </c>
      <c r="G11037" t="s">
        <v>14</v>
      </c>
      <c r="H11037" t="s">
        <v>120</v>
      </c>
      <c r="I11037" t="s">
        <v>15</v>
      </c>
      <c r="J11037" s="10">
        <v>13.96686796</v>
      </c>
    </row>
    <row r="11038" spans="1:10" x14ac:dyDescent="0.35">
      <c r="A11038" t="s">
        <v>62</v>
      </c>
      <c r="B11038" t="s">
        <v>69</v>
      </c>
      <c r="C11038" t="s">
        <v>117</v>
      </c>
      <c r="D11038" t="s">
        <v>118</v>
      </c>
      <c r="E11038">
        <v>2013</v>
      </c>
      <c r="F11038">
        <v>2013</v>
      </c>
      <c r="G11038" t="s">
        <v>14</v>
      </c>
      <c r="H11038" t="s">
        <v>121</v>
      </c>
      <c r="I11038" t="s">
        <v>15</v>
      </c>
      <c r="J11038" s="10">
        <v>36.140579950000003</v>
      </c>
    </row>
    <row r="11039" spans="1:10" x14ac:dyDescent="0.35">
      <c r="A11039" t="s">
        <v>62</v>
      </c>
      <c r="B11039" t="s">
        <v>69</v>
      </c>
      <c r="C11039" t="s">
        <v>117</v>
      </c>
      <c r="D11039" t="s">
        <v>118</v>
      </c>
      <c r="E11039">
        <v>2013</v>
      </c>
      <c r="F11039">
        <v>2013</v>
      </c>
      <c r="G11039" t="s">
        <v>14</v>
      </c>
      <c r="H11039" t="s">
        <v>122</v>
      </c>
      <c r="I11039" t="s">
        <v>15</v>
      </c>
      <c r="J11039" s="10">
        <v>19.006038839999999</v>
      </c>
    </row>
    <row r="11040" spans="1:10" x14ac:dyDescent="0.35">
      <c r="A11040" t="s">
        <v>62</v>
      </c>
      <c r="B11040" t="s">
        <v>69</v>
      </c>
      <c r="C11040" t="s">
        <v>117</v>
      </c>
      <c r="D11040" t="s">
        <v>118</v>
      </c>
      <c r="E11040">
        <v>2013</v>
      </c>
      <c r="F11040">
        <v>2013</v>
      </c>
      <c r="G11040" t="s">
        <v>14</v>
      </c>
      <c r="H11040" t="s">
        <v>123</v>
      </c>
      <c r="I11040" t="s">
        <v>15</v>
      </c>
      <c r="J11040" s="10">
        <v>13.64316414</v>
      </c>
    </row>
    <row r="11041" spans="1:10" x14ac:dyDescent="0.35">
      <c r="A11041" t="s">
        <v>62</v>
      </c>
      <c r="B11041" t="s">
        <v>69</v>
      </c>
      <c r="C11041" t="s">
        <v>117</v>
      </c>
      <c r="D11041" t="s">
        <v>118</v>
      </c>
      <c r="E11041">
        <v>2013</v>
      </c>
      <c r="F11041">
        <v>2013</v>
      </c>
      <c r="G11041" t="s">
        <v>14</v>
      </c>
      <c r="H11041" t="s">
        <v>124</v>
      </c>
      <c r="I11041" t="s">
        <v>15</v>
      </c>
      <c r="J11041" s="10">
        <v>1.5790762199999999</v>
      </c>
    </row>
    <row r="11042" spans="1:10" x14ac:dyDescent="0.35">
      <c r="A11042" t="s">
        <v>62</v>
      </c>
      <c r="B11042" t="s">
        <v>69</v>
      </c>
      <c r="C11042" t="s">
        <v>117</v>
      </c>
      <c r="D11042" t="s">
        <v>118</v>
      </c>
      <c r="E11042">
        <v>2013</v>
      </c>
      <c r="F11042">
        <v>2013</v>
      </c>
      <c r="G11042" t="s">
        <v>125</v>
      </c>
      <c r="H11042" t="s">
        <v>119</v>
      </c>
      <c r="I11042" t="s">
        <v>15</v>
      </c>
      <c r="J11042" s="10">
        <v>16.675996420000001</v>
      </c>
    </row>
    <row r="11043" spans="1:10" x14ac:dyDescent="0.35">
      <c r="A11043" t="s">
        <v>62</v>
      </c>
      <c r="B11043" t="s">
        <v>69</v>
      </c>
      <c r="C11043" t="s">
        <v>117</v>
      </c>
      <c r="D11043" t="s">
        <v>118</v>
      </c>
      <c r="E11043">
        <v>2013</v>
      </c>
      <c r="F11043">
        <v>2013</v>
      </c>
      <c r="G11043" t="s">
        <v>125</v>
      </c>
      <c r="H11043" t="s">
        <v>120</v>
      </c>
      <c r="I11043" t="s">
        <v>15</v>
      </c>
      <c r="J11043" s="10">
        <v>14.20734438</v>
      </c>
    </row>
    <row r="11044" spans="1:10" x14ac:dyDescent="0.35">
      <c r="A11044" t="s">
        <v>62</v>
      </c>
      <c r="B11044" t="s">
        <v>69</v>
      </c>
      <c r="C11044" t="s">
        <v>117</v>
      </c>
      <c r="D11044" t="s">
        <v>118</v>
      </c>
      <c r="E11044">
        <v>2013</v>
      </c>
      <c r="F11044">
        <v>2013</v>
      </c>
      <c r="G11044" t="s">
        <v>125</v>
      </c>
      <c r="H11044" t="s">
        <v>121</v>
      </c>
      <c r="I11044" t="s">
        <v>15</v>
      </c>
      <c r="J11044" s="10">
        <v>36.741491269999997</v>
      </c>
    </row>
    <row r="11045" spans="1:10" x14ac:dyDescent="0.35">
      <c r="A11045" t="s">
        <v>62</v>
      </c>
      <c r="B11045" t="s">
        <v>69</v>
      </c>
      <c r="C11045" t="s">
        <v>117</v>
      </c>
      <c r="D11045" t="s">
        <v>118</v>
      </c>
      <c r="E11045">
        <v>2013</v>
      </c>
      <c r="F11045">
        <v>2013</v>
      </c>
      <c r="G11045" t="s">
        <v>125</v>
      </c>
      <c r="H11045" t="s">
        <v>122</v>
      </c>
      <c r="I11045" t="s">
        <v>15</v>
      </c>
      <c r="J11045" s="10">
        <v>19.080273179999999</v>
      </c>
    </row>
    <row r="11046" spans="1:10" x14ac:dyDescent="0.35">
      <c r="A11046" t="s">
        <v>62</v>
      </c>
      <c r="B11046" t="s">
        <v>69</v>
      </c>
      <c r="C11046" t="s">
        <v>117</v>
      </c>
      <c r="D11046" t="s">
        <v>118</v>
      </c>
      <c r="E11046">
        <v>2013</v>
      </c>
      <c r="F11046">
        <v>2013</v>
      </c>
      <c r="G11046" t="s">
        <v>125</v>
      </c>
      <c r="H11046" t="s">
        <v>123</v>
      </c>
      <c r="I11046" t="s">
        <v>15</v>
      </c>
      <c r="J11046" s="10">
        <v>12.33766234</v>
      </c>
    </row>
    <row r="11047" spans="1:10" x14ac:dyDescent="0.35">
      <c r="A11047" t="s">
        <v>62</v>
      </c>
      <c r="B11047" t="s">
        <v>69</v>
      </c>
      <c r="C11047" t="s">
        <v>117</v>
      </c>
      <c r="D11047" t="s">
        <v>118</v>
      </c>
      <c r="E11047">
        <v>2013</v>
      </c>
      <c r="F11047">
        <v>2013</v>
      </c>
      <c r="G11047" t="s">
        <v>125</v>
      </c>
      <c r="H11047" t="s">
        <v>124</v>
      </c>
      <c r="I11047" t="s">
        <v>15</v>
      </c>
      <c r="J11047" s="10">
        <v>0.957232423</v>
      </c>
    </row>
    <row r="11048" spans="1:10" x14ac:dyDescent="0.35">
      <c r="A11048" t="s">
        <v>62</v>
      </c>
      <c r="B11048" t="s">
        <v>69</v>
      </c>
      <c r="C11048" t="s">
        <v>117</v>
      </c>
      <c r="D11048" t="s">
        <v>118</v>
      </c>
      <c r="E11048">
        <v>2013</v>
      </c>
      <c r="F11048">
        <v>2013</v>
      </c>
      <c r="G11048" t="s">
        <v>126</v>
      </c>
      <c r="H11048" t="s">
        <v>119</v>
      </c>
      <c r="I11048" t="s">
        <v>15</v>
      </c>
      <c r="J11048" s="10">
        <v>14.7079056</v>
      </c>
    </row>
    <row r="11049" spans="1:10" x14ac:dyDescent="0.35">
      <c r="A11049" t="s">
        <v>62</v>
      </c>
      <c r="B11049" t="s">
        <v>69</v>
      </c>
      <c r="C11049" t="s">
        <v>117</v>
      </c>
      <c r="D11049" t="s">
        <v>118</v>
      </c>
      <c r="E11049">
        <v>2013</v>
      </c>
      <c r="F11049">
        <v>2013</v>
      </c>
      <c r="G11049" t="s">
        <v>126</v>
      </c>
      <c r="H11049" t="s">
        <v>120</v>
      </c>
      <c r="I11049" t="s">
        <v>15</v>
      </c>
      <c r="J11049" s="10">
        <v>13.739549159999999</v>
      </c>
    </row>
    <row r="11050" spans="1:10" x14ac:dyDescent="0.35">
      <c r="A11050" t="s">
        <v>62</v>
      </c>
      <c r="B11050" t="s">
        <v>69</v>
      </c>
      <c r="C11050" t="s">
        <v>117</v>
      </c>
      <c r="D11050" t="s">
        <v>118</v>
      </c>
      <c r="E11050">
        <v>2013</v>
      </c>
      <c r="F11050">
        <v>2013</v>
      </c>
      <c r="G11050" t="s">
        <v>126</v>
      </c>
      <c r="H11050" t="s">
        <v>121</v>
      </c>
      <c r="I11050" t="s">
        <v>15</v>
      </c>
      <c r="J11050" s="10">
        <v>35.572547360000002</v>
      </c>
    </row>
    <row r="11051" spans="1:10" x14ac:dyDescent="0.35">
      <c r="A11051" t="s">
        <v>62</v>
      </c>
      <c r="B11051" t="s">
        <v>69</v>
      </c>
      <c r="C11051" t="s">
        <v>117</v>
      </c>
      <c r="D11051" t="s">
        <v>118</v>
      </c>
      <c r="E11051">
        <v>2013</v>
      </c>
      <c r="F11051">
        <v>2013</v>
      </c>
      <c r="G11051" t="s">
        <v>126</v>
      </c>
      <c r="H11051" t="s">
        <v>122</v>
      </c>
      <c r="I11051" t="s">
        <v>15</v>
      </c>
      <c r="J11051" s="10">
        <v>18.935866229999998</v>
      </c>
    </row>
    <row r="11052" spans="1:10" x14ac:dyDescent="0.35">
      <c r="A11052" t="s">
        <v>62</v>
      </c>
      <c r="B11052" t="s">
        <v>69</v>
      </c>
      <c r="C11052" t="s">
        <v>117</v>
      </c>
      <c r="D11052" t="s">
        <v>118</v>
      </c>
      <c r="E11052">
        <v>2013</v>
      </c>
      <c r="F11052">
        <v>2013</v>
      </c>
      <c r="G11052" t="s">
        <v>126</v>
      </c>
      <c r="H11052" t="s">
        <v>123</v>
      </c>
      <c r="I11052" t="s">
        <v>15</v>
      </c>
      <c r="J11052" s="10">
        <v>14.877235689999999</v>
      </c>
    </row>
    <row r="11053" spans="1:10" x14ac:dyDescent="0.35">
      <c r="A11053" t="s">
        <v>62</v>
      </c>
      <c r="B11053" t="s">
        <v>69</v>
      </c>
      <c r="C11053" t="s">
        <v>117</v>
      </c>
      <c r="D11053" t="s">
        <v>118</v>
      </c>
      <c r="E11053">
        <v>2013</v>
      </c>
      <c r="F11053">
        <v>2013</v>
      </c>
      <c r="G11053" t="s">
        <v>126</v>
      </c>
      <c r="H11053" t="s">
        <v>124</v>
      </c>
      <c r="I11053" t="s">
        <v>15</v>
      </c>
      <c r="J11053" s="10">
        <v>2.166895968</v>
      </c>
    </row>
    <row r="11054" spans="1:10" x14ac:dyDescent="0.35">
      <c r="A11054" t="s">
        <v>62</v>
      </c>
      <c r="B11054" t="s">
        <v>69</v>
      </c>
      <c r="C11054" t="s">
        <v>117</v>
      </c>
      <c r="D11054" t="s">
        <v>118</v>
      </c>
      <c r="E11054">
        <v>2012</v>
      </c>
      <c r="F11054">
        <v>2012</v>
      </c>
      <c r="G11054" t="s">
        <v>14</v>
      </c>
      <c r="H11054" t="s">
        <v>119</v>
      </c>
      <c r="I11054" t="s">
        <v>15</v>
      </c>
      <c r="J11054" s="10">
        <v>15.67092695</v>
      </c>
    </row>
    <row r="11055" spans="1:10" x14ac:dyDescent="0.35">
      <c r="A11055" t="s">
        <v>62</v>
      </c>
      <c r="B11055" t="s">
        <v>69</v>
      </c>
      <c r="C11055" t="s">
        <v>117</v>
      </c>
      <c r="D11055" t="s">
        <v>118</v>
      </c>
      <c r="E11055">
        <v>2012</v>
      </c>
      <c r="F11055">
        <v>2012</v>
      </c>
      <c r="G11055" t="s">
        <v>14</v>
      </c>
      <c r="H11055" t="s">
        <v>120</v>
      </c>
      <c r="I11055" t="s">
        <v>15</v>
      </c>
      <c r="J11055" s="10">
        <v>14.260105640000001</v>
      </c>
    </row>
    <row r="11056" spans="1:10" x14ac:dyDescent="0.35">
      <c r="A11056" t="s">
        <v>62</v>
      </c>
      <c r="B11056" t="s">
        <v>69</v>
      </c>
      <c r="C11056" t="s">
        <v>117</v>
      </c>
      <c r="D11056" t="s">
        <v>118</v>
      </c>
      <c r="E11056">
        <v>2012</v>
      </c>
      <c r="F11056">
        <v>2012</v>
      </c>
      <c r="G11056" t="s">
        <v>14</v>
      </c>
      <c r="H11056" t="s">
        <v>121</v>
      </c>
      <c r="I11056" t="s">
        <v>15</v>
      </c>
      <c r="J11056" s="10">
        <v>35.973890910000001</v>
      </c>
    </row>
    <row r="11057" spans="1:10" x14ac:dyDescent="0.35">
      <c r="A11057" t="s">
        <v>62</v>
      </c>
      <c r="B11057" t="s">
        <v>69</v>
      </c>
      <c r="C11057" t="s">
        <v>117</v>
      </c>
      <c r="D11057" t="s">
        <v>118</v>
      </c>
      <c r="E11057">
        <v>2012</v>
      </c>
      <c r="F11057">
        <v>2012</v>
      </c>
      <c r="G11057" t="s">
        <v>14</v>
      </c>
      <c r="H11057" t="s">
        <v>122</v>
      </c>
      <c r="I11057" t="s">
        <v>15</v>
      </c>
      <c r="J11057" s="10">
        <v>18.801828180000001</v>
      </c>
    </row>
    <row r="11058" spans="1:10" x14ac:dyDescent="0.35">
      <c r="A11058" t="s">
        <v>62</v>
      </c>
      <c r="B11058" t="s">
        <v>69</v>
      </c>
      <c r="C11058" t="s">
        <v>117</v>
      </c>
      <c r="D11058" t="s">
        <v>118</v>
      </c>
      <c r="E11058">
        <v>2012</v>
      </c>
      <c r="F11058">
        <v>2012</v>
      </c>
      <c r="G11058" t="s">
        <v>14</v>
      </c>
      <c r="H11058" t="s">
        <v>123</v>
      </c>
      <c r="I11058" t="s">
        <v>15</v>
      </c>
      <c r="J11058" s="10">
        <v>13.682640470000001</v>
      </c>
    </row>
    <row r="11059" spans="1:10" x14ac:dyDescent="0.35">
      <c r="A11059" t="s">
        <v>62</v>
      </c>
      <c r="B11059" t="s">
        <v>69</v>
      </c>
      <c r="C11059" t="s">
        <v>117</v>
      </c>
      <c r="D11059" t="s">
        <v>118</v>
      </c>
      <c r="E11059">
        <v>2012</v>
      </c>
      <c r="F11059">
        <v>2012</v>
      </c>
      <c r="G11059" t="s">
        <v>14</v>
      </c>
      <c r="H11059" t="s">
        <v>124</v>
      </c>
      <c r="I11059" t="s">
        <v>15</v>
      </c>
      <c r="J11059" s="10">
        <v>1.610607844</v>
      </c>
    </row>
    <row r="11060" spans="1:10" x14ac:dyDescent="0.35">
      <c r="A11060" t="s">
        <v>62</v>
      </c>
      <c r="B11060" t="s">
        <v>69</v>
      </c>
      <c r="C11060" t="s">
        <v>117</v>
      </c>
      <c r="D11060" t="s">
        <v>118</v>
      </c>
      <c r="E11060">
        <v>2012</v>
      </c>
      <c r="F11060">
        <v>2012</v>
      </c>
      <c r="G11060" t="s">
        <v>125</v>
      </c>
      <c r="H11060" t="s">
        <v>119</v>
      </c>
      <c r="I11060" t="s">
        <v>15</v>
      </c>
      <c r="J11060" s="10">
        <v>16.551432200000001</v>
      </c>
    </row>
    <row r="11061" spans="1:10" x14ac:dyDescent="0.35">
      <c r="A11061" t="s">
        <v>62</v>
      </c>
      <c r="B11061" t="s">
        <v>69</v>
      </c>
      <c r="C11061" t="s">
        <v>117</v>
      </c>
      <c r="D11061" t="s">
        <v>118</v>
      </c>
      <c r="E11061">
        <v>2012</v>
      </c>
      <c r="F11061">
        <v>2012</v>
      </c>
      <c r="G11061" t="s">
        <v>125</v>
      </c>
      <c r="H11061" t="s">
        <v>120</v>
      </c>
      <c r="I11061" t="s">
        <v>15</v>
      </c>
      <c r="J11061" s="10">
        <v>14.533653169999999</v>
      </c>
    </row>
    <row r="11062" spans="1:10" x14ac:dyDescent="0.35">
      <c r="A11062" t="s">
        <v>62</v>
      </c>
      <c r="B11062" t="s">
        <v>69</v>
      </c>
      <c r="C11062" t="s">
        <v>117</v>
      </c>
      <c r="D11062" t="s">
        <v>118</v>
      </c>
      <c r="E11062">
        <v>2012</v>
      </c>
      <c r="F11062">
        <v>2012</v>
      </c>
      <c r="G11062" t="s">
        <v>125</v>
      </c>
      <c r="H11062" t="s">
        <v>121</v>
      </c>
      <c r="I11062" t="s">
        <v>15</v>
      </c>
      <c r="J11062" s="10">
        <v>36.602229430000001</v>
      </c>
    </row>
    <row r="11063" spans="1:10" x14ac:dyDescent="0.35">
      <c r="A11063" t="s">
        <v>62</v>
      </c>
      <c r="B11063" t="s">
        <v>69</v>
      </c>
      <c r="C11063" t="s">
        <v>117</v>
      </c>
      <c r="D11063" t="s">
        <v>118</v>
      </c>
      <c r="E11063">
        <v>2012</v>
      </c>
      <c r="F11063">
        <v>2012</v>
      </c>
      <c r="G11063" t="s">
        <v>125</v>
      </c>
      <c r="H11063" t="s">
        <v>122</v>
      </c>
      <c r="I11063" t="s">
        <v>15</v>
      </c>
      <c r="J11063" s="10">
        <v>18.916325669999999</v>
      </c>
    </row>
    <row r="11064" spans="1:10" x14ac:dyDescent="0.35">
      <c r="A11064" t="s">
        <v>62</v>
      </c>
      <c r="B11064" t="s">
        <v>69</v>
      </c>
      <c r="C11064" t="s">
        <v>117</v>
      </c>
      <c r="D11064" t="s">
        <v>118</v>
      </c>
      <c r="E11064">
        <v>2012</v>
      </c>
      <c r="F11064">
        <v>2012</v>
      </c>
      <c r="G11064" t="s">
        <v>125</v>
      </c>
      <c r="H11064" t="s">
        <v>123</v>
      </c>
      <c r="I11064" t="s">
        <v>15</v>
      </c>
      <c r="J11064" s="10">
        <v>12.405813459999999</v>
      </c>
    </row>
    <row r="11065" spans="1:10" x14ac:dyDescent="0.35">
      <c r="A11065" t="s">
        <v>62</v>
      </c>
      <c r="B11065" t="s">
        <v>69</v>
      </c>
      <c r="C11065" t="s">
        <v>117</v>
      </c>
      <c r="D11065" t="s">
        <v>118</v>
      </c>
      <c r="E11065">
        <v>2012</v>
      </c>
      <c r="F11065">
        <v>2012</v>
      </c>
      <c r="G11065" t="s">
        <v>125</v>
      </c>
      <c r="H11065" t="s">
        <v>124</v>
      </c>
      <c r="I11065" t="s">
        <v>15</v>
      </c>
      <c r="J11065" s="10">
        <v>0.99054606999999995</v>
      </c>
    </row>
    <row r="11066" spans="1:10" x14ac:dyDescent="0.35">
      <c r="A11066" t="s">
        <v>62</v>
      </c>
      <c r="B11066" t="s">
        <v>69</v>
      </c>
      <c r="C11066" t="s">
        <v>117</v>
      </c>
      <c r="D11066" t="s">
        <v>118</v>
      </c>
      <c r="E11066">
        <v>2012</v>
      </c>
      <c r="F11066">
        <v>2012</v>
      </c>
      <c r="G11066" t="s">
        <v>126</v>
      </c>
      <c r="H11066" t="s">
        <v>119</v>
      </c>
      <c r="I11066" t="s">
        <v>15</v>
      </c>
      <c r="J11066" s="10">
        <v>14.84206891</v>
      </c>
    </row>
    <row r="11067" spans="1:10" x14ac:dyDescent="0.35">
      <c r="A11067" t="s">
        <v>62</v>
      </c>
      <c r="B11067" t="s">
        <v>69</v>
      </c>
      <c r="C11067" t="s">
        <v>117</v>
      </c>
      <c r="D11067" t="s">
        <v>118</v>
      </c>
      <c r="E11067">
        <v>2012</v>
      </c>
      <c r="F11067">
        <v>2012</v>
      </c>
      <c r="G11067" t="s">
        <v>126</v>
      </c>
      <c r="H11067" t="s">
        <v>120</v>
      </c>
      <c r="I11067" t="s">
        <v>15</v>
      </c>
      <c r="J11067" s="10">
        <v>14.002603410000001</v>
      </c>
    </row>
    <row r="11068" spans="1:10" x14ac:dyDescent="0.35">
      <c r="A11068" t="s">
        <v>62</v>
      </c>
      <c r="B11068" t="s">
        <v>69</v>
      </c>
      <c r="C11068" t="s">
        <v>117</v>
      </c>
      <c r="D11068" t="s">
        <v>118</v>
      </c>
      <c r="E11068">
        <v>2012</v>
      </c>
      <c r="F11068">
        <v>2012</v>
      </c>
      <c r="G11068" t="s">
        <v>126</v>
      </c>
      <c r="H11068" t="s">
        <v>121</v>
      </c>
      <c r="I11068" t="s">
        <v>15</v>
      </c>
      <c r="J11068" s="10">
        <v>35.382408419999997</v>
      </c>
    </row>
    <row r="11069" spans="1:10" x14ac:dyDescent="0.35">
      <c r="A11069" t="s">
        <v>62</v>
      </c>
      <c r="B11069" t="s">
        <v>69</v>
      </c>
      <c r="C11069" t="s">
        <v>117</v>
      </c>
      <c r="D11069" t="s">
        <v>118</v>
      </c>
      <c r="E11069">
        <v>2012</v>
      </c>
      <c r="F11069">
        <v>2012</v>
      </c>
      <c r="G11069" t="s">
        <v>126</v>
      </c>
      <c r="H11069" t="s">
        <v>122</v>
      </c>
      <c r="I11069" t="s">
        <v>15</v>
      </c>
      <c r="J11069" s="10">
        <v>18.694046700000001</v>
      </c>
    </row>
    <row r="11070" spans="1:10" x14ac:dyDescent="0.35">
      <c r="A11070" t="s">
        <v>62</v>
      </c>
      <c r="B11070" t="s">
        <v>69</v>
      </c>
      <c r="C11070" t="s">
        <v>117</v>
      </c>
      <c r="D11070" t="s">
        <v>118</v>
      </c>
      <c r="E11070">
        <v>2012</v>
      </c>
      <c r="F11070">
        <v>2012</v>
      </c>
      <c r="G11070" t="s">
        <v>126</v>
      </c>
      <c r="H11070" t="s">
        <v>123</v>
      </c>
      <c r="I11070" t="s">
        <v>15</v>
      </c>
      <c r="J11070" s="10">
        <v>14.884573489999999</v>
      </c>
    </row>
    <row r="11071" spans="1:10" x14ac:dyDescent="0.35">
      <c r="A11071" t="s">
        <v>62</v>
      </c>
      <c r="B11071" t="s">
        <v>69</v>
      </c>
      <c r="C11071" t="s">
        <v>117</v>
      </c>
      <c r="D11071" t="s">
        <v>118</v>
      </c>
      <c r="E11071">
        <v>2012</v>
      </c>
      <c r="F11071">
        <v>2012</v>
      </c>
      <c r="G11071" t="s">
        <v>126</v>
      </c>
      <c r="H11071" t="s">
        <v>124</v>
      </c>
      <c r="I11071" t="s">
        <v>15</v>
      </c>
      <c r="J11071" s="10">
        <v>2.1942990729999998</v>
      </c>
    </row>
    <row r="11072" spans="1:10" x14ac:dyDescent="0.35">
      <c r="A11072" t="s">
        <v>62</v>
      </c>
      <c r="B11072" t="s">
        <v>69</v>
      </c>
      <c r="C11072" t="s">
        <v>117</v>
      </c>
      <c r="D11072" t="s">
        <v>118</v>
      </c>
      <c r="E11072">
        <v>2011</v>
      </c>
      <c r="F11072">
        <v>2011</v>
      </c>
      <c r="G11072" t="s">
        <v>14</v>
      </c>
      <c r="H11072" t="s">
        <v>119</v>
      </c>
      <c r="I11072" t="s">
        <v>15</v>
      </c>
      <c r="J11072" s="10">
        <v>15.873845859999999</v>
      </c>
    </row>
    <row r="11073" spans="1:10" x14ac:dyDescent="0.35">
      <c r="A11073" t="s">
        <v>62</v>
      </c>
      <c r="B11073" t="s">
        <v>69</v>
      </c>
      <c r="C11073" t="s">
        <v>117</v>
      </c>
      <c r="D11073" t="s">
        <v>118</v>
      </c>
      <c r="E11073">
        <v>2011</v>
      </c>
      <c r="F11073">
        <v>2011</v>
      </c>
      <c r="G11073" t="s">
        <v>14</v>
      </c>
      <c r="H11073" t="s">
        <v>120</v>
      </c>
      <c r="I11073" t="s">
        <v>15</v>
      </c>
      <c r="J11073" s="10">
        <v>14.41938547</v>
      </c>
    </row>
    <row r="11074" spans="1:10" x14ac:dyDescent="0.35">
      <c r="A11074" t="s">
        <v>62</v>
      </c>
      <c r="B11074" t="s">
        <v>69</v>
      </c>
      <c r="C11074" t="s">
        <v>117</v>
      </c>
      <c r="D11074" t="s">
        <v>118</v>
      </c>
      <c r="E11074">
        <v>2011</v>
      </c>
      <c r="F11074">
        <v>2011</v>
      </c>
      <c r="G11074" t="s">
        <v>14</v>
      </c>
      <c r="H11074" t="s">
        <v>121</v>
      </c>
      <c r="I11074" t="s">
        <v>15</v>
      </c>
      <c r="J11074" s="10">
        <v>35.980350340000001</v>
      </c>
    </row>
    <row r="11075" spans="1:10" x14ac:dyDescent="0.35">
      <c r="A11075" t="s">
        <v>62</v>
      </c>
      <c r="B11075" t="s">
        <v>69</v>
      </c>
      <c r="C11075" t="s">
        <v>117</v>
      </c>
      <c r="D11075" t="s">
        <v>118</v>
      </c>
      <c r="E11075">
        <v>2011</v>
      </c>
      <c r="F11075">
        <v>2011</v>
      </c>
      <c r="G11075" t="s">
        <v>14</v>
      </c>
      <c r="H11075" t="s">
        <v>122</v>
      </c>
      <c r="I11075" t="s">
        <v>15</v>
      </c>
      <c r="J11075" s="10">
        <v>18.625899579999999</v>
      </c>
    </row>
    <row r="11076" spans="1:10" x14ac:dyDescent="0.35">
      <c r="A11076" t="s">
        <v>62</v>
      </c>
      <c r="B11076" t="s">
        <v>69</v>
      </c>
      <c r="C11076" t="s">
        <v>117</v>
      </c>
      <c r="D11076" t="s">
        <v>118</v>
      </c>
      <c r="E11076">
        <v>2011</v>
      </c>
      <c r="F11076">
        <v>2011</v>
      </c>
      <c r="G11076" t="s">
        <v>14</v>
      </c>
      <c r="H11076" t="s">
        <v>123</v>
      </c>
      <c r="I11076" t="s">
        <v>15</v>
      </c>
      <c r="J11076" s="10">
        <v>13.48506323</v>
      </c>
    </row>
    <row r="11077" spans="1:10" x14ac:dyDescent="0.35">
      <c r="A11077" t="s">
        <v>62</v>
      </c>
      <c r="B11077" t="s">
        <v>69</v>
      </c>
      <c r="C11077" t="s">
        <v>117</v>
      </c>
      <c r="D11077" t="s">
        <v>118</v>
      </c>
      <c r="E11077">
        <v>2011</v>
      </c>
      <c r="F11077">
        <v>2011</v>
      </c>
      <c r="G11077" t="s">
        <v>14</v>
      </c>
      <c r="H11077" t="s">
        <v>124</v>
      </c>
      <c r="I11077" t="s">
        <v>15</v>
      </c>
      <c r="J11077" s="10">
        <v>1.6154555340000001</v>
      </c>
    </row>
    <row r="11078" spans="1:10" x14ac:dyDescent="0.35">
      <c r="A11078" t="s">
        <v>62</v>
      </c>
      <c r="B11078" t="s">
        <v>69</v>
      </c>
      <c r="C11078" t="s">
        <v>117</v>
      </c>
      <c r="D11078" t="s">
        <v>118</v>
      </c>
      <c r="E11078">
        <v>2011</v>
      </c>
      <c r="F11078">
        <v>2011</v>
      </c>
      <c r="G11078" t="s">
        <v>125</v>
      </c>
      <c r="H11078" t="s">
        <v>119</v>
      </c>
      <c r="I11078" t="s">
        <v>15</v>
      </c>
      <c r="J11078" s="10">
        <v>16.916159140000001</v>
      </c>
    </row>
    <row r="11079" spans="1:10" x14ac:dyDescent="0.35">
      <c r="A11079" t="s">
        <v>62</v>
      </c>
      <c r="B11079" t="s">
        <v>69</v>
      </c>
      <c r="C11079" t="s">
        <v>117</v>
      </c>
      <c r="D11079" t="s">
        <v>118</v>
      </c>
      <c r="E11079">
        <v>2011</v>
      </c>
      <c r="F11079">
        <v>2011</v>
      </c>
      <c r="G11079" t="s">
        <v>125</v>
      </c>
      <c r="H11079" t="s">
        <v>120</v>
      </c>
      <c r="I11079" t="s">
        <v>15</v>
      </c>
      <c r="J11079" s="10">
        <v>14.5995788</v>
      </c>
    </row>
    <row r="11080" spans="1:10" x14ac:dyDescent="0.35">
      <c r="A11080" t="s">
        <v>62</v>
      </c>
      <c r="B11080" t="s">
        <v>69</v>
      </c>
      <c r="C11080" t="s">
        <v>117</v>
      </c>
      <c r="D11080" t="s">
        <v>118</v>
      </c>
      <c r="E11080">
        <v>2011</v>
      </c>
      <c r="F11080">
        <v>2011</v>
      </c>
      <c r="G11080" t="s">
        <v>125</v>
      </c>
      <c r="H11080" t="s">
        <v>121</v>
      </c>
      <c r="I11080" t="s">
        <v>15</v>
      </c>
      <c r="J11080" s="10">
        <v>36.473333709999999</v>
      </c>
    </row>
    <row r="11081" spans="1:10" x14ac:dyDescent="0.35">
      <c r="A11081" t="s">
        <v>62</v>
      </c>
      <c r="B11081" t="s">
        <v>69</v>
      </c>
      <c r="C11081" t="s">
        <v>117</v>
      </c>
      <c r="D11081" t="s">
        <v>118</v>
      </c>
      <c r="E11081">
        <v>2011</v>
      </c>
      <c r="F11081">
        <v>2011</v>
      </c>
      <c r="G11081" t="s">
        <v>125</v>
      </c>
      <c r="H11081" t="s">
        <v>122</v>
      </c>
      <c r="I11081" t="s">
        <v>15</v>
      </c>
      <c r="J11081" s="10">
        <v>18.942455460000001</v>
      </c>
    </row>
    <row r="11082" spans="1:10" x14ac:dyDescent="0.35">
      <c r="A11082" t="s">
        <v>62</v>
      </c>
      <c r="B11082" t="s">
        <v>69</v>
      </c>
      <c r="C11082" t="s">
        <v>117</v>
      </c>
      <c r="D11082" t="s">
        <v>118</v>
      </c>
      <c r="E11082">
        <v>2011</v>
      </c>
      <c r="F11082">
        <v>2011</v>
      </c>
      <c r="G11082" t="s">
        <v>125</v>
      </c>
      <c r="H11082" t="s">
        <v>123</v>
      </c>
      <c r="I11082" t="s">
        <v>15</v>
      </c>
      <c r="J11082" s="10">
        <v>12.092321699999999</v>
      </c>
    </row>
    <row r="11083" spans="1:10" x14ac:dyDescent="0.35">
      <c r="A11083" t="s">
        <v>62</v>
      </c>
      <c r="B11083" t="s">
        <v>69</v>
      </c>
      <c r="C11083" t="s">
        <v>117</v>
      </c>
      <c r="D11083" t="s">
        <v>118</v>
      </c>
      <c r="E11083">
        <v>2011</v>
      </c>
      <c r="F11083">
        <v>2011</v>
      </c>
      <c r="G11083" t="s">
        <v>125</v>
      </c>
      <c r="H11083" t="s">
        <v>124</v>
      </c>
      <c r="I11083" t="s">
        <v>15</v>
      </c>
      <c r="J11083" s="10">
        <v>0.97615117500000004</v>
      </c>
    </row>
    <row r="11084" spans="1:10" x14ac:dyDescent="0.35">
      <c r="A11084" t="s">
        <v>62</v>
      </c>
      <c r="B11084" t="s">
        <v>69</v>
      </c>
      <c r="C11084" t="s">
        <v>117</v>
      </c>
      <c r="D11084" t="s">
        <v>118</v>
      </c>
      <c r="E11084">
        <v>2011</v>
      </c>
      <c r="F11084">
        <v>2011</v>
      </c>
      <c r="G11084" t="s">
        <v>126</v>
      </c>
      <c r="H11084" t="s">
        <v>119</v>
      </c>
      <c r="I11084" t="s">
        <v>15</v>
      </c>
      <c r="J11084" s="10">
        <v>14.89809511</v>
      </c>
    </row>
    <row r="11085" spans="1:10" x14ac:dyDescent="0.35">
      <c r="A11085" t="s">
        <v>62</v>
      </c>
      <c r="B11085" t="s">
        <v>69</v>
      </c>
      <c r="C11085" t="s">
        <v>117</v>
      </c>
      <c r="D11085" t="s">
        <v>118</v>
      </c>
      <c r="E11085">
        <v>2011</v>
      </c>
      <c r="F11085">
        <v>2011</v>
      </c>
      <c r="G11085" t="s">
        <v>126</v>
      </c>
      <c r="H11085" t="s">
        <v>120</v>
      </c>
      <c r="I11085" t="s">
        <v>15</v>
      </c>
      <c r="J11085" s="10">
        <v>14.25069935</v>
      </c>
    </row>
    <row r="11086" spans="1:10" x14ac:dyDescent="0.35">
      <c r="A11086" t="s">
        <v>62</v>
      </c>
      <c r="B11086" t="s">
        <v>69</v>
      </c>
      <c r="C11086" t="s">
        <v>117</v>
      </c>
      <c r="D11086" t="s">
        <v>118</v>
      </c>
      <c r="E11086">
        <v>2011</v>
      </c>
      <c r="F11086">
        <v>2011</v>
      </c>
      <c r="G11086" t="s">
        <v>126</v>
      </c>
      <c r="H11086" t="s">
        <v>121</v>
      </c>
      <c r="I11086" t="s">
        <v>15</v>
      </c>
      <c r="J11086" s="10">
        <v>35.518849070000002</v>
      </c>
    </row>
    <row r="11087" spans="1:10" x14ac:dyDescent="0.35">
      <c r="A11087" t="s">
        <v>62</v>
      </c>
      <c r="B11087" t="s">
        <v>69</v>
      </c>
      <c r="C11087" t="s">
        <v>117</v>
      </c>
      <c r="D11087" t="s">
        <v>118</v>
      </c>
      <c r="E11087">
        <v>2011</v>
      </c>
      <c r="F11087">
        <v>2011</v>
      </c>
      <c r="G11087" t="s">
        <v>126</v>
      </c>
      <c r="H11087" t="s">
        <v>122</v>
      </c>
      <c r="I11087" t="s">
        <v>15</v>
      </c>
      <c r="J11087" s="10">
        <v>18.329559079999999</v>
      </c>
    </row>
    <row r="11088" spans="1:10" x14ac:dyDescent="0.35">
      <c r="A11088" t="s">
        <v>62</v>
      </c>
      <c r="B11088" t="s">
        <v>69</v>
      </c>
      <c r="C11088" t="s">
        <v>117</v>
      </c>
      <c r="D11088" t="s">
        <v>118</v>
      </c>
      <c r="E11088">
        <v>2011</v>
      </c>
      <c r="F11088">
        <v>2011</v>
      </c>
      <c r="G11088" t="s">
        <v>126</v>
      </c>
      <c r="H11088" t="s">
        <v>123</v>
      </c>
      <c r="I11088" t="s">
        <v>15</v>
      </c>
      <c r="J11088" s="10">
        <v>14.788863729999999</v>
      </c>
    </row>
    <row r="11089" spans="1:10" x14ac:dyDescent="0.35">
      <c r="A11089" t="s">
        <v>62</v>
      </c>
      <c r="B11089" t="s">
        <v>69</v>
      </c>
      <c r="C11089" t="s">
        <v>117</v>
      </c>
      <c r="D11089" t="s">
        <v>118</v>
      </c>
      <c r="E11089">
        <v>2011</v>
      </c>
      <c r="F11089">
        <v>2011</v>
      </c>
      <c r="G11089" t="s">
        <v>126</v>
      </c>
      <c r="H11089" t="s">
        <v>124</v>
      </c>
      <c r="I11089" t="s">
        <v>15</v>
      </c>
      <c r="J11089" s="10">
        <v>2.2139336620000001</v>
      </c>
    </row>
    <row r="11090" spans="1:10" x14ac:dyDescent="0.35">
      <c r="A11090" t="s">
        <v>62</v>
      </c>
      <c r="B11090" t="s">
        <v>70</v>
      </c>
      <c r="C11090" t="s">
        <v>117</v>
      </c>
      <c r="D11090" t="s">
        <v>118</v>
      </c>
      <c r="E11090">
        <v>2020</v>
      </c>
      <c r="F11090">
        <v>2020</v>
      </c>
      <c r="G11090" t="s">
        <v>14</v>
      </c>
      <c r="H11090" t="s">
        <v>119</v>
      </c>
      <c r="I11090" t="s">
        <v>15</v>
      </c>
      <c r="J11090" s="10">
        <v>16.4991798</v>
      </c>
    </row>
    <row r="11091" spans="1:10" x14ac:dyDescent="0.35">
      <c r="A11091" t="s">
        <v>62</v>
      </c>
      <c r="B11091" t="s">
        <v>70</v>
      </c>
      <c r="C11091" t="s">
        <v>117</v>
      </c>
      <c r="D11091" t="s">
        <v>118</v>
      </c>
      <c r="E11091">
        <v>2020</v>
      </c>
      <c r="F11091">
        <v>2020</v>
      </c>
      <c r="G11091" t="s">
        <v>14</v>
      </c>
      <c r="H11091" t="s">
        <v>120</v>
      </c>
      <c r="I11091" t="s">
        <v>15</v>
      </c>
      <c r="J11091" s="10">
        <v>9.3241250020000006</v>
      </c>
    </row>
    <row r="11092" spans="1:10" x14ac:dyDescent="0.35">
      <c r="A11092" t="s">
        <v>62</v>
      </c>
      <c r="B11092" t="s">
        <v>70</v>
      </c>
      <c r="C11092" t="s">
        <v>117</v>
      </c>
      <c r="D11092" t="s">
        <v>118</v>
      </c>
      <c r="E11092">
        <v>2020</v>
      </c>
      <c r="F11092">
        <v>2020</v>
      </c>
      <c r="G11092" t="s">
        <v>14</v>
      </c>
      <c r="H11092" t="s">
        <v>121</v>
      </c>
      <c r="I11092" t="s">
        <v>15</v>
      </c>
      <c r="J11092" s="10">
        <v>45.788015379999997</v>
      </c>
    </row>
    <row r="11093" spans="1:10" x14ac:dyDescent="0.35">
      <c r="A11093" t="s">
        <v>62</v>
      </c>
      <c r="B11093" t="s">
        <v>70</v>
      </c>
      <c r="C11093" t="s">
        <v>117</v>
      </c>
      <c r="D11093" t="s">
        <v>118</v>
      </c>
      <c r="E11093">
        <v>2020</v>
      </c>
      <c r="F11093">
        <v>2020</v>
      </c>
      <c r="G11093" t="s">
        <v>14</v>
      </c>
      <c r="H11093" t="s">
        <v>122</v>
      </c>
      <c r="I11093" t="s">
        <v>15</v>
      </c>
      <c r="J11093" s="10">
        <v>16.346167099999999</v>
      </c>
    </row>
    <row r="11094" spans="1:10" x14ac:dyDescent="0.35">
      <c r="A11094" t="s">
        <v>62</v>
      </c>
      <c r="B11094" t="s">
        <v>70</v>
      </c>
      <c r="C11094" t="s">
        <v>117</v>
      </c>
      <c r="D11094" t="s">
        <v>118</v>
      </c>
      <c r="E11094">
        <v>2020</v>
      </c>
      <c r="F11094">
        <v>2020</v>
      </c>
      <c r="G11094" t="s">
        <v>14</v>
      </c>
      <c r="H11094" t="s">
        <v>123</v>
      </c>
      <c r="I11094" t="s">
        <v>15</v>
      </c>
      <c r="J11094" s="10">
        <v>10.344209640000001</v>
      </c>
    </row>
    <row r="11095" spans="1:10" x14ac:dyDescent="0.35">
      <c r="A11095" t="s">
        <v>62</v>
      </c>
      <c r="B11095" t="s">
        <v>70</v>
      </c>
      <c r="C11095" t="s">
        <v>117</v>
      </c>
      <c r="D11095" t="s">
        <v>118</v>
      </c>
      <c r="E11095">
        <v>2020</v>
      </c>
      <c r="F11095">
        <v>2020</v>
      </c>
      <c r="G11095" t="s">
        <v>14</v>
      </c>
      <c r="H11095" t="s">
        <v>124</v>
      </c>
      <c r="I11095" t="s">
        <v>15</v>
      </c>
      <c r="J11095" s="10">
        <v>1.6983030750000001</v>
      </c>
    </row>
    <row r="11096" spans="1:10" x14ac:dyDescent="0.35">
      <c r="A11096" t="s">
        <v>62</v>
      </c>
      <c r="B11096" t="s">
        <v>70</v>
      </c>
      <c r="C11096" t="s">
        <v>117</v>
      </c>
      <c r="D11096" t="s">
        <v>118</v>
      </c>
      <c r="E11096">
        <v>2020</v>
      </c>
      <c r="F11096">
        <v>2020</v>
      </c>
      <c r="G11096" t="s">
        <v>125</v>
      </c>
      <c r="H11096" t="s">
        <v>119</v>
      </c>
      <c r="I11096" t="s">
        <v>15</v>
      </c>
      <c r="J11096" s="10">
        <v>16.0215736</v>
      </c>
    </row>
    <row r="11097" spans="1:10" x14ac:dyDescent="0.35">
      <c r="A11097" t="s">
        <v>62</v>
      </c>
      <c r="B11097" t="s">
        <v>70</v>
      </c>
      <c r="C11097" t="s">
        <v>117</v>
      </c>
      <c r="D11097" t="s">
        <v>118</v>
      </c>
      <c r="E11097">
        <v>2020</v>
      </c>
      <c r="F11097">
        <v>2020</v>
      </c>
      <c r="G11097" t="s">
        <v>125</v>
      </c>
      <c r="H11097" t="s">
        <v>120</v>
      </c>
      <c r="I11097" t="s">
        <v>15</v>
      </c>
      <c r="J11097" s="10">
        <v>9.6208756350000009</v>
      </c>
    </row>
    <row r="11098" spans="1:10" x14ac:dyDescent="0.35">
      <c r="A11098" t="s">
        <v>62</v>
      </c>
      <c r="B11098" t="s">
        <v>70</v>
      </c>
      <c r="C11098" t="s">
        <v>117</v>
      </c>
      <c r="D11098" t="s">
        <v>118</v>
      </c>
      <c r="E11098">
        <v>2020</v>
      </c>
      <c r="F11098">
        <v>2020</v>
      </c>
      <c r="G11098" t="s">
        <v>125</v>
      </c>
      <c r="H11098" t="s">
        <v>121</v>
      </c>
      <c r="I11098" t="s">
        <v>15</v>
      </c>
      <c r="J11098" s="10">
        <v>47.60469543</v>
      </c>
    </row>
    <row r="11099" spans="1:10" x14ac:dyDescent="0.35">
      <c r="A11099" t="s">
        <v>62</v>
      </c>
      <c r="B11099" t="s">
        <v>70</v>
      </c>
      <c r="C11099" t="s">
        <v>117</v>
      </c>
      <c r="D11099" t="s">
        <v>118</v>
      </c>
      <c r="E11099">
        <v>2020</v>
      </c>
      <c r="F11099">
        <v>2020</v>
      </c>
      <c r="G11099" t="s">
        <v>125</v>
      </c>
      <c r="H11099" t="s">
        <v>122</v>
      </c>
      <c r="I11099" t="s">
        <v>15</v>
      </c>
      <c r="J11099" s="10">
        <v>16.100888319999999</v>
      </c>
    </row>
    <row r="11100" spans="1:10" x14ac:dyDescent="0.35">
      <c r="A11100" t="s">
        <v>62</v>
      </c>
      <c r="B11100" t="s">
        <v>70</v>
      </c>
      <c r="C11100" t="s">
        <v>117</v>
      </c>
      <c r="D11100" t="s">
        <v>118</v>
      </c>
      <c r="E11100">
        <v>2020</v>
      </c>
      <c r="F11100">
        <v>2020</v>
      </c>
      <c r="G11100" t="s">
        <v>125</v>
      </c>
      <c r="H11100" t="s">
        <v>123</v>
      </c>
      <c r="I11100" t="s">
        <v>15</v>
      </c>
      <c r="J11100" s="10">
        <v>9.6526015229999995</v>
      </c>
    </row>
    <row r="11101" spans="1:10" x14ac:dyDescent="0.35">
      <c r="A11101" t="s">
        <v>62</v>
      </c>
      <c r="B11101" t="s">
        <v>70</v>
      </c>
      <c r="C11101" t="s">
        <v>117</v>
      </c>
      <c r="D11101" t="s">
        <v>118</v>
      </c>
      <c r="E11101">
        <v>2020</v>
      </c>
      <c r="F11101">
        <v>2020</v>
      </c>
      <c r="G11101" t="s">
        <v>125</v>
      </c>
      <c r="H11101" t="s">
        <v>124</v>
      </c>
      <c r="I11101" t="s">
        <v>15</v>
      </c>
      <c r="J11101" s="10">
        <v>0.99936548199999997</v>
      </c>
    </row>
    <row r="11102" spans="1:10" x14ac:dyDescent="0.35">
      <c r="A11102" t="s">
        <v>62</v>
      </c>
      <c r="B11102" t="s">
        <v>70</v>
      </c>
      <c r="C11102" t="s">
        <v>117</v>
      </c>
      <c r="D11102" t="s">
        <v>118</v>
      </c>
      <c r="E11102">
        <v>2020</v>
      </c>
      <c r="F11102">
        <v>2020</v>
      </c>
      <c r="G11102" t="s">
        <v>126</v>
      </c>
      <c r="H11102" t="s">
        <v>119</v>
      </c>
      <c r="I11102" t="s">
        <v>15</v>
      </c>
      <c r="J11102" s="10">
        <v>17.019499410000002</v>
      </c>
    </row>
    <row r="11103" spans="1:10" x14ac:dyDescent="0.35">
      <c r="A11103" t="s">
        <v>62</v>
      </c>
      <c r="B11103" t="s">
        <v>70</v>
      </c>
      <c r="C11103" t="s">
        <v>117</v>
      </c>
      <c r="D11103" t="s">
        <v>118</v>
      </c>
      <c r="E11103">
        <v>2020</v>
      </c>
      <c r="F11103">
        <v>2020</v>
      </c>
      <c r="G11103" t="s">
        <v>126</v>
      </c>
      <c r="H11103" t="s">
        <v>120</v>
      </c>
      <c r="I11103" t="s">
        <v>15</v>
      </c>
      <c r="J11103" s="10">
        <v>9.0008352780000003</v>
      </c>
    </row>
    <row r="11104" spans="1:10" x14ac:dyDescent="0.35">
      <c r="A11104" t="s">
        <v>62</v>
      </c>
      <c r="B11104" t="s">
        <v>70</v>
      </c>
      <c r="C11104" t="s">
        <v>117</v>
      </c>
      <c r="D11104" t="s">
        <v>118</v>
      </c>
      <c r="E11104">
        <v>2020</v>
      </c>
      <c r="F11104">
        <v>2020</v>
      </c>
      <c r="G11104" t="s">
        <v>126</v>
      </c>
      <c r="H11104" t="s">
        <v>121</v>
      </c>
      <c r="I11104" t="s">
        <v>15</v>
      </c>
      <c r="J11104" s="10">
        <v>43.80886546</v>
      </c>
    </row>
    <row r="11105" spans="1:10" x14ac:dyDescent="0.35">
      <c r="A11105" t="s">
        <v>62</v>
      </c>
      <c r="B11105" t="s">
        <v>70</v>
      </c>
      <c r="C11105" t="s">
        <v>117</v>
      </c>
      <c r="D11105" t="s">
        <v>118</v>
      </c>
      <c r="E11105">
        <v>2020</v>
      </c>
      <c r="F11105">
        <v>2020</v>
      </c>
      <c r="G11105" t="s">
        <v>126</v>
      </c>
      <c r="H11105" t="s">
        <v>122</v>
      </c>
      <c r="I11105" t="s">
        <v>15</v>
      </c>
      <c r="J11105" s="10">
        <v>16.61338172</v>
      </c>
    </row>
    <row r="11106" spans="1:10" x14ac:dyDescent="0.35">
      <c r="A11106" t="s">
        <v>62</v>
      </c>
      <c r="B11106" t="s">
        <v>70</v>
      </c>
      <c r="C11106" t="s">
        <v>117</v>
      </c>
      <c r="D11106" t="s">
        <v>118</v>
      </c>
      <c r="E11106">
        <v>2020</v>
      </c>
      <c r="F11106">
        <v>2020</v>
      </c>
      <c r="G11106" t="s">
        <v>126</v>
      </c>
      <c r="H11106" t="s">
        <v>123</v>
      </c>
      <c r="I11106" t="s">
        <v>15</v>
      </c>
      <c r="J11106" s="10">
        <v>11.09766986</v>
      </c>
    </row>
    <row r="11107" spans="1:10" x14ac:dyDescent="0.35">
      <c r="A11107" t="s">
        <v>62</v>
      </c>
      <c r="B11107" t="s">
        <v>70</v>
      </c>
      <c r="C11107" t="s">
        <v>117</v>
      </c>
      <c r="D11107" t="s">
        <v>118</v>
      </c>
      <c r="E11107">
        <v>2020</v>
      </c>
      <c r="F11107">
        <v>2020</v>
      </c>
      <c r="G11107" t="s">
        <v>126</v>
      </c>
      <c r="H11107" t="s">
        <v>124</v>
      </c>
      <c r="I11107" t="s">
        <v>15</v>
      </c>
      <c r="J11107" s="10">
        <v>2.459748265</v>
      </c>
    </row>
    <row r="11108" spans="1:10" x14ac:dyDescent="0.35">
      <c r="A11108" t="s">
        <v>62</v>
      </c>
      <c r="B11108" t="s">
        <v>70</v>
      </c>
      <c r="C11108" t="s">
        <v>117</v>
      </c>
      <c r="D11108" t="s">
        <v>118</v>
      </c>
      <c r="E11108">
        <v>2019</v>
      </c>
      <c r="F11108">
        <v>2019</v>
      </c>
      <c r="G11108" t="s">
        <v>14</v>
      </c>
      <c r="H11108" t="s">
        <v>119</v>
      </c>
      <c r="I11108" t="s">
        <v>15</v>
      </c>
      <c r="J11108" s="10">
        <v>16.52004045</v>
      </c>
    </row>
    <row r="11109" spans="1:10" x14ac:dyDescent="0.35">
      <c r="A11109" t="s">
        <v>62</v>
      </c>
      <c r="B11109" t="s">
        <v>70</v>
      </c>
      <c r="C11109" t="s">
        <v>117</v>
      </c>
      <c r="D11109" t="s">
        <v>118</v>
      </c>
      <c r="E11109">
        <v>2019</v>
      </c>
      <c r="F11109">
        <v>2019</v>
      </c>
      <c r="G11109" t="s">
        <v>14</v>
      </c>
      <c r="H11109" t="s">
        <v>120</v>
      </c>
      <c r="I11109" t="s">
        <v>15</v>
      </c>
      <c r="J11109" s="10">
        <v>9.7812383100000009</v>
      </c>
    </row>
    <row r="11110" spans="1:10" x14ac:dyDescent="0.35">
      <c r="A11110" t="s">
        <v>62</v>
      </c>
      <c r="B11110" t="s">
        <v>70</v>
      </c>
      <c r="C11110" t="s">
        <v>117</v>
      </c>
      <c r="D11110" t="s">
        <v>118</v>
      </c>
      <c r="E11110">
        <v>2019</v>
      </c>
      <c r="F11110">
        <v>2019</v>
      </c>
      <c r="G11110" t="s">
        <v>14</v>
      </c>
      <c r="H11110" t="s">
        <v>121</v>
      </c>
      <c r="I11110" t="s">
        <v>15</v>
      </c>
      <c r="J11110" s="10">
        <v>45.27078513</v>
      </c>
    </row>
    <row r="11111" spans="1:10" x14ac:dyDescent="0.35">
      <c r="A11111" t="s">
        <v>62</v>
      </c>
      <c r="B11111" t="s">
        <v>70</v>
      </c>
      <c r="C11111" t="s">
        <v>117</v>
      </c>
      <c r="D11111" t="s">
        <v>118</v>
      </c>
      <c r="E11111">
        <v>2019</v>
      </c>
      <c r="F11111">
        <v>2019</v>
      </c>
      <c r="G11111" t="s">
        <v>14</v>
      </c>
      <c r="H11111" t="s">
        <v>122</v>
      </c>
      <c r="I11111" t="s">
        <v>15</v>
      </c>
      <c r="J11111" s="10">
        <v>16.330234560000001</v>
      </c>
    </row>
    <row r="11112" spans="1:10" x14ac:dyDescent="0.35">
      <c r="A11112" t="s">
        <v>62</v>
      </c>
      <c r="B11112" t="s">
        <v>70</v>
      </c>
      <c r="C11112" t="s">
        <v>117</v>
      </c>
      <c r="D11112" t="s">
        <v>118</v>
      </c>
      <c r="E11112">
        <v>2019</v>
      </c>
      <c r="F11112">
        <v>2019</v>
      </c>
      <c r="G11112" t="s">
        <v>14</v>
      </c>
      <c r="H11112" t="s">
        <v>123</v>
      </c>
      <c r="I11112" t="s">
        <v>15</v>
      </c>
      <c r="J11112" s="10">
        <v>10.370052230000001</v>
      </c>
    </row>
    <row r="11113" spans="1:10" x14ac:dyDescent="0.35">
      <c r="A11113" t="s">
        <v>62</v>
      </c>
      <c r="B11113" t="s">
        <v>70</v>
      </c>
      <c r="C11113" t="s">
        <v>117</v>
      </c>
      <c r="D11113" t="s">
        <v>118</v>
      </c>
      <c r="E11113">
        <v>2019</v>
      </c>
      <c r="F11113">
        <v>2019</v>
      </c>
      <c r="G11113" t="s">
        <v>14</v>
      </c>
      <c r="H11113" t="s">
        <v>124</v>
      </c>
      <c r="I11113" t="s">
        <v>15</v>
      </c>
      <c r="J11113" s="10">
        <v>1.7276493159999999</v>
      </c>
    </row>
    <row r="11114" spans="1:10" x14ac:dyDescent="0.35">
      <c r="A11114" t="s">
        <v>62</v>
      </c>
      <c r="B11114" t="s">
        <v>70</v>
      </c>
      <c r="C11114" t="s">
        <v>117</v>
      </c>
      <c r="D11114" t="s">
        <v>118</v>
      </c>
      <c r="E11114">
        <v>2019</v>
      </c>
      <c r="F11114">
        <v>2019</v>
      </c>
      <c r="G11114" t="s">
        <v>125</v>
      </c>
      <c r="H11114" t="s">
        <v>119</v>
      </c>
      <c r="I11114" t="s">
        <v>15</v>
      </c>
      <c r="J11114" s="10">
        <v>16.202941639999999</v>
      </c>
    </row>
    <row r="11115" spans="1:10" x14ac:dyDescent="0.35">
      <c r="A11115" t="s">
        <v>62</v>
      </c>
      <c r="B11115" t="s">
        <v>70</v>
      </c>
      <c r="C11115" t="s">
        <v>117</v>
      </c>
      <c r="D11115" t="s">
        <v>118</v>
      </c>
      <c r="E11115">
        <v>2019</v>
      </c>
      <c r="F11115">
        <v>2019</v>
      </c>
      <c r="G11115" t="s">
        <v>125</v>
      </c>
      <c r="H11115" t="s">
        <v>120</v>
      </c>
      <c r="I11115" t="s">
        <v>15</v>
      </c>
      <c r="J11115" s="10">
        <v>9.9585833380000004</v>
      </c>
    </row>
    <row r="11116" spans="1:10" x14ac:dyDescent="0.35">
      <c r="A11116" t="s">
        <v>62</v>
      </c>
      <c r="B11116" t="s">
        <v>70</v>
      </c>
      <c r="C11116" t="s">
        <v>117</v>
      </c>
      <c r="D11116" t="s">
        <v>118</v>
      </c>
      <c r="E11116">
        <v>2019</v>
      </c>
      <c r="F11116">
        <v>2019</v>
      </c>
      <c r="G11116" t="s">
        <v>125</v>
      </c>
      <c r="H11116" t="s">
        <v>121</v>
      </c>
      <c r="I11116" t="s">
        <v>15</v>
      </c>
      <c r="J11116" s="10">
        <v>47.191100730000002</v>
      </c>
    </row>
    <row r="11117" spans="1:10" x14ac:dyDescent="0.35">
      <c r="A11117" t="s">
        <v>62</v>
      </c>
      <c r="B11117" t="s">
        <v>70</v>
      </c>
      <c r="C11117" t="s">
        <v>117</v>
      </c>
      <c r="D11117" t="s">
        <v>118</v>
      </c>
      <c r="E11117">
        <v>2019</v>
      </c>
      <c r="F11117">
        <v>2019</v>
      </c>
      <c r="G11117" t="s">
        <v>125</v>
      </c>
      <c r="H11117" t="s">
        <v>122</v>
      </c>
      <c r="I11117" t="s">
        <v>15</v>
      </c>
      <c r="J11117" s="10">
        <v>16.014442729999999</v>
      </c>
    </row>
    <row r="11118" spans="1:10" x14ac:dyDescent="0.35">
      <c r="A11118" t="s">
        <v>62</v>
      </c>
      <c r="B11118" t="s">
        <v>70</v>
      </c>
      <c r="C11118" t="s">
        <v>117</v>
      </c>
      <c r="D11118" t="s">
        <v>118</v>
      </c>
      <c r="E11118">
        <v>2019</v>
      </c>
      <c r="F11118">
        <v>2019</v>
      </c>
      <c r="G11118" t="s">
        <v>125</v>
      </c>
      <c r="H11118" t="s">
        <v>123</v>
      </c>
      <c r="I11118" t="s">
        <v>15</v>
      </c>
      <c r="J11118" s="10">
        <v>9.6506132850000004</v>
      </c>
    </row>
    <row r="11119" spans="1:10" x14ac:dyDescent="0.35">
      <c r="A11119" t="s">
        <v>62</v>
      </c>
      <c r="B11119" t="s">
        <v>70</v>
      </c>
      <c r="C11119" t="s">
        <v>117</v>
      </c>
      <c r="D11119" t="s">
        <v>118</v>
      </c>
      <c r="E11119">
        <v>2019</v>
      </c>
      <c r="F11119">
        <v>2019</v>
      </c>
      <c r="G11119" t="s">
        <v>125</v>
      </c>
      <c r="H11119" t="s">
        <v>124</v>
      </c>
      <c r="I11119" t="s">
        <v>15</v>
      </c>
      <c r="J11119" s="10">
        <v>0.98231827100000002</v>
      </c>
    </row>
    <row r="11120" spans="1:10" x14ac:dyDescent="0.35">
      <c r="A11120" t="s">
        <v>62</v>
      </c>
      <c r="B11120" t="s">
        <v>70</v>
      </c>
      <c r="C11120" t="s">
        <v>117</v>
      </c>
      <c r="D11120" t="s">
        <v>118</v>
      </c>
      <c r="E11120">
        <v>2019</v>
      </c>
      <c r="F11120">
        <v>2019</v>
      </c>
      <c r="G11120" t="s">
        <v>126</v>
      </c>
      <c r="H11120" t="s">
        <v>119</v>
      </c>
      <c r="I11120" t="s">
        <v>15</v>
      </c>
      <c r="J11120" s="10">
        <v>16.86610842</v>
      </c>
    </row>
    <row r="11121" spans="1:10" x14ac:dyDescent="0.35">
      <c r="A11121" t="s">
        <v>62</v>
      </c>
      <c r="B11121" t="s">
        <v>70</v>
      </c>
      <c r="C11121" t="s">
        <v>117</v>
      </c>
      <c r="D11121" t="s">
        <v>118</v>
      </c>
      <c r="E11121">
        <v>2019</v>
      </c>
      <c r="F11121">
        <v>2019</v>
      </c>
      <c r="G11121" t="s">
        <v>126</v>
      </c>
      <c r="H11121" t="s">
        <v>120</v>
      </c>
      <c r="I11121" t="s">
        <v>15</v>
      </c>
      <c r="J11121" s="10">
        <v>9.5876915940000007</v>
      </c>
    </row>
    <row r="11122" spans="1:10" x14ac:dyDescent="0.35">
      <c r="A11122" t="s">
        <v>62</v>
      </c>
      <c r="B11122" t="s">
        <v>70</v>
      </c>
      <c r="C11122" t="s">
        <v>117</v>
      </c>
      <c r="D11122" t="s">
        <v>118</v>
      </c>
      <c r="E11122">
        <v>2019</v>
      </c>
      <c r="F11122">
        <v>2019</v>
      </c>
      <c r="G11122" t="s">
        <v>126</v>
      </c>
      <c r="H11122" t="s">
        <v>121</v>
      </c>
      <c r="I11122" t="s">
        <v>15</v>
      </c>
      <c r="J11122" s="10">
        <v>43.175035489999999</v>
      </c>
    </row>
    <row r="11123" spans="1:10" x14ac:dyDescent="0.35">
      <c r="A11123" t="s">
        <v>62</v>
      </c>
      <c r="B11123" t="s">
        <v>70</v>
      </c>
      <c r="C11123" t="s">
        <v>117</v>
      </c>
      <c r="D11123" t="s">
        <v>118</v>
      </c>
      <c r="E11123">
        <v>2019</v>
      </c>
      <c r="F11123">
        <v>2019</v>
      </c>
      <c r="G11123" t="s">
        <v>126</v>
      </c>
      <c r="H11123" t="s">
        <v>122</v>
      </c>
      <c r="I11123" t="s">
        <v>15</v>
      </c>
      <c r="J11123" s="10">
        <v>16.674876130000001</v>
      </c>
    </row>
    <row r="11124" spans="1:10" x14ac:dyDescent="0.35">
      <c r="A11124" t="s">
        <v>62</v>
      </c>
      <c r="B11124" t="s">
        <v>70</v>
      </c>
      <c r="C11124" t="s">
        <v>117</v>
      </c>
      <c r="D11124" t="s">
        <v>118</v>
      </c>
      <c r="E11124">
        <v>2019</v>
      </c>
      <c r="F11124">
        <v>2019</v>
      </c>
      <c r="G11124" t="s">
        <v>126</v>
      </c>
      <c r="H11124" t="s">
        <v>123</v>
      </c>
      <c r="I11124" t="s">
        <v>15</v>
      </c>
      <c r="J11124" s="10">
        <v>11.15521687</v>
      </c>
    </row>
    <row r="11125" spans="1:10" x14ac:dyDescent="0.35">
      <c r="A11125" t="s">
        <v>62</v>
      </c>
      <c r="B11125" t="s">
        <v>70</v>
      </c>
      <c r="C11125" t="s">
        <v>117</v>
      </c>
      <c r="D11125" t="s">
        <v>118</v>
      </c>
      <c r="E11125">
        <v>2019</v>
      </c>
      <c r="F11125">
        <v>2019</v>
      </c>
      <c r="G11125" t="s">
        <v>126</v>
      </c>
      <c r="H11125" t="s">
        <v>124</v>
      </c>
      <c r="I11125" t="s">
        <v>15</v>
      </c>
      <c r="J11125" s="10">
        <v>2.5410714799999998</v>
      </c>
    </row>
    <row r="11126" spans="1:10" x14ac:dyDescent="0.35">
      <c r="A11126" t="s">
        <v>62</v>
      </c>
      <c r="B11126" t="s">
        <v>70</v>
      </c>
      <c r="C11126" t="s">
        <v>117</v>
      </c>
      <c r="D11126" t="s">
        <v>118</v>
      </c>
      <c r="E11126">
        <v>2018</v>
      </c>
      <c r="F11126">
        <v>2018</v>
      </c>
      <c r="G11126" t="s">
        <v>14</v>
      </c>
      <c r="H11126" t="s">
        <v>119</v>
      </c>
      <c r="I11126" t="s">
        <v>15</v>
      </c>
      <c r="J11126" s="10">
        <v>16.645044840000001</v>
      </c>
    </row>
    <row r="11127" spans="1:10" x14ac:dyDescent="0.35">
      <c r="A11127" t="s">
        <v>62</v>
      </c>
      <c r="B11127" t="s">
        <v>70</v>
      </c>
      <c r="C11127" t="s">
        <v>117</v>
      </c>
      <c r="D11127" t="s">
        <v>118</v>
      </c>
      <c r="E11127">
        <v>2018</v>
      </c>
      <c r="F11127">
        <v>2018</v>
      </c>
      <c r="G11127" t="s">
        <v>14</v>
      </c>
      <c r="H11127" t="s">
        <v>120</v>
      </c>
      <c r="I11127" t="s">
        <v>15</v>
      </c>
      <c r="J11127" s="10">
        <v>9.8440408369999997</v>
      </c>
    </row>
    <row r="11128" spans="1:10" x14ac:dyDescent="0.35">
      <c r="A11128" t="s">
        <v>62</v>
      </c>
      <c r="B11128" t="s">
        <v>70</v>
      </c>
      <c r="C11128" t="s">
        <v>117</v>
      </c>
      <c r="D11128" t="s">
        <v>118</v>
      </c>
      <c r="E11128">
        <v>2018</v>
      </c>
      <c r="F11128">
        <v>2018</v>
      </c>
      <c r="G11128" t="s">
        <v>14</v>
      </c>
      <c r="H11128" t="s">
        <v>121</v>
      </c>
      <c r="I11128" t="s">
        <v>15</v>
      </c>
      <c r="J11128" s="10">
        <v>45.065993570000003</v>
      </c>
    </row>
    <row r="11129" spans="1:10" x14ac:dyDescent="0.35">
      <c r="A11129" t="s">
        <v>62</v>
      </c>
      <c r="B11129" t="s">
        <v>70</v>
      </c>
      <c r="C11129" t="s">
        <v>117</v>
      </c>
      <c r="D11129" t="s">
        <v>118</v>
      </c>
      <c r="E11129">
        <v>2018</v>
      </c>
      <c r="F11129">
        <v>2018</v>
      </c>
      <c r="G11129" t="s">
        <v>14</v>
      </c>
      <c r="H11129" t="s">
        <v>122</v>
      </c>
      <c r="I11129" t="s">
        <v>15</v>
      </c>
      <c r="J11129" s="10">
        <v>16.320717470000002</v>
      </c>
    </row>
    <row r="11130" spans="1:10" x14ac:dyDescent="0.35">
      <c r="A11130" t="s">
        <v>62</v>
      </c>
      <c r="B11130" t="s">
        <v>70</v>
      </c>
      <c r="C11130" t="s">
        <v>117</v>
      </c>
      <c r="D11130" t="s">
        <v>118</v>
      </c>
      <c r="E11130">
        <v>2018</v>
      </c>
      <c r="F11130">
        <v>2018</v>
      </c>
      <c r="G11130" t="s">
        <v>14</v>
      </c>
      <c r="H11130" t="s">
        <v>123</v>
      </c>
      <c r="I11130" t="s">
        <v>15</v>
      </c>
      <c r="J11130" s="10">
        <v>10.447571780000001</v>
      </c>
    </row>
    <row r="11131" spans="1:10" x14ac:dyDescent="0.35">
      <c r="A11131" t="s">
        <v>62</v>
      </c>
      <c r="B11131" t="s">
        <v>70</v>
      </c>
      <c r="C11131" t="s">
        <v>117</v>
      </c>
      <c r="D11131" t="s">
        <v>118</v>
      </c>
      <c r="E11131">
        <v>2018</v>
      </c>
      <c r="F11131">
        <v>2018</v>
      </c>
      <c r="G11131" t="s">
        <v>14</v>
      </c>
      <c r="H11131" t="s">
        <v>124</v>
      </c>
      <c r="I11131" t="s">
        <v>15</v>
      </c>
      <c r="J11131" s="10">
        <v>1.676631508</v>
      </c>
    </row>
    <row r="11132" spans="1:10" x14ac:dyDescent="0.35">
      <c r="A11132" t="s">
        <v>62</v>
      </c>
      <c r="B11132" t="s">
        <v>70</v>
      </c>
      <c r="C11132" t="s">
        <v>117</v>
      </c>
      <c r="D11132" t="s">
        <v>118</v>
      </c>
      <c r="E11132">
        <v>2018</v>
      </c>
      <c r="F11132">
        <v>2018</v>
      </c>
      <c r="G11132" t="s">
        <v>125</v>
      </c>
      <c r="H11132" t="s">
        <v>119</v>
      </c>
      <c r="I11132" t="s">
        <v>15</v>
      </c>
      <c r="J11132" s="10">
        <v>16.517929580000001</v>
      </c>
    </row>
    <row r="11133" spans="1:10" x14ac:dyDescent="0.35">
      <c r="A11133" t="s">
        <v>62</v>
      </c>
      <c r="B11133" t="s">
        <v>70</v>
      </c>
      <c r="C11133" t="s">
        <v>117</v>
      </c>
      <c r="D11133" t="s">
        <v>118</v>
      </c>
      <c r="E11133">
        <v>2018</v>
      </c>
      <c r="F11133">
        <v>2018</v>
      </c>
      <c r="G11133" t="s">
        <v>125</v>
      </c>
      <c r="H11133" t="s">
        <v>120</v>
      </c>
      <c r="I11133" t="s">
        <v>15</v>
      </c>
      <c r="J11133" s="10">
        <v>10.10060036</v>
      </c>
    </row>
    <row r="11134" spans="1:10" x14ac:dyDescent="0.35">
      <c r="A11134" t="s">
        <v>62</v>
      </c>
      <c r="B11134" t="s">
        <v>70</v>
      </c>
      <c r="C11134" t="s">
        <v>117</v>
      </c>
      <c r="D11134" t="s">
        <v>118</v>
      </c>
      <c r="E11134">
        <v>2018</v>
      </c>
      <c r="F11134">
        <v>2018</v>
      </c>
      <c r="G11134" t="s">
        <v>125</v>
      </c>
      <c r="H11134" t="s">
        <v>121</v>
      </c>
      <c r="I11134" t="s">
        <v>15</v>
      </c>
      <c r="J11134" s="10">
        <v>46.803504789999998</v>
      </c>
    </row>
    <row r="11135" spans="1:10" x14ac:dyDescent="0.35">
      <c r="A11135" t="s">
        <v>62</v>
      </c>
      <c r="B11135" t="s">
        <v>70</v>
      </c>
      <c r="C11135" t="s">
        <v>117</v>
      </c>
      <c r="D11135" t="s">
        <v>118</v>
      </c>
      <c r="E11135">
        <v>2018</v>
      </c>
      <c r="F11135">
        <v>2018</v>
      </c>
      <c r="G11135" t="s">
        <v>125</v>
      </c>
      <c r="H11135" t="s">
        <v>122</v>
      </c>
      <c r="I11135" t="s">
        <v>15</v>
      </c>
      <c r="J11135" s="10">
        <v>16.028449349999999</v>
      </c>
    </row>
    <row r="11136" spans="1:10" x14ac:dyDescent="0.35">
      <c r="A11136" t="s">
        <v>62</v>
      </c>
      <c r="B11136" t="s">
        <v>70</v>
      </c>
      <c r="C11136" t="s">
        <v>117</v>
      </c>
      <c r="D11136" t="s">
        <v>118</v>
      </c>
      <c r="E11136">
        <v>2018</v>
      </c>
      <c r="F11136">
        <v>2018</v>
      </c>
      <c r="G11136" t="s">
        <v>125</v>
      </c>
      <c r="H11136" t="s">
        <v>123</v>
      </c>
      <c r="I11136" t="s">
        <v>15</v>
      </c>
      <c r="J11136" s="10">
        <v>9.5840770190000004</v>
      </c>
    </row>
    <row r="11137" spans="1:10" x14ac:dyDescent="0.35">
      <c r="A11137" t="s">
        <v>62</v>
      </c>
      <c r="B11137" t="s">
        <v>70</v>
      </c>
      <c r="C11137" t="s">
        <v>117</v>
      </c>
      <c r="D11137" t="s">
        <v>118</v>
      </c>
      <c r="E11137">
        <v>2018</v>
      </c>
      <c r="F11137">
        <v>2018</v>
      </c>
      <c r="G11137" t="s">
        <v>125</v>
      </c>
      <c r="H11137" t="s">
        <v>124</v>
      </c>
      <c r="I11137" t="s">
        <v>15</v>
      </c>
      <c r="J11137" s="10">
        <v>0.96543891000000004</v>
      </c>
    </row>
    <row r="11138" spans="1:10" x14ac:dyDescent="0.35">
      <c r="A11138" t="s">
        <v>62</v>
      </c>
      <c r="B11138" t="s">
        <v>70</v>
      </c>
      <c r="C11138" t="s">
        <v>117</v>
      </c>
      <c r="D11138" t="s">
        <v>118</v>
      </c>
      <c r="E11138">
        <v>2018</v>
      </c>
      <c r="F11138">
        <v>2018</v>
      </c>
      <c r="G11138" t="s">
        <v>126</v>
      </c>
      <c r="H11138" t="s">
        <v>119</v>
      </c>
      <c r="I11138" t="s">
        <v>15</v>
      </c>
      <c r="J11138" s="10">
        <v>16.783546470000001</v>
      </c>
    </row>
    <row r="11139" spans="1:10" x14ac:dyDescent="0.35">
      <c r="A11139" t="s">
        <v>62</v>
      </c>
      <c r="B11139" t="s">
        <v>70</v>
      </c>
      <c r="C11139" t="s">
        <v>117</v>
      </c>
      <c r="D11139" t="s">
        <v>118</v>
      </c>
      <c r="E11139">
        <v>2018</v>
      </c>
      <c r="F11139">
        <v>2018</v>
      </c>
      <c r="G11139" t="s">
        <v>126</v>
      </c>
      <c r="H11139" t="s">
        <v>120</v>
      </c>
      <c r="I11139" t="s">
        <v>15</v>
      </c>
      <c r="J11139" s="10">
        <v>9.564499971</v>
      </c>
    </row>
    <row r="11140" spans="1:10" x14ac:dyDescent="0.35">
      <c r="A11140" t="s">
        <v>62</v>
      </c>
      <c r="B11140" t="s">
        <v>70</v>
      </c>
      <c r="C11140" t="s">
        <v>117</v>
      </c>
      <c r="D11140" t="s">
        <v>118</v>
      </c>
      <c r="E11140">
        <v>2018</v>
      </c>
      <c r="F11140">
        <v>2018</v>
      </c>
      <c r="G11140" t="s">
        <v>126</v>
      </c>
      <c r="H11140" t="s">
        <v>121</v>
      </c>
      <c r="I11140" t="s">
        <v>15</v>
      </c>
      <c r="J11140" s="10">
        <v>43.172844599999998</v>
      </c>
    </row>
    <row r="11141" spans="1:10" x14ac:dyDescent="0.35">
      <c r="A11141" t="s">
        <v>62</v>
      </c>
      <c r="B11141" t="s">
        <v>70</v>
      </c>
      <c r="C11141" t="s">
        <v>117</v>
      </c>
      <c r="D11141" t="s">
        <v>118</v>
      </c>
      <c r="E11141">
        <v>2018</v>
      </c>
      <c r="F11141">
        <v>2018</v>
      </c>
      <c r="G11141" t="s">
        <v>126</v>
      </c>
      <c r="H11141" t="s">
        <v>122</v>
      </c>
      <c r="I11141" t="s">
        <v>15</v>
      </c>
      <c r="J11141" s="10">
        <v>16.63916554</v>
      </c>
    </row>
    <row r="11142" spans="1:10" x14ac:dyDescent="0.35">
      <c r="A11142" t="s">
        <v>62</v>
      </c>
      <c r="B11142" t="s">
        <v>70</v>
      </c>
      <c r="C11142" t="s">
        <v>117</v>
      </c>
      <c r="D11142" t="s">
        <v>118</v>
      </c>
      <c r="E11142">
        <v>2018</v>
      </c>
      <c r="F11142">
        <v>2018</v>
      </c>
      <c r="G11142" t="s">
        <v>126</v>
      </c>
      <c r="H11142" t="s">
        <v>123</v>
      </c>
      <c r="I11142" t="s">
        <v>15</v>
      </c>
      <c r="J11142" s="10">
        <v>11.388414170000001</v>
      </c>
    </row>
    <row r="11143" spans="1:10" x14ac:dyDescent="0.35">
      <c r="A11143" t="s">
        <v>62</v>
      </c>
      <c r="B11143" t="s">
        <v>70</v>
      </c>
      <c r="C11143" t="s">
        <v>117</v>
      </c>
      <c r="D11143" t="s">
        <v>118</v>
      </c>
      <c r="E11143">
        <v>2018</v>
      </c>
      <c r="F11143">
        <v>2018</v>
      </c>
      <c r="G11143" t="s">
        <v>126</v>
      </c>
      <c r="H11143" t="s">
        <v>124</v>
      </c>
      <c r="I11143" t="s">
        <v>15</v>
      </c>
      <c r="J11143" s="10">
        <v>2.451529259</v>
      </c>
    </row>
    <row r="11144" spans="1:10" x14ac:dyDescent="0.35">
      <c r="A11144" t="s">
        <v>62</v>
      </c>
      <c r="B11144" t="s">
        <v>70</v>
      </c>
      <c r="C11144" t="s">
        <v>117</v>
      </c>
      <c r="D11144" t="s">
        <v>118</v>
      </c>
      <c r="E11144">
        <v>2017</v>
      </c>
      <c r="F11144">
        <v>2017</v>
      </c>
      <c r="G11144" t="s">
        <v>14</v>
      </c>
      <c r="H11144" t="s">
        <v>119</v>
      </c>
      <c r="I11144" t="s">
        <v>15</v>
      </c>
      <c r="J11144" s="10">
        <v>16.651501360000001</v>
      </c>
    </row>
    <row r="11145" spans="1:10" x14ac:dyDescent="0.35">
      <c r="A11145" t="s">
        <v>62</v>
      </c>
      <c r="B11145" t="s">
        <v>70</v>
      </c>
      <c r="C11145" t="s">
        <v>117</v>
      </c>
      <c r="D11145" t="s">
        <v>118</v>
      </c>
      <c r="E11145">
        <v>2017</v>
      </c>
      <c r="F11145">
        <v>2017</v>
      </c>
      <c r="G11145" t="s">
        <v>14</v>
      </c>
      <c r="H11145" t="s">
        <v>120</v>
      </c>
      <c r="I11145" t="s">
        <v>15</v>
      </c>
      <c r="J11145" s="10">
        <v>10.34036624</v>
      </c>
    </row>
    <row r="11146" spans="1:10" x14ac:dyDescent="0.35">
      <c r="A11146" t="s">
        <v>62</v>
      </c>
      <c r="B11146" t="s">
        <v>70</v>
      </c>
      <c r="C11146" t="s">
        <v>117</v>
      </c>
      <c r="D11146" t="s">
        <v>118</v>
      </c>
      <c r="E11146">
        <v>2017</v>
      </c>
      <c r="F11146">
        <v>2017</v>
      </c>
      <c r="G11146" t="s">
        <v>14</v>
      </c>
      <c r="H11146" t="s">
        <v>121</v>
      </c>
      <c r="I11146" t="s">
        <v>15</v>
      </c>
      <c r="J11146" s="10">
        <v>44.708257510000003</v>
      </c>
    </row>
    <row r="11147" spans="1:10" x14ac:dyDescent="0.35">
      <c r="A11147" t="s">
        <v>62</v>
      </c>
      <c r="B11147" t="s">
        <v>70</v>
      </c>
      <c r="C11147" t="s">
        <v>117</v>
      </c>
      <c r="D11147" t="s">
        <v>118</v>
      </c>
      <c r="E11147">
        <v>2017</v>
      </c>
      <c r="F11147">
        <v>2017</v>
      </c>
      <c r="G11147" t="s">
        <v>14</v>
      </c>
      <c r="H11147" t="s">
        <v>122</v>
      </c>
      <c r="I11147" t="s">
        <v>15</v>
      </c>
      <c r="J11147" s="10">
        <v>16.12118972</v>
      </c>
    </row>
    <row r="11148" spans="1:10" x14ac:dyDescent="0.35">
      <c r="A11148" t="s">
        <v>62</v>
      </c>
      <c r="B11148" t="s">
        <v>70</v>
      </c>
      <c r="C11148" t="s">
        <v>117</v>
      </c>
      <c r="D11148" t="s">
        <v>118</v>
      </c>
      <c r="E11148">
        <v>2017</v>
      </c>
      <c r="F11148">
        <v>2017</v>
      </c>
      <c r="G11148" t="s">
        <v>14</v>
      </c>
      <c r="H11148" t="s">
        <v>123</v>
      </c>
      <c r="I11148" t="s">
        <v>15</v>
      </c>
      <c r="J11148" s="10">
        <v>10.52234986</v>
      </c>
    </row>
    <row r="11149" spans="1:10" x14ac:dyDescent="0.35">
      <c r="A11149" t="s">
        <v>62</v>
      </c>
      <c r="B11149" t="s">
        <v>70</v>
      </c>
      <c r="C11149" t="s">
        <v>117</v>
      </c>
      <c r="D11149" t="s">
        <v>118</v>
      </c>
      <c r="E11149">
        <v>2017</v>
      </c>
      <c r="F11149">
        <v>2017</v>
      </c>
      <c r="G11149" t="s">
        <v>14</v>
      </c>
      <c r="H11149" t="s">
        <v>124</v>
      </c>
      <c r="I11149" t="s">
        <v>15</v>
      </c>
      <c r="J11149" s="10">
        <v>1.656335305</v>
      </c>
    </row>
    <row r="11150" spans="1:10" x14ac:dyDescent="0.35">
      <c r="A11150" t="s">
        <v>62</v>
      </c>
      <c r="B11150" t="s">
        <v>70</v>
      </c>
      <c r="C11150" t="s">
        <v>117</v>
      </c>
      <c r="D11150" t="s">
        <v>118</v>
      </c>
      <c r="E11150">
        <v>2017</v>
      </c>
      <c r="F11150">
        <v>2017</v>
      </c>
      <c r="G11150" t="s">
        <v>125</v>
      </c>
      <c r="H11150" t="s">
        <v>119</v>
      </c>
      <c r="I11150" t="s">
        <v>15</v>
      </c>
      <c r="J11150" s="10">
        <v>16.43670938</v>
      </c>
    </row>
    <row r="11151" spans="1:10" x14ac:dyDescent="0.35">
      <c r="A11151" t="s">
        <v>62</v>
      </c>
      <c r="B11151" t="s">
        <v>70</v>
      </c>
      <c r="C11151" t="s">
        <v>117</v>
      </c>
      <c r="D11151" t="s">
        <v>118</v>
      </c>
      <c r="E11151">
        <v>2017</v>
      </c>
      <c r="F11151">
        <v>2017</v>
      </c>
      <c r="G11151" t="s">
        <v>125</v>
      </c>
      <c r="H11151" t="s">
        <v>120</v>
      </c>
      <c r="I11151" t="s">
        <v>15</v>
      </c>
      <c r="J11151" s="10">
        <v>10.600803259999999</v>
      </c>
    </row>
    <row r="11152" spans="1:10" x14ac:dyDescent="0.35">
      <c r="A11152" t="s">
        <v>62</v>
      </c>
      <c r="B11152" t="s">
        <v>70</v>
      </c>
      <c r="C11152" t="s">
        <v>117</v>
      </c>
      <c r="D11152" t="s">
        <v>118</v>
      </c>
      <c r="E11152">
        <v>2017</v>
      </c>
      <c r="F11152">
        <v>2017</v>
      </c>
      <c r="G11152" t="s">
        <v>125</v>
      </c>
      <c r="H11152" t="s">
        <v>121</v>
      </c>
      <c r="I11152" t="s">
        <v>15</v>
      </c>
      <c r="J11152" s="10">
        <v>46.512390369999999</v>
      </c>
    </row>
    <row r="11153" spans="1:10" x14ac:dyDescent="0.35">
      <c r="A11153" t="s">
        <v>62</v>
      </c>
      <c r="B11153" t="s">
        <v>70</v>
      </c>
      <c r="C11153" t="s">
        <v>117</v>
      </c>
      <c r="D11153" t="s">
        <v>118</v>
      </c>
      <c r="E11153">
        <v>2017</v>
      </c>
      <c r="F11153">
        <v>2017</v>
      </c>
      <c r="G11153" t="s">
        <v>125</v>
      </c>
      <c r="H11153" t="s">
        <v>122</v>
      </c>
      <c r="I11153" t="s">
        <v>15</v>
      </c>
      <c r="J11153" s="10">
        <v>15.84109724</v>
      </c>
    </row>
    <row r="11154" spans="1:10" x14ac:dyDescent="0.35">
      <c r="A11154" t="s">
        <v>62</v>
      </c>
      <c r="B11154" t="s">
        <v>70</v>
      </c>
      <c r="C11154" t="s">
        <v>117</v>
      </c>
      <c r="D11154" t="s">
        <v>118</v>
      </c>
      <c r="E11154">
        <v>2017</v>
      </c>
      <c r="F11154">
        <v>2017</v>
      </c>
      <c r="G11154" t="s">
        <v>125</v>
      </c>
      <c r="H11154" t="s">
        <v>123</v>
      </c>
      <c r="I11154" t="s">
        <v>15</v>
      </c>
      <c r="J11154" s="10">
        <v>9.5980984130000007</v>
      </c>
    </row>
    <row r="11155" spans="1:10" x14ac:dyDescent="0.35">
      <c r="A11155" t="s">
        <v>62</v>
      </c>
      <c r="B11155" t="s">
        <v>70</v>
      </c>
      <c r="C11155" t="s">
        <v>117</v>
      </c>
      <c r="D11155" t="s">
        <v>118</v>
      </c>
      <c r="E11155">
        <v>2017</v>
      </c>
      <c r="F11155">
        <v>2017</v>
      </c>
      <c r="G11155" t="s">
        <v>125</v>
      </c>
      <c r="H11155" t="s">
        <v>124</v>
      </c>
      <c r="I11155" t="s">
        <v>15</v>
      </c>
      <c r="J11155" s="10">
        <v>1.0109013410000001</v>
      </c>
    </row>
    <row r="11156" spans="1:10" x14ac:dyDescent="0.35">
      <c r="A11156" t="s">
        <v>62</v>
      </c>
      <c r="B11156" t="s">
        <v>70</v>
      </c>
      <c r="C11156" t="s">
        <v>117</v>
      </c>
      <c r="D11156" t="s">
        <v>118</v>
      </c>
      <c r="E11156">
        <v>2017</v>
      </c>
      <c r="F11156">
        <v>2017</v>
      </c>
      <c r="G11156" t="s">
        <v>126</v>
      </c>
      <c r="H11156" t="s">
        <v>119</v>
      </c>
      <c r="I11156" t="s">
        <v>15</v>
      </c>
      <c r="J11156" s="10">
        <v>16.884541280000001</v>
      </c>
    </row>
    <row r="11157" spans="1:10" x14ac:dyDescent="0.35">
      <c r="A11157" t="s">
        <v>62</v>
      </c>
      <c r="B11157" t="s">
        <v>70</v>
      </c>
      <c r="C11157" t="s">
        <v>117</v>
      </c>
      <c r="D11157" t="s">
        <v>118</v>
      </c>
      <c r="E11157">
        <v>2017</v>
      </c>
      <c r="F11157">
        <v>2017</v>
      </c>
      <c r="G11157" t="s">
        <v>126</v>
      </c>
      <c r="H11157" t="s">
        <v>120</v>
      </c>
      <c r="I11157" t="s">
        <v>15</v>
      </c>
      <c r="J11157" s="10">
        <v>10.05780347</v>
      </c>
    </row>
    <row r="11158" spans="1:10" x14ac:dyDescent="0.35">
      <c r="A11158" t="s">
        <v>62</v>
      </c>
      <c r="B11158" t="s">
        <v>70</v>
      </c>
      <c r="C11158" t="s">
        <v>117</v>
      </c>
      <c r="D11158" t="s">
        <v>118</v>
      </c>
      <c r="E11158">
        <v>2017</v>
      </c>
      <c r="F11158">
        <v>2017</v>
      </c>
      <c r="G11158" t="s">
        <v>126</v>
      </c>
      <c r="H11158" t="s">
        <v>121</v>
      </c>
      <c r="I11158" t="s">
        <v>15</v>
      </c>
      <c r="J11158" s="10">
        <v>42.75085223</v>
      </c>
    </row>
    <row r="11159" spans="1:10" x14ac:dyDescent="0.35">
      <c r="A11159" t="s">
        <v>62</v>
      </c>
      <c r="B11159" t="s">
        <v>70</v>
      </c>
      <c r="C11159" t="s">
        <v>117</v>
      </c>
      <c r="D11159" t="s">
        <v>118</v>
      </c>
      <c r="E11159">
        <v>2017</v>
      </c>
      <c r="F11159">
        <v>2017</v>
      </c>
      <c r="G11159" t="s">
        <v>126</v>
      </c>
      <c r="H11159" t="s">
        <v>122</v>
      </c>
      <c r="I11159" t="s">
        <v>15</v>
      </c>
      <c r="J11159" s="10">
        <v>16.425077810000001</v>
      </c>
    </row>
    <row r="11160" spans="1:10" x14ac:dyDescent="0.35">
      <c r="A11160" t="s">
        <v>62</v>
      </c>
      <c r="B11160" t="s">
        <v>70</v>
      </c>
      <c r="C11160" t="s">
        <v>117</v>
      </c>
      <c r="D11160" t="s">
        <v>118</v>
      </c>
      <c r="E11160">
        <v>2017</v>
      </c>
      <c r="F11160">
        <v>2017</v>
      </c>
      <c r="G11160" t="s">
        <v>126</v>
      </c>
      <c r="H11160" t="s">
        <v>123</v>
      </c>
      <c r="I11160" t="s">
        <v>15</v>
      </c>
      <c r="J11160" s="10">
        <v>11.52512228</v>
      </c>
    </row>
    <row r="11161" spans="1:10" x14ac:dyDescent="0.35">
      <c r="A11161" t="s">
        <v>62</v>
      </c>
      <c r="B11161" t="s">
        <v>70</v>
      </c>
      <c r="C11161" t="s">
        <v>117</v>
      </c>
      <c r="D11161" t="s">
        <v>118</v>
      </c>
      <c r="E11161">
        <v>2017</v>
      </c>
      <c r="F11161">
        <v>2017</v>
      </c>
      <c r="G11161" t="s">
        <v>126</v>
      </c>
      <c r="H11161" t="s">
        <v>124</v>
      </c>
      <c r="I11161" t="s">
        <v>15</v>
      </c>
      <c r="J11161" s="10">
        <v>2.3566029350000002</v>
      </c>
    </row>
    <row r="11162" spans="1:10" x14ac:dyDescent="0.35">
      <c r="A11162" t="s">
        <v>62</v>
      </c>
      <c r="B11162" t="s">
        <v>70</v>
      </c>
      <c r="C11162" t="s">
        <v>117</v>
      </c>
      <c r="D11162" t="s">
        <v>118</v>
      </c>
      <c r="E11162">
        <v>2016</v>
      </c>
      <c r="F11162">
        <v>2016</v>
      </c>
      <c r="G11162" t="s">
        <v>14</v>
      </c>
      <c r="H11162" t="s">
        <v>119</v>
      </c>
      <c r="I11162" t="s">
        <v>15</v>
      </c>
      <c r="J11162" s="10">
        <v>16.672895050000001</v>
      </c>
    </row>
    <row r="11163" spans="1:10" x14ac:dyDescent="0.35">
      <c r="A11163" t="s">
        <v>62</v>
      </c>
      <c r="B11163" t="s">
        <v>70</v>
      </c>
      <c r="C11163" t="s">
        <v>117</v>
      </c>
      <c r="D11163" t="s">
        <v>118</v>
      </c>
      <c r="E11163">
        <v>2016</v>
      </c>
      <c r="F11163">
        <v>2016</v>
      </c>
      <c r="G11163" t="s">
        <v>14</v>
      </c>
      <c r="H11163" t="s">
        <v>120</v>
      </c>
      <c r="I11163" t="s">
        <v>15</v>
      </c>
      <c r="J11163" s="10">
        <v>10.91499698</v>
      </c>
    </row>
    <row r="11164" spans="1:10" x14ac:dyDescent="0.35">
      <c r="A11164" t="s">
        <v>62</v>
      </c>
      <c r="B11164" t="s">
        <v>70</v>
      </c>
      <c r="C11164" t="s">
        <v>117</v>
      </c>
      <c r="D11164" t="s">
        <v>118</v>
      </c>
      <c r="E11164">
        <v>2016</v>
      </c>
      <c r="F11164">
        <v>2016</v>
      </c>
      <c r="G11164" t="s">
        <v>14</v>
      </c>
      <c r="H11164" t="s">
        <v>121</v>
      </c>
      <c r="I11164" t="s">
        <v>15</v>
      </c>
      <c r="J11164" s="10">
        <v>44.131428409999998</v>
      </c>
    </row>
    <row r="11165" spans="1:10" x14ac:dyDescent="0.35">
      <c r="A11165" t="s">
        <v>62</v>
      </c>
      <c r="B11165" t="s">
        <v>70</v>
      </c>
      <c r="C11165" t="s">
        <v>117</v>
      </c>
      <c r="D11165" t="s">
        <v>118</v>
      </c>
      <c r="E11165">
        <v>2016</v>
      </c>
      <c r="F11165">
        <v>2016</v>
      </c>
      <c r="G11165" t="s">
        <v>14</v>
      </c>
      <c r="H11165" t="s">
        <v>122</v>
      </c>
      <c r="I11165" t="s">
        <v>15</v>
      </c>
      <c r="J11165" s="10">
        <v>15.99879265</v>
      </c>
    </row>
    <row r="11166" spans="1:10" x14ac:dyDescent="0.35">
      <c r="A11166" t="s">
        <v>62</v>
      </c>
      <c r="B11166" t="s">
        <v>70</v>
      </c>
      <c r="C11166" t="s">
        <v>117</v>
      </c>
      <c r="D11166" t="s">
        <v>118</v>
      </c>
      <c r="E11166">
        <v>2016</v>
      </c>
      <c r="F11166">
        <v>2016</v>
      </c>
      <c r="G11166" t="s">
        <v>14</v>
      </c>
      <c r="H11166" t="s">
        <v>123</v>
      </c>
      <c r="I11166" t="s">
        <v>15</v>
      </c>
      <c r="J11166" s="10">
        <v>10.67783942</v>
      </c>
    </row>
    <row r="11167" spans="1:10" x14ac:dyDescent="0.35">
      <c r="A11167" t="s">
        <v>62</v>
      </c>
      <c r="B11167" t="s">
        <v>70</v>
      </c>
      <c r="C11167" t="s">
        <v>117</v>
      </c>
      <c r="D11167" t="s">
        <v>118</v>
      </c>
      <c r="E11167">
        <v>2016</v>
      </c>
      <c r="F11167">
        <v>2016</v>
      </c>
      <c r="G11167" t="s">
        <v>14</v>
      </c>
      <c r="H11167" t="s">
        <v>124</v>
      </c>
      <c r="I11167" t="s">
        <v>15</v>
      </c>
      <c r="J11167" s="10">
        <v>1.604047489</v>
      </c>
    </row>
    <row r="11168" spans="1:10" x14ac:dyDescent="0.35">
      <c r="A11168" t="s">
        <v>62</v>
      </c>
      <c r="B11168" t="s">
        <v>70</v>
      </c>
      <c r="C11168" t="s">
        <v>117</v>
      </c>
      <c r="D11168" t="s">
        <v>118</v>
      </c>
      <c r="E11168">
        <v>2016</v>
      </c>
      <c r="F11168">
        <v>2016</v>
      </c>
      <c r="G11168" t="s">
        <v>125</v>
      </c>
      <c r="H11168" t="s">
        <v>119</v>
      </c>
      <c r="I11168" t="s">
        <v>15</v>
      </c>
      <c r="J11168" s="10">
        <v>16.487415460000001</v>
      </c>
    </row>
    <row r="11169" spans="1:10" x14ac:dyDescent="0.35">
      <c r="A11169" t="s">
        <v>62</v>
      </c>
      <c r="B11169" t="s">
        <v>70</v>
      </c>
      <c r="C11169" t="s">
        <v>117</v>
      </c>
      <c r="D11169" t="s">
        <v>118</v>
      </c>
      <c r="E11169">
        <v>2016</v>
      </c>
      <c r="F11169">
        <v>2016</v>
      </c>
      <c r="G11169" t="s">
        <v>125</v>
      </c>
      <c r="H11169" t="s">
        <v>120</v>
      </c>
      <c r="I11169" t="s">
        <v>15</v>
      </c>
      <c r="J11169" s="10">
        <v>11.18194922</v>
      </c>
    </row>
    <row r="11170" spans="1:10" x14ac:dyDescent="0.35">
      <c r="A11170" t="s">
        <v>62</v>
      </c>
      <c r="B11170" t="s">
        <v>70</v>
      </c>
      <c r="C11170" t="s">
        <v>117</v>
      </c>
      <c r="D11170" t="s">
        <v>118</v>
      </c>
      <c r="E11170">
        <v>2016</v>
      </c>
      <c r="F11170">
        <v>2016</v>
      </c>
      <c r="G11170" t="s">
        <v>125</v>
      </c>
      <c r="H11170" t="s">
        <v>121</v>
      </c>
      <c r="I11170" t="s">
        <v>15</v>
      </c>
      <c r="J11170" s="10">
        <v>45.842111099999997</v>
      </c>
    </row>
    <row r="11171" spans="1:10" x14ac:dyDescent="0.35">
      <c r="A11171" t="s">
        <v>62</v>
      </c>
      <c r="B11171" t="s">
        <v>70</v>
      </c>
      <c r="C11171" t="s">
        <v>117</v>
      </c>
      <c r="D11171" t="s">
        <v>118</v>
      </c>
      <c r="E11171">
        <v>2016</v>
      </c>
      <c r="F11171">
        <v>2016</v>
      </c>
      <c r="G11171" t="s">
        <v>125</v>
      </c>
      <c r="H11171" t="s">
        <v>122</v>
      </c>
      <c r="I11171" t="s">
        <v>15</v>
      </c>
      <c r="J11171" s="10">
        <v>15.741767380000001</v>
      </c>
    </row>
    <row r="11172" spans="1:10" x14ac:dyDescent="0.35">
      <c r="A11172" t="s">
        <v>62</v>
      </c>
      <c r="B11172" t="s">
        <v>70</v>
      </c>
      <c r="C11172" t="s">
        <v>117</v>
      </c>
      <c r="D11172" t="s">
        <v>118</v>
      </c>
      <c r="E11172">
        <v>2016</v>
      </c>
      <c r="F11172">
        <v>2016</v>
      </c>
      <c r="G11172" t="s">
        <v>125</v>
      </c>
      <c r="H11172" t="s">
        <v>123</v>
      </c>
      <c r="I11172" t="s">
        <v>15</v>
      </c>
      <c r="J11172" s="10">
        <v>9.8209335850000006</v>
      </c>
    </row>
    <row r="11173" spans="1:10" x14ac:dyDescent="0.35">
      <c r="A11173" t="s">
        <v>62</v>
      </c>
      <c r="B11173" t="s">
        <v>70</v>
      </c>
      <c r="C11173" t="s">
        <v>117</v>
      </c>
      <c r="D11173" t="s">
        <v>118</v>
      </c>
      <c r="E11173">
        <v>2016</v>
      </c>
      <c r="F11173">
        <v>2016</v>
      </c>
      <c r="G11173" t="s">
        <v>125</v>
      </c>
      <c r="H11173" t="s">
        <v>124</v>
      </c>
      <c r="I11173" t="s">
        <v>15</v>
      </c>
      <c r="J11173" s="10">
        <v>0.92582326199999998</v>
      </c>
    </row>
    <row r="11174" spans="1:10" x14ac:dyDescent="0.35">
      <c r="A11174" t="s">
        <v>62</v>
      </c>
      <c r="B11174" t="s">
        <v>70</v>
      </c>
      <c r="C11174" t="s">
        <v>117</v>
      </c>
      <c r="D11174" t="s">
        <v>118</v>
      </c>
      <c r="E11174">
        <v>2016</v>
      </c>
      <c r="F11174">
        <v>2016</v>
      </c>
      <c r="G11174" t="s">
        <v>126</v>
      </c>
      <c r="H11174" t="s">
        <v>119</v>
      </c>
      <c r="I11174" t="s">
        <v>15</v>
      </c>
      <c r="J11174" s="10">
        <v>16.872649110000001</v>
      </c>
    </row>
    <row r="11175" spans="1:10" x14ac:dyDescent="0.35">
      <c r="A11175" t="s">
        <v>62</v>
      </c>
      <c r="B11175" t="s">
        <v>70</v>
      </c>
      <c r="C11175" t="s">
        <v>117</v>
      </c>
      <c r="D11175" t="s">
        <v>118</v>
      </c>
      <c r="E11175">
        <v>2016</v>
      </c>
      <c r="F11175">
        <v>2016</v>
      </c>
      <c r="G11175" t="s">
        <v>126</v>
      </c>
      <c r="H11175" t="s">
        <v>120</v>
      </c>
      <c r="I11175" t="s">
        <v>15</v>
      </c>
      <c r="J11175" s="10">
        <v>10.627500149999999</v>
      </c>
    </row>
    <row r="11176" spans="1:10" x14ac:dyDescent="0.35">
      <c r="A11176" t="s">
        <v>62</v>
      </c>
      <c r="B11176" t="s">
        <v>70</v>
      </c>
      <c r="C11176" t="s">
        <v>117</v>
      </c>
      <c r="D11176" t="s">
        <v>118</v>
      </c>
      <c r="E11176">
        <v>2016</v>
      </c>
      <c r="F11176">
        <v>2016</v>
      </c>
      <c r="G11176" t="s">
        <v>126</v>
      </c>
      <c r="H11176" t="s">
        <v>121</v>
      </c>
      <c r="I11176" t="s">
        <v>15</v>
      </c>
      <c r="J11176" s="10">
        <v>42.289091890000002</v>
      </c>
    </row>
    <row r="11177" spans="1:10" x14ac:dyDescent="0.35">
      <c r="A11177" t="s">
        <v>62</v>
      </c>
      <c r="B11177" t="s">
        <v>70</v>
      </c>
      <c r="C11177" t="s">
        <v>117</v>
      </c>
      <c r="D11177" t="s">
        <v>118</v>
      </c>
      <c r="E11177">
        <v>2016</v>
      </c>
      <c r="F11177">
        <v>2016</v>
      </c>
      <c r="G11177" t="s">
        <v>126</v>
      </c>
      <c r="H11177" t="s">
        <v>122</v>
      </c>
      <c r="I11177" t="s">
        <v>15</v>
      </c>
      <c r="J11177" s="10">
        <v>16.275598540000001</v>
      </c>
    </row>
    <row r="11178" spans="1:10" x14ac:dyDescent="0.35">
      <c r="A11178" t="s">
        <v>62</v>
      </c>
      <c r="B11178" t="s">
        <v>70</v>
      </c>
      <c r="C11178" t="s">
        <v>117</v>
      </c>
      <c r="D11178" t="s">
        <v>118</v>
      </c>
      <c r="E11178">
        <v>2016</v>
      </c>
      <c r="F11178">
        <v>2016</v>
      </c>
      <c r="G11178" t="s">
        <v>126</v>
      </c>
      <c r="H11178" t="s">
        <v>123</v>
      </c>
      <c r="I11178" t="s">
        <v>15</v>
      </c>
      <c r="J11178" s="10">
        <v>11.60069258</v>
      </c>
    </row>
    <row r="11179" spans="1:10" x14ac:dyDescent="0.35">
      <c r="A11179" t="s">
        <v>62</v>
      </c>
      <c r="B11179" t="s">
        <v>70</v>
      </c>
      <c r="C11179" t="s">
        <v>117</v>
      </c>
      <c r="D11179" t="s">
        <v>118</v>
      </c>
      <c r="E11179">
        <v>2016</v>
      </c>
      <c r="F11179">
        <v>2016</v>
      </c>
      <c r="G11179" t="s">
        <v>126</v>
      </c>
      <c r="H11179" t="s">
        <v>124</v>
      </c>
      <c r="I11179" t="s">
        <v>15</v>
      </c>
      <c r="J11179" s="10">
        <v>2.334467729</v>
      </c>
    </row>
    <row r="11180" spans="1:10" x14ac:dyDescent="0.35">
      <c r="A11180" t="s">
        <v>62</v>
      </c>
      <c r="B11180" t="s">
        <v>70</v>
      </c>
      <c r="C11180" t="s">
        <v>117</v>
      </c>
      <c r="D11180" t="s">
        <v>118</v>
      </c>
      <c r="E11180">
        <v>2015</v>
      </c>
      <c r="F11180">
        <v>2015</v>
      </c>
      <c r="G11180" t="s">
        <v>14</v>
      </c>
      <c r="H11180" t="s">
        <v>119</v>
      </c>
      <c r="I11180" t="s">
        <v>15</v>
      </c>
      <c r="J11180" s="10">
        <v>16.515053699999999</v>
      </c>
    </row>
    <row r="11181" spans="1:10" x14ac:dyDescent="0.35">
      <c r="A11181" t="s">
        <v>62</v>
      </c>
      <c r="B11181" t="s">
        <v>70</v>
      </c>
      <c r="C11181" t="s">
        <v>117</v>
      </c>
      <c r="D11181" t="s">
        <v>118</v>
      </c>
      <c r="E11181">
        <v>2015</v>
      </c>
      <c r="F11181">
        <v>2015</v>
      </c>
      <c r="G11181" t="s">
        <v>14</v>
      </c>
      <c r="H11181" t="s">
        <v>120</v>
      </c>
      <c r="I11181" t="s">
        <v>15</v>
      </c>
      <c r="J11181" s="10">
        <v>11.42672692</v>
      </c>
    </row>
    <row r="11182" spans="1:10" x14ac:dyDescent="0.35">
      <c r="A11182" t="s">
        <v>62</v>
      </c>
      <c r="B11182" t="s">
        <v>70</v>
      </c>
      <c r="C11182" t="s">
        <v>117</v>
      </c>
      <c r="D11182" t="s">
        <v>118</v>
      </c>
      <c r="E11182">
        <v>2015</v>
      </c>
      <c r="F11182">
        <v>2015</v>
      </c>
      <c r="G11182" t="s">
        <v>14</v>
      </c>
      <c r="H11182" t="s">
        <v>121</v>
      </c>
      <c r="I11182" t="s">
        <v>15</v>
      </c>
      <c r="J11182" s="10">
        <v>43.646927640000001</v>
      </c>
    </row>
    <row r="11183" spans="1:10" x14ac:dyDescent="0.35">
      <c r="A11183" t="s">
        <v>62</v>
      </c>
      <c r="B11183" t="s">
        <v>70</v>
      </c>
      <c r="C11183" t="s">
        <v>117</v>
      </c>
      <c r="D11183" t="s">
        <v>118</v>
      </c>
      <c r="E11183">
        <v>2015</v>
      </c>
      <c r="F11183">
        <v>2015</v>
      </c>
      <c r="G11183" t="s">
        <v>14</v>
      </c>
      <c r="H11183" t="s">
        <v>122</v>
      </c>
      <c r="I11183" t="s">
        <v>15</v>
      </c>
      <c r="J11183" s="10">
        <v>16.038206469999999</v>
      </c>
    </row>
    <row r="11184" spans="1:10" x14ac:dyDescent="0.35">
      <c r="A11184" t="s">
        <v>62</v>
      </c>
      <c r="B11184" t="s">
        <v>70</v>
      </c>
      <c r="C11184" t="s">
        <v>117</v>
      </c>
      <c r="D11184" t="s">
        <v>118</v>
      </c>
      <c r="E11184">
        <v>2015</v>
      </c>
      <c r="F11184">
        <v>2015</v>
      </c>
      <c r="G11184" t="s">
        <v>14</v>
      </c>
      <c r="H11184" t="s">
        <v>123</v>
      </c>
      <c r="I11184" t="s">
        <v>15</v>
      </c>
      <c r="J11184" s="10">
        <v>10.828100239999999</v>
      </c>
    </row>
    <row r="11185" spans="1:10" x14ac:dyDescent="0.35">
      <c r="A11185" t="s">
        <v>62</v>
      </c>
      <c r="B11185" t="s">
        <v>70</v>
      </c>
      <c r="C11185" t="s">
        <v>117</v>
      </c>
      <c r="D11185" t="s">
        <v>118</v>
      </c>
      <c r="E11185">
        <v>2015</v>
      </c>
      <c r="F11185">
        <v>2015</v>
      </c>
      <c r="G11185" t="s">
        <v>14</v>
      </c>
      <c r="H11185" t="s">
        <v>124</v>
      </c>
      <c r="I11185" t="s">
        <v>15</v>
      </c>
      <c r="J11185" s="10">
        <v>1.544985034</v>
      </c>
    </row>
    <row r="11186" spans="1:10" x14ac:dyDescent="0.35">
      <c r="A11186" t="s">
        <v>62</v>
      </c>
      <c r="B11186" t="s">
        <v>70</v>
      </c>
      <c r="C11186" t="s">
        <v>117</v>
      </c>
      <c r="D11186" t="s">
        <v>118</v>
      </c>
      <c r="E11186">
        <v>2015</v>
      </c>
      <c r="F11186">
        <v>2015</v>
      </c>
      <c r="G11186" t="s">
        <v>125</v>
      </c>
      <c r="H11186" t="s">
        <v>119</v>
      </c>
      <c r="I11186" t="s">
        <v>15</v>
      </c>
      <c r="J11186" s="10">
        <v>16.348874049999999</v>
      </c>
    </row>
    <row r="11187" spans="1:10" x14ac:dyDescent="0.35">
      <c r="A11187" t="s">
        <v>62</v>
      </c>
      <c r="B11187" t="s">
        <v>70</v>
      </c>
      <c r="C11187" t="s">
        <v>117</v>
      </c>
      <c r="D11187" t="s">
        <v>118</v>
      </c>
      <c r="E11187">
        <v>2015</v>
      </c>
      <c r="F11187">
        <v>2015</v>
      </c>
      <c r="G11187" t="s">
        <v>125</v>
      </c>
      <c r="H11187" t="s">
        <v>120</v>
      </c>
      <c r="I11187" t="s">
        <v>15</v>
      </c>
      <c r="J11187" s="10">
        <v>11.796989930000001</v>
      </c>
    </row>
    <row r="11188" spans="1:10" x14ac:dyDescent="0.35">
      <c r="A11188" t="s">
        <v>62</v>
      </c>
      <c r="B11188" t="s">
        <v>70</v>
      </c>
      <c r="C11188" t="s">
        <v>117</v>
      </c>
      <c r="D11188" t="s">
        <v>118</v>
      </c>
      <c r="E11188">
        <v>2015</v>
      </c>
      <c r="F11188">
        <v>2015</v>
      </c>
      <c r="G11188" t="s">
        <v>125</v>
      </c>
      <c r="H11188" t="s">
        <v>121</v>
      </c>
      <c r="I11188" t="s">
        <v>15</v>
      </c>
      <c r="J11188" s="10">
        <v>45.405680660000002</v>
      </c>
    </row>
    <row r="11189" spans="1:10" x14ac:dyDescent="0.35">
      <c r="A11189" t="s">
        <v>62</v>
      </c>
      <c r="B11189" t="s">
        <v>70</v>
      </c>
      <c r="C11189" t="s">
        <v>117</v>
      </c>
      <c r="D11189" t="s">
        <v>118</v>
      </c>
      <c r="E11189">
        <v>2015</v>
      </c>
      <c r="F11189">
        <v>2015</v>
      </c>
      <c r="G11189" t="s">
        <v>125</v>
      </c>
      <c r="H11189" t="s">
        <v>122</v>
      </c>
      <c r="I11189" t="s">
        <v>15</v>
      </c>
      <c r="J11189" s="10">
        <v>15.766097090000001</v>
      </c>
    </row>
    <row r="11190" spans="1:10" x14ac:dyDescent="0.35">
      <c r="A11190" t="s">
        <v>62</v>
      </c>
      <c r="B11190" t="s">
        <v>70</v>
      </c>
      <c r="C11190" t="s">
        <v>117</v>
      </c>
      <c r="D11190" t="s">
        <v>118</v>
      </c>
      <c r="E11190">
        <v>2015</v>
      </c>
      <c r="F11190">
        <v>2015</v>
      </c>
      <c r="G11190" t="s">
        <v>125</v>
      </c>
      <c r="H11190" t="s">
        <v>123</v>
      </c>
      <c r="I11190" t="s">
        <v>15</v>
      </c>
      <c r="J11190" s="10">
        <v>9.7912187389999996</v>
      </c>
    </row>
    <row r="11191" spans="1:10" x14ac:dyDescent="0.35">
      <c r="A11191" t="s">
        <v>62</v>
      </c>
      <c r="B11191" t="s">
        <v>70</v>
      </c>
      <c r="C11191" t="s">
        <v>117</v>
      </c>
      <c r="D11191" t="s">
        <v>118</v>
      </c>
      <c r="E11191">
        <v>2015</v>
      </c>
      <c r="F11191">
        <v>2015</v>
      </c>
      <c r="G11191" t="s">
        <v>125</v>
      </c>
      <c r="H11191" t="s">
        <v>124</v>
      </c>
      <c r="I11191" t="s">
        <v>15</v>
      </c>
      <c r="J11191" s="10">
        <v>0.89113952699999999</v>
      </c>
    </row>
    <row r="11192" spans="1:10" x14ac:dyDescent="0.35">
      <c r="A11192" t="s">
        <v>62</v>
      </c>
      <c r="B11192" t="s">
        <v>70</v>
      </c>
      <c r="C11192" t="s">
        <v>117</v>
      </c>
      <c r="D11192" t="s">
        <v>118</v>
      </c>
      <c r="E11192">
        <v>2015</v>
      </c>
      <c r="F11192">
        <v>2015</v>
      </c>
      <c r="G11192" t="s">
        <v>126</v>
      </c>
      <c r="H11192" t="s">
        <v>119</v>
      </c>
      <c r="I11192" t="s">
        <v>15</v>
      </c>
      <c r="J11192" s="10">
        <v>16.694099000000001</v>
      </c>
    </row>
    <row r="11193" spans="1:10" x14ac:dyDescent="0.35">
      <c r="A11193" t="s">
        <v>62</v>
      </c>
      <c r="B11193" t="s">
        <v>70</v>
      </c>
      <c r="C11193" t="s">
        <v>117</v>
      </c>
      <c r="D11193" t="s">
        <v>118</v>
      </c>
      <c r="E11193">
        <v>2015</v>
      </c>
      <c r="F11193">
        <v>2015</v>
      </c>
      <c r="G11193" t="s">
        <v>126</v>
      </c>
      <c r="H11193" t="s">
        <v>120</v>
      </c>
      <c r="I11193" t="s">
        <v>15</v>
      </c>
      <c r="J11193" s="10">
        <v>11.0277981</v>
      </c>
    </row>
    <row r="11194" spans="1:10" x14ac:dyDescent="0.35">
      <c r="A11194" t="s">
        <v>62</v>
      </c>
      <c r="B11194" t="s">
        <v>70</v>
      </c>
      <c r="C11194" t="s">
        <v>117</v>
      </c>
      <c r="D11194" t="s">
        <v>118</v>
      </c>
      <c r="E11194">
        <v>2015</v>
      </c>
      <c r="F11194">
        <v>2015</v>
      </c>
      <c r="G11194" t="s">
        <v>126</v>
      </c>
      <c r="H11194" t="s">
        <v>121</v>
      </c>
      <c r="I11194" t="s">
        <v>15</v>
      </c>
      <c r="J11194" s="10">
        <v>41.752011699999997</v>
      </c>
    </row>
    <row r="11195" spans="1:10" x14ac:dyDescent="0.35">
      <c r="A11195" t="s">
        <v>62</v>
      </c>
      <c r="B11195" t="s">
        <v>70</v>
      </c>
      <c r="C11195" t="s">
        <v>117</v>
      </c>
      <c r="D11195" t="s">
        <v>118</v>
      </c>
      <c r="E11195">
        <v>2015</v>
      </c>
      <c r="F11195">
        <v>2015</v>
      </c>
      <c r="G11195" t="s">
        <v>126</v>
      </c>
      <c r="H11195" t="s">
        <v>122</v>
      </c>
      <c r="I11195" t="s">
        <v>15</v>
      </c>
      <c r="J11195" s="10">
        <v>16.33138259</v>
      </c>
    </row>
    <row r="11196" spans="1:10" x14ac:dyDescent="0.35">
      <c r="A11196" t="s">
        <v>62</v>
      </c>
      <c r="B11196" t="s">
        <v>70</v>
      </c>
      <c r="C11196" t="s">
        <v>117</v>
      </c>
      <c r="D11196" t="s">
        <v>118</v>
      </c>
      <c r="E11196">
        <v>2015</v>
      </c>
      <c r="F11196">
        <v>2015</v>
      </c>
      <c r="G11196" t="s">
        <v>126</v>
      </c>
      <c r="H11196" t="s">
        <v>123</v>
      </c>
      <c r="I11196" t="s">
        <v>15</v>
      </c>
      <c r="J11196" s="10">
        <v>11.945257249999999</v>
      </c>
    </row>
    <row r="11197" spans="1:10" x14ac:dyDescent="0.35">
      <c r="A11197" t="s">
        <v>62</v>
      </c>
      <c r="B11197" t="s">
        <v>70</v>
      </c>
      <c r="C11197" t="s">
        <v>117</v>
      </c>
      <c r="D11197" t="s">
        <v>118</v>
      </c>
      <c r="E11197">
        <v>2015</v>
      </c>
      <c r="F11197">
        <v>2015</v>
      </c>
      <c r="G11197" t="s">
        <v>126</v>
      </c>
      <c r="H11197" t="s">
        <v>124</v>
      </c>
      <c r="I11197" t="s">
        <v>15</v>
      </c>
      <c r="J11197" s="10">
        <v>2.249451353</v>
      </c>
    </row>
    <row r="11198" spans="1:10" x14ac:dyDescent="0.35">
      <c r="A11198" t="s">
        <v>62</v>
      </c>
      <c r="B11198" t="s">
        <v>70</v>
      </c>
      <c r="C11198" t="s">
        <v>117</v>
      </c>
      <c r="D11198" t="s">
        <v>118</v>
      </c>
      <c r="E11198">
        <v>2014</v>
      </c>
      <c r="F11198">
        <v>2014</v>
      </c>
      <c r="G11198" t="s">
        <v>14</v>
      </c>
      <c r="H11198" t="s">
        <v>119</v>
      </c>
      <c r="I11198" t="s">
        <v>15</v>
      </c>
      <c r="J11198" s="10">
        <v>16.424589310000002</v>
      </c>
    </row>
    <row r="11199" spans="1:10" x14ac:dyDescent="0.35">
      <c r="A11199" t="s">
        <v>62</v>
      </c>
      <c r="B11199" t="s">
        <v>70</v>
      </c>
      <c r="C11199" t="s">
        <v>117</v>
      </c>
      <c r="D11199" t="s">
        <v>118</v>
      </c>
      <c r="E11199">
        <v>2014</v>
      </c>
      <c r="F11199">
        <v>2014</v>
      </c>
      <c r="G11199" t="s">
        <v>14</v>
      </c>
      <c r="H11199" t="s">
        <v>120</v>
      </c>
      <c r="I11199" t="s">
        <v>15</v>
      </c>
      <c r="J11199" s="10">
        <v>11.84122501</v>
      </c>
    </row>
    <row r="11200" spans="1:10" x14ac:dyDescent="0.35">
      <c r="A11200" t="s">
        <v>62</v>
      </c>
      <c r="B11200" t="s">
        <v>70</v>
      </c>
      <c r="C11200" t="s">
        <v>117</v>
      </c>
      <c r="D11200" t="s">
        <v>118</v>
      </c>
      <c r="E11200">
        <v>2014</v>
      </c>
      <c r="F11200">
        <v>2014</v>
      </c>
      <c r="G11200" t="s">
        <v>14</v>
      </c>
      <c r="H11200" t="s">
        <v>121</v>
      </c>
      <c r="I11200" t="s">
        <v>15</v>
      </c>
      <c r="J11200" s="10">
        <v>43.349438790000001</v>
      </c>
    </row>
    <row r="11201" spans="1:10" x14ac:dyDescent="0.35">
      <c r="A11201" t="s">
        <v>62</v>
      </c>
      <c r="B11201" t="s">
        <v>70</v>
      </c>
      <c r="C11201" t="s">
        <v>117</v>
      </c>
      <c r="D11201" t="s">
        <v>118</v>
      </c>
      <c r="E11201">
        <v>2014</v>
      </c>
      <c r="F11201">
        <v>2014</v>
      </c>
      <c r="G11201" t="s">
        <v>14</v>
      </c>
      <c r="H11201" t="s">
        <v>122</v>
      </c>
      <c r="I11201" t="s">
        <v>15</v>
      </c>
      <c r="J11201" s="10">
        <v>15.93547908</v>
      </c>
    </row>
    <row r="11202" spans="1:10" x14ac:dyDescent="0.35">
      <c r="A11202" t="s">
        <v>62</v>
      </c>
      <c r="B11202" t="s">
        <v>70</v>
      </c>
      <c r="C11202" t="s">
        <v>117</v>
      </c>
      <c r="D11202" t="s">
        <v>118</v>
      </c>
      <c r="E11202">
        <v>2014</v>
      </c>
      <c r="F11202">
        <v>2014</v>
      </c>
      <c r="G11202" t="s">
        <v>14</v>
      </c>
      <c r="H11202" t="s">
        <v>123</v>
      </c>
      <c r="I11202" t="s">
        <v>15</v>
      </c>
      <c r="J11202" s="10">
        <v>10.87489779</v>
      </c>
    </row>
    <row r="11203" spans="1:10" x14ac:dyDescent="0.35">
      <c r="A11203" t="s">
        <v>62</v>
      </c>
      <c r="B11203" t="s">
        <v>70</v>
      </c>
      <c r="C11203" t="s">
        <v>117</v>
      </c>
      <c r="D11203" t="s">
        <v>118</v>
      </c>
      <c r="E11203">
        <v>2014</v>
      </c>
      <c r="F11203">
        <v>2014</v>
      </c>
      <c r="G11203" t="s">
        <v>14</v>
      </c>
      <c r="H11203" t="s">
        <v>124</v>
      </c>
      <c r="I11203" t="s">
        <v>15</v>
      </c>
      <c r="J11203" s="10">
        <v>1.574370029</v>
      </c>
    </row>
    <row r="11204" spans="1:10" x14ac:dyDescent="0.35">
      <c r="A11204" t="s">
        <v>62</v>
      </c>
      <c r="B11204" t="s">
        <v>70</v>
      </c>
      <c r="C11204" t="s">
        <v>117</v>
      </c>
      <c r="D11204" t="s">
        <v>118</v>
      </c>
      <c r="E11204">
        <v>2014</v>
      </c>
      <c r="F11204">
        <v>2014</v>
      </c>
      <c r="G11204" t="s">
        <v>125</v>
      </c>
      <c r="H11204" t="s">
        <v>119</v>
      </c>
      <c r="I11204" t="s">
        <v>15</v>
      </c>
      <c r="J11204" s="10">
        <v>16.253269339999999</v>
      </c>
    </row>
    <row r="11205" spans="1:10" x14ac:dyDescent="0.35">
      <c r="A11205" t="s">
        <v>62</v>
      </c>
      <c r="B11205" t="s">
        <v>70</v>
      </c>
      <c r="C11205" t="s">
        <v>117</v>
      </c>
      <c r="D11205" t="s">
        <v>118</v>
      </c>
      <c r="E11205">
        <v>2014</v>
      </c>
      <c r="F11205">
        <v>2014</v>
      </c>
      <c r="G11205" t="s">
        <v>125</v>
      </c>
      <c r="H11205" t="s">
        <v>120</v>
      </c>
      <c r="I11205" t="s">
        <v>15</v>
      </c>
      <c r="J11205" s="10">
        <v>12.341562959999999</v>
      </c>
    </row>
    <row r="11206" spans="1:10" x14ac:dyDescent="0.35">
      <c r="A11206" t="s">
        <v>62</v>
      </c>
      <c r="B11206" t="s">
        <v>70</v>
      </c>
      <c r="C11206" t="s">
        <v>117</v>
      </c>
      <c r="D11206" t="s">
        <v>118</v>
      </c>
      <c r="E11206">
        <v>2014</v>
      </c>
      <c r="F11206">
        <v>2014</v>
      </c>
      <c r="G11206" t="s">
        <v>125</v>
      </c>
      <c r="H11206" t="s">
        <v>121</v>
      </c>
      <c r="I11206" t="s">
        <v>15</v>
      </c>
      <c r="J11206" s="10">
        <v>45.121145060000003</v>
      </c>
    </row>
    <row r="11207" spans="1:10" x14ac:dyDescent="0.35">
      <c r="A11207" t="s">
        <v>62</v>
      </c>
      <c r="B11207" t="s">
        <v>70</v>
      </c>
      <c r="C11207" t="s">
        <v>117</v>
      </c>
      <c r="D11207" t="s">
        <v>118</v>
      </c>
      <c r="E11207">
        <v>2014</v>
      </c>
      <c r="F11207">
        <v>2014</v>
      </c>
      <c r="G11207" t="s">
        <v>125</v>
      </c>
      <c r="H11207" t="s">
        <v>122</v>
      </c>
      <c r="I11207" t="s">
        <v>15</v>
      </c>
      <c r="J11207" s="10">
        <v>15.64395137</v>
      </c>
    </row>
    <row r="11208" spans="1:10" x14ac:dyDescent="0.35">
      <c r="A11208" t="s">
        <v>62</v>
      </c>
      <c r="B11208" t="s">
        <v>70</v>
      </c>
      <c r="C11208" t="s">
        <v>117</v>
      </c>
      <c r="D11208" t="s">
        <v>118</v>
      </c>
      <c r="E11208">
        <v>2014</v>
      </c>
      <c r="F11208">
        <v>2014</v>
      </c>
      <c r="G11208" t="s">
        <v>125</v>
      </c>
      <c r="H11208" t="s">
        <v>123</v>
      </c>
      <c r="I11208" t="s">
        <v>15</v>
      </c>
      <c r="J11208" s="10">
        <v>9.7031011990000007</v>
      </c>
    </row>
    <row r="11209" spans="1:10" x14ac:dyDescent="0.35">
      <c r="A11209" t="s">
        <v>62</v>
      </c>
      <c r="B11209" t="s">
        <v>70</v>
      </c>
      <c r="C11209" t="s">
        <v>117</v>
      </c>
      <c r="D11209" t="s">
        <v>118</v>
      </c>
      <c r="E11209">
        <v>2014</v>
      </c>
      <c r="F11209">
        <v>2014</v>
      </c>
      <c r="G11209" t="s">
        <v>125</v>
      </c>
      <c r="H11209" t="s">
        <v>124</v>
      </c>
      <c r="I11209" t="s">
        <v>15</v>
      </c>
      <c r="J11209" s="10">
        <v>0.93697008000000004</v>
      </c>
    </row>
    <row r="11210" spans="1:10" x14ac:dyDescent="0.35">
      <c r="A11210" t="s">
        <v>62</v>
      </c>
      <c r="B11210" t="s">
        <v>70</v>
      </c>
      <c r="C11210" t="s">
        <v>117</v>
      </c>
      <c r="D11210" t="s">
        <v>118</v>
      </c>
      <c r="E11210">
        <v>2014</v>
      </c>
      <c r="F11210">
        <v>2014</v>
      </c>
      <c r="G11210" t="s">
        <v>126</v>
      </c>
      <c r="H11210" t="s">
        <v>119</v>
      </c>
      <c r="I11210" t="s">
        <v>15</v>
      </c>
      <c r="J11210" s="10">
        <v>16.608154720000002</v>
      </c>
    </row>
    <row r="11211" spans="1:10" x14ac:dyDescent="0.35">
      <c r="A11211" t="s">
        <v>62</v>
      </c>
      <c r="B11211" t="s">
        <v>70</v>
      </c>
      <c r="C11211" t="s">
        <v>117</v>
      </c>
      <c r="D11211" t="s">
        <v>118</v>
      </c>
      <c r="E11211">
        <v>2014</v>
      </c>
      <c r="F11211">
        <v>2014</v>
      </c>
      <c r="G11211" t="s">
        <v>126</v>
      </c>
      <c r="H11211" t="s">
        <v>120</v>
      </c>
      <c r="I11211" t="s">
        <v>15</v>
      </c>
      <c r="J11211" s="10">
        <v>11.305124409999999</v>
      </c>
    </row>
    <row r="11212" spans="1:10" x14ac:dyDescent="0.35">
      <c r="A11212" t="s">
        <v>62</v>
      </c>
      <c r="B11212" t="s">
        <v>70</v>
      </c>
      <c r="C11212" t="s">
        <v>117</v>
      </c>
      <c r="D11212" t="s">
        <v>118</v>
      </c>
      <c r="E11212">
        <v>2014</v>
      </c>
      <c r="F11212">
        <v>2014</v>
      </c>
      <c r="G11212" t="s">
        <v>126</v>
      </c>
      <c r="H11212" t="s">
        <v>121</v>
      </c>
      <c r="I11212" t="s">
        <v>15</v>
      </c>
      <c r="J11212" s="10">
        <v>41.451096329999999</v>
      </c>
    </row>
    <row r="11213" spans="1:10" x14ac:dyDescent="0.35">
      <c r="A11213" t="s">
        <v>62</v>
      </c>
      <c r="B11213" t="s">
        <v>70</v>
      </c>
      <c r="C11213" t="s">
        <v>117</v>
      </c>
      <c r="D11213" t="s">
        <v>118</v>
      </c>
      <c r="E11213">
        <v>2014</v>
      </c>
      <c r="F11213">
        <v>2014</v>
      </c>
      <c r="G11213" t="s">
        <v>126</v>
      </c>
      <c r="H11213" t="s">
        <v>122</v>
      </c>
      <c r="I11213" t="s">
        <v>15</v>
      </c>
      <c r="J11213" s="10">
        <v>16.247844300000001</v>
      </c>
    </row>
    <row r="11214" spans="1:10" x14ac:dyDescent="0.35">
      <c r="A11214" t="s">
        <v>62</v>
      </c>
      <c r="B11214" t="s">
        <v>70</v>
      </c>
      <c r="C11214" t="s">
        <v>117</v>
      </c>
      <c r="D11214" t="s">
        <v>118</v>
      </c>
      <c r="E11214">
        <v>2014</v>
      </c>
      <c r="F11214">
        <v>2014</v>
      </c>
      <c r="G11214" t="s">
        <v>126</v>
      </c>
      <c r="H11214" t="s">
        <v>123</v>
      </c>
      <c r="I11214" t="s">
        <v>15</v>
      </c>
      <c r="J11214" s="10">
        <v>12.130450850000001</v>
      </c>
    </row>
    <row r="11215" spans="1:10" x14ac:dyDescent="0.35">
      <c r="A11215" t="s">
        <v>62</v>
      </c>
      <c r="B11215" t="s">
        <v>70</v>
      </c>
      <c r="C11215" t="s">
        <v>117</v>
      </c>
      <c r="D11215" t="s">
        <v>118</v>
      </c>
      <c r="E11215">
        <v>2014</v>
      </c>
      <c r="F11215">
        <v>2014</v>
      </c>
      <c r="G11215" t="s">
        <v>126</v>
      </c>
      <c r="H11215" t="s">
        <v>124</v>
      </c>
      <c r="I11215" t="s">
        <v>15</v>
      </c>
      <c r="J11215" s="10">
        <v>2.2573293909999999</v>
      </c>
    </row>
    <row r="11216" spans="1:10" x14ac:dyDescent="0.35">
      <c r="A11216" t="s">
        <v>62</v>
      </c>
      <c r="B11216" t="s">
        <v>70</v>
      </c>
      <c r="C11216" t="s">
        <v>117</v>
      </c>
      <c r="D11216" t="s">
        <v>118</v>
      </c>
      <c r="E11216">
        <v>2013</v>
      </c>
      <c r="F11216">
        <v>2013</v>
      </c>
      <c r="G11216" t="s">
        <v>14</v>
      </c>
      <c r="H11216" t="s">
        <v>119</v>
      </c>
      <c r="I11216" t="s">
        <v>15</v>
      </c>
      <c r="J11216" s="10">
        <v>16.497960639999999</v>
      </c>
    </row>
    <row r="11217" spans="1:10" x14ac:dyDescent="0.35">
      <c r="A11217" t="s">
        <v>62</v>
      </c>
      <c r="B11217" t="s">
        <v>70</v>
      </c>
      <c r="C11217" t="s">
        <v>117</v>
      </c>
      <c r="D11217" t="s">
        <v>118</v>
      </c>
      <c r="E11217">
        <v>2013</v>
      </c>
      <c r="F11217">
        <v>2013</v>
      </c>
      <c r="G11217" t="s">
        <v>14</v>
      </c>
      <c r="H11217" t="s">
        <v>120</v>
      </c>
      <c r="I11217" t="s">
        <v>15</v>
      </c>
      <c r="J11217" s="10">
        <v>12.222751499999999</v>
      </c>
    </row>
    <row r="11218" spans="1:10" x14ac:dyDescent="0.35">
      <c r="A11218" t="s">
        <v>62</v>
      </c>
      <c r="B11218" t="s">
        <v>70</v>
      </c>
      <c r="C11218" t="s">
        <v>117</v>
      </c>
      <c r="D11218" t="s">
        <v>118</v>
      </c>
      <c r="E11218">
        <v>2013</v>
      </c>
      <c r="F11218">
        <v>2013</v>
      </c>
      <c r="G11218" t="s">
        <v>14</v>
      </c>
      <c r="H11218" t="s">
        <v>121</v>
      </c>
      <c r="I11218" t="s">
        <v>15</v>
      </c>
      <c r="J11218" s="10">
        <v>43.124237100000002</v>
      </c>
    </row>
    <row r="11219" spans="1:10" x14ac:dyDescent="0.35">
      <c r="A11219" t="s">
        <v>62</v>
      </c>
      <c r="B11219" t="s">
        <v>70</v>
      </c>
      <c r="C11219" t="s">
        <v>117</v>
      </c>
      <c r="D11219" t="s">
        <v>118</v>
      </c>
      <c r="E11219">
        <v>2013</v>
      </c>
      <c r="F11219">
        <v>2013</v>
      </c>
      <c r="G11219" t="s">
        <v>14</v>
      </c>
      <c r="H11219" t="s">
        <v>122</v>
      </c>
      <c r="I11219" t="s">
        <v>15</v>
      </c>
      <c r="J11219" s="10">
        <v>15.650957160000001</v>
      </c>
    </row>
    <row r="11220" spans="1:10" x14ac:dyDescent="0.35">
      <c r="A11220" t="s">
        <v>62</v>
      </c>
      <c r="B11220" t="s">
        <v>70</v>
      </c>
      <c r="C11220" t="s">
        <v>117</v>
      </c>
      <c r="D11220" t="s">
        <v>118</v>
      </c>
      <c r="E11220">
        <v>2013</v>
      </c>
      <c r="F11220">
        <v>2013</v>
      </c>
      <c r="G11220" t="s">
        <v>14</v>
      </c>
      <c r="H11220" t="s">
        <v>123</v>
      </c>
      <c r="I11220" t="s">
        <v>15</v>
      </c>
      <c r="J11220" s="10">
        <v>10.915775999999999</v>
      </c>
    </row>
    <row r="11221" spans="1:10" x14ac:dyDescent="0.35">
      <c r="A11221" t="s">
        <v>62</v>
      </c>
      <c r="B11221" t="s">
        <v>70</v>
      </c>
      <c r="C11221" t="s">
        <v>117</v>
      </c>
      <c r="D11221" t="s">
        <v>118</v>
      </c>
      <c r="E11221">
        <v>2013</v>
      </c>
      <c r="F11221">
        <v>2013</v>
      </c>
      <c r="G11221" t="s">
        <v>14</v>
      </c>
      <c r="H11221" t="s">
        <v>124</v>
      </c>
      <c r="I11221" t="s">
        <v>15</v>
      </c>
      <c r="J11221" s="10">
        <v>1.588317604</v>
      </c>
    </row>
    <row r="11222" spans="1:10" x14ac:dyDescent="0.35">
      <c r="A11222" t="s">
        <v>62</v>
      </c>
      <c r="B11222" t="s">
        <v>70</v>
      </c>
      <c r="C11222" t="s">
        <v>117</v>
      </c>
      <c r="D11222" t="s">
        <v>118</v>
      </c>
      <c r="E11222">
        <v>2013</v>
      </c>
      <c r="F11222">
        <v>2013</v>
      </c>
      <c r="G11222" t="s">
        <v>125</v>
      </c>
      <c r="H11222" t="s">
        <v>119</v>
      </c>
      <c r="I11222" t="s">
        <v>15</v>
      </c>
      <c r="J11222" s="10">
        <v>16.301030690000001</v>
      </c>
    </row>
    <row r="11223" spans="1:10" x14ac:dyDescent="0.35">
      <c r="A11223" t="s">
        <v>62</v>
      </c>
      <c r="B11223" t="s">
        <v>70</v>
      </c>
      <c r="C11223" t="s">
        <v>117</v>
      </c>
      <c r="D11223" t="s">
        <v>118</v>
      </c>
      <c r="E11223">
        <v>2013</v>
      </c>
      <c r="F11223">
        <v>2013</v>
      </c>
      <c r="G11223" t="s">
        <v>125</v>
      </c>
      <c r="H11223" t="s">
        <v>120</v>
      </c>
      <c r="I11223" t="s">
        <v>15</v>
      </c>
      <c r="J11223" s="10">
        <v>12.86347671</v>
      </c>
    </row>
    <row r="11224" spans="1:10" x14ac:dyDescent="0.35">
      <c r="A11224" t="s">
        <v>62</v>
      </c>
      <c r="B11224" t="s">
        <v>70</v>
      </c>
      <c r="C11224" t="s">
        <v>117</v>
      </c>
      <c r="D11224" t="s">
        <v>118</v>
      </c>
      <c r="E11224">
        <v>2013</v>
      </c>
      <c r="F11224">
        <v>2013</v>
      </c>
      <c r="G11224" t="s">
        <v>125</v>
      </c>
      <c r="H11224" t="s">
        <v>121</v>
      </c>
      <c r="I11224" t="s">
        <v>15</v>
      </c>
      <c r="J11224" s="10">
        <v>44.79184661</v>
      </c>
    </row>
    <row r="11225" spans="1:10" x14ac:dyDescent="0.35">
      <c r="A11225" t="s">
        <v>62</v>
      </c>
      <c r="B11225" t="s">
        <v>70</v>
      </c>
      <c r="C11225" t="s">
        <v>117</v>
      </c>
      <c r="D11225" t="s">
        <v>118</v>
      </c>
      <c r="E11225">
        <v>2013</v>
      </c>
      <c r="F11225">
        <v>2013</v>
      </c>
      <c r="G11225" t="s">
        <v>125</v>
      </c>
      <c r="H11225" t="s">
        <v>122</v>
      </c>
      <c r="I11225" t="s">
        <v>15</v>
      </c>
      <c r="J11225" s="10">
        <v>15.422928539999999</v>
      </c>
    </row>
    <row r="11226" spans="1:10" x14ac:dyDescent="0.35">
      <c r="A11226" t="s">
        <v>62</v>
      </c>
      <c r="B11226" t="s">
        <v>70</v>
      </c>
      <c r="C11226" t="s">
        <v>117</v>
      </c>
      <c r="D11226" t="s">
        <v>118</v>
      </c>
      <c r="E11226">
        <v>2013</v>
      </c>
      <c r="F11226">
        <v>2013</v>
      </c>
      <c r="G11226" t="s">
        <v>125</v>
      </c>
      <c r="H11226" t="s">
        <v>123</v>
      </c>
      <c r="I11226" t="s">
        <v>15</v>
      </c>
      <c r="J11226" s="10">
        <v>9.708067024</v>
      </c>
    </row>
    <row r="11227" spans="1:10" x14ac:dyDescent="0.35">
      <c r="A11227" t="s">
        <v>62</v>
      </c>
      <c r="B11227" t="s">
        <v>70</v>
      </c>
      <c r="C11227" t="s">
        <v>117</v>
      </c>
      <c r="D11227" t="s">
        <v>118</v>
      </c>
      <c r="E11227">
        <v>2013</v>
      </c>
      <c r="F11227">
        <v>2013</v>
      </c>
      <c r="G11227" t="s">
        <v>125</v>
      </c>
      <c r="H11227" t="s">
        <v>124</v>
      </c>
      <c r="I11227" t="s">
        <v>15</v>
      </c>
      <c r="J11227" s="10">
        <v>0.91265042900000004</v>
      </c>
    </row>
    <row r="11228" spans="1:10" x14ac:dyDescent="0.35">
      <c r="A11228" t="s">
        <v>62</v>
      </c>
      <c r="B11228" t="s">
        <v>70</v>
      </c>
      <c r="C11228" t="s">
        <v>117</v>
      </c>
      <c r="D11228" t="s">
        <v>118</v>
      </c>
      <c r="E11228">
        <v>2013</v>
      </c>
      <c r="F11228">
        <v>2013</v>
      </c>
      <c r="G11228" t="s">
        <v>126</v>
      </c>
      <c r="H11228" t="s">
        <v>119</v>
      </c>
      <c r="I11228" t="s">
        <v>15</v>
      </c>
      <c r="J11228" s="10">
        <v>16.708790530000002</v>
      </c>
    </row>
    <row r="11229" spans="1:10" x14ac:dyDescent="0.35">
      <c r="A11229" t="s">
        <v>62</v>
      </c>
      <c r="B11229" t="s">
        <v>70</v>
      </c>
      <c r="C11229" t="s">
        <v>117</v>
      </c>
      <c r="D11229" t="s">
        <v>118</v>
      </c>
      <c r="E11229">
        <v>2013</v>
      </c>
      <c r="F11229">
        <v>2013</v>
      </c>
      <c r="G11229" t="s">
        <v>126</v>
      </c>
      <c r="H11229" t="s">
        <v>120</v>
      </c>
      <c r="I11229" t="s">
        <v>15</v>
      </c>
      <c r="J11229" s="10">
        <v>11.53680187</v>
      </c>
    </row>
    <row r="11230" spans="1:10" x14ac:dyDescent="0.35">
      <c r="A11230" t="s">
        <v>62</v>
      </c>
      <c r="B11230" t="s">
        <v>70</v>
      </c>
      <c r="C11230" t="s">
        <v>117</v>
      </c>
      <c r="D11230" t="s">
        <v>118</v>
      </c>
      <c r="E11230">
        <v>2013</v>
      </c>
      <c r="F11230">
        <v>2013</v>
      </c>
      <c r="G11230" t="s">
        <v>126</v>
      </c>
      <c r="H11230" t="s">
        <v>121</v>
      </c>
      <c r="I11230" t="s">
        <v>15</v>
      </c>
      <c r="J11230" s="10">
        <v>41.338922449999998</v>
      </c>
    </row>
    <row r="11231" spans="1:10" x14ac:dyDescent="0.35">
      <c r="A11231" t="s">
        <v>62</v>
      </c>
      <c r="B11231" t="s">
        <v>70</v>
      </c>
      <c r="C11231" t="s">
        <v>117</v>
      </c>
      <c r="D11231" t="s">
        <v>118</v>
      </c>
      <c r="E11231">
        <v>2013</v>
      </c>
      <c r="F11231">
        <v>2013</v>
      </c>
      <c r="G11231" t="s">
        <v>126</v>
      </c>
      <c r="H11231" t="s">
        <v>122</v>
      </c>
      <c r="I11231" t="s">
        <v>15</v>
      </c>
      <c r="J11231" s="10">
        <v>15.89508075</v>
      </c>
    </row>
    <row r="11232" spans="1:10" x14ac:dyDescent="0.35">
      <c r="A11232" t="s">
        <v>62</v>
      </c>
      <c r="B11232" t="s">
        <v>70</v>
      </c>
      <c r="C11232" t="s">
        <v>117</v>
      </c>
      <c r="D11232" t="s">
        <v>118</v>
      </c>
      <c r="E11232">
        <v>2013</v>
      </c>
      <c r="F11232">
        <v>2013</v>
      </c>
      <c r="G11232" t="s">
        <v>126</v>
      </c>
      <c r="H11232" t="s">
        <v>123</v>
      </c>
      <c r="I11232" t="s">
        <v>15</v>
      </c>
      <c r="J11232" s="10">
        <v>12.20872889</v>
      </c>
    </row>
    <row r="11233" spans="1:10" x14ac:dyDescent="0.35">
      <c r="A11233" t="s">
        <v>62</v>
      </c>
      <c r="B11233" t="s">
        <v>70</v>
      </c>
      <c r="C11233" t="s">
        <v>117</v>
      </c>
      <c r="D11233" t="s">
        <v>118</v>
      </c>
      <c r="E11233">
        <v>2013</v>
      </c>
      <c r="F11233">
        <v>2013</v>
      </c>
      <c r="G11233" t="s">
        <v>126</v>
      </c>
      <c r="H11233" t="s">
        <v>124</v>
      </c>
      <c r="I11233" t="s">
        <v>15</v>
      </c>
      <c r="J11233" s="10">
        <v>2.3116755019999999</v>
      </c>
    </row>
    <row r="11234" spans="1:10" x14ac:dyDescent="0.35">
      <c r="A11234" t="s">
        <v>62</v>
      </c>
      <c r="B11234" t="s">
        <v>70</v>
      </c>
      <c r="C11234" t="s">
        <v>117</v>
      </c>
      <c r="D11234" t="s">
        <v>118</v>
      </c>
      <c r="E11234">
        <v>2012</v>
      </c>
      <c r="F11234">
        <v>2012</v>
      </c>
      <c r="G11234" t="s">
        <v>14</v>
      </c>
      <c r="H11234" t="s">
        <v>119</v>
      </c>
      <c r="I11234" t="s">
        <v>15</v>
      </c>
      <c r="J11234" s="10">
        <v>16.158736789999999</v>
      </c>
    </row>
    <row r="11235" spans="1:10" x14ac:dyDescent="0.35">
      <c r="A11235" t="s">
        <v>62</v>
      </c>
      <c r="B11235" t="s">
        <v>70</v>
      </c>
      <c r="C11235" t="s">
        <v>117</v>
      </c>
      <c r="D11235" t="s">
        <v>118</v>
      </c>
      <c r="E11235">
        <v>2012</v>
      </c>
      <c r="F11235">
        <v>2012</v>
      </c>
      <c r="G11235" t="s">
        <v>14</v>
      </c>
      <c r="H11235" t="s">
        <v>120</v>
      </c>
      <c r="I11235" t="s">
        <v>15</v>
      </c>
      <c r="J11235" s="10">
        <v>13.020118200000001</v>
      </c>
    </row>
    <row r="11236" spans="1:10" x14ac:dyDescent="0.35">
      <c r="A11236" t="s">
        <v>62</v>
      </c>
      <c r="B11236" t="s">
        <v>70</v>
      </c>
      <c r="C11236" t="s">
        <v>117</v>
      </c>
      <c r="D11236" t="s">
        <v>118</v>
      </c>
      <c r="E11236">
        <v>2012</v>
      </c>
      <c r="F11236">
        <v>2012</v>
      </c>
      <c r="G11236" t="s">
        <v>14</v>
      </c>
      <c r="H11236" t="s">
        <v>121</v>
      </c>
      <c r="I11236" t="s">
        <v>15</v>
      </c>
      <c r="J11236" s="10">
        <v>42.949674649999999</v>
      </c>
    </row>
    <row r="11237" spans="1:10" x14ac:dyDescent="0.35">
      <c r="A11237" t="s">
        <v>62</v>
      </c>
      <c r="B11237" t="s">
        <v>70</v>
      </c>
      <c r="C11237" t="s">
        <v>117</v>
      </c>
      <c r="D11237" t="s">
        <v>118</v>
      </c>
      <c r="E11237">
        <v>2012</v>
      </c>
      <c r="F11237">
        <v>2012</v>
      </c>
      <c r="G11237" t="s">
        <v>14</v>
      </c>
      <c r="H11237" t="s">
        <v>122</v>
      </c>
      <c r="I11237" t="s">
        <v>15</v>
      </c>
      <c r="J11237" s="10">
        <v>15.34982986</v>
      </c>
    </row>
    <row r="11238" spans="1:10" x14ac:dyDescent="0.35">
      <c r="A11238" t="s">
        <v>62</v>
      </c>
      <c r="B11238" t="s">
        <v>70</v>
      </c>
      <c r="C11238" t="s">
        <v>117</v>
      </c>
      <c r="D11238" t="s">
        <v>118</v>
      </c>
      <c r="E11238">
        <v>2012</v>
      </c>
      <c r="F11238">
        <v>2012</v>
      </c>
      <c r="G11238" t="s">
        <v>14</v>
      </c>
      <c r="H11238" t="s">
        <v>123</v>
      </c>
      <c r="I11238" t="s">
        <v>15</v>
      </c>
      <c r="J11238" s="10">
        <v>10.8933795</v>
      </c>
    </row>
    <row r="11239" spans="1:10" x14ac:dyDescent="0.35">
      <c r="A11239" t="s">
        <v>62</v>
      </c>
      <c r="B11239" t="s">
        <v>70</v>
      </c>
      <c r="C11239" t="s">
        <v>117</v>
      </c>
      <c r="D11239" t="s">
        <v>118</v>
      </c>
      <c r="E11239">
        <v>2012</v>
      </c>
      <c r="F11239">
        <v>2012</v>
      </c>
      <c r="G11239" t="s">
        <v>14</v>
      </c>
      <c r="H11239" t="s">
        <v>124</v>
      </c>
      <c r="I11239" t="s">
        <v>15</v>
      </c>
      <c r="J11239" s="10">
        <v>1.6282609990000001</v>
      </c>
    </row>
    <row r="11240" spans="1:10" x14ac:dyDescent="0.35">
      <c r="A11240" t="s">
        <v>62</v>
      </c>
      <c r="B11240" t="s">
        <v>70</v>
      </c>
      <c r="C11240" t="s">
        <v>117</v>
      </c>
      <c r="D11240" t="s">
        <v>118</v>
      </c>
      <c r="E11240">
        <v>2012</v>
      </c>
      <c r="F11240">
        <v>2012</v>
      </c>
      <c r="G11240" t="s">
        <v>125</v>
      </c>
      <c r="H11240" t="s">
        <v>119</v>
      </c>
      <c r="I11240" t="s">
        <v>15</v>
      </c>
      <c r="J11240" s="10">
        <v>16.050133150000001</v>
      </c>
    </row>
    <row r="11241" spans="1:10" x14ac:dyDescent="0.35">
      <c r="A11241" t="s">
        <v>62</v>
      </c>
      <c r="B11241" t="s">
        <v>70</v>
      </c>
      <c r="C11241" t="s">
        <v>117</v>
      </c>
      <c r="D11241" t="s">
        <v>118</v>
      </c>
      <c r="E11241">
        <v>2012</v>
      </c>
      <c r="F11241">
        <v>2012</v>
      </c>
      <c r="G11241" t="s">
        <v>125</v>
      </c>
      <c r="H11241" t="s">
        <v>120</v>
      </c>
      <c r="I11241" t="s">
        <v>15</v>
      </c>
      <c r="J11241" s="10">
        <v>13.75477596</v>
      </c>
    </row>
    <row r="11242" spans="1:10" x14ac:dyDescent="0.35">
      <c r="A11242" t="s">
        <v>62</v>
      </c>
      <c r="B11242" t="s">
        <v>70</v>
      </c>
      <c r="C11242" t="s">
        <v>117</v>
      </c>
      <c r="D11242" t="s">
        <v>118</v>
      </c>
      <c r="E11242">
        <v>2012</v>
      </c>
      <c r="F11242">
        <v>2012</v>
      </c>
      <c r="G11242" t="s">
        <v>125</v>
      </c>
      <c r="H11242" t="s">
        <v>121</v>
      </c>
      <c r="I11242" t="s">
        <v>15</v>
      </c>
      <c r="J11242" s="10">
        <v>44.509088800000001</v>
      </c>
    </row>
    <row r="11243" spans="1:10" x14ac:dyDescent="0.35">
      <c r="A11243" t="s">
        <v>62</v>
      </c>
      <c r="B11243" t="s">
        <v>70</v>
      </c>
      <c r="C11243" t="s">
        <v>117</v>
      </c>
      <c r="D11243" t="s">
        <v>118</v>
      </c>
      <c r="E11243">
        <v>2012</v>
      </c>
      <c r="F11243">
        <v>2012</v>
      </c>
      <c r="G11243" t="s">
        <v>125</v>
      </c>
      <c r="H11243" t="s">
        <v>122</v>
      </c>
      <c r="I11243" t="s">
        <v>15</v>
      </c>
      <c r="J11243" s="10">
        <v>15.161514410000001</v>
      </c>
    </row>
    <row r="11244" spans="1:10" x14ac:dyDescent="0.35">
      <c r="A11244" t="s">
        <v>62</v>
      </c>
      <c r="B11244" t="s">
        <v>70</v>
      </c>
      <c r="C11244" t="s">
        <v>117</v>
      </c>
      <c r="D11244" t="s">
        <v>118</v>
      </c>
      <c r="E11244">
        <v>2012</v>
      </c>
      <c r="F11244">
        <v>2012</v>
      </c>
      <c r="G11244" t="s">
        <v>125</v>
      </c>
      <c r="H11244" t="s">
        <v>123</v>
      </c>
      <c r="I11244" t="s">
        <v>15</v>
      </c>
      <c r="J11244" s="10">
        <v>9.6069236999999994</v>
      </c>
    </row>
    <row r="11245" spans="1:10" x14ac:dyDescent="0.35">
      <c r="A11245" t="s">
        <v>62</v>
      </c>
      <c r="B11245" t="s">
        <v>70</v>
      </c>
      <c r="C11245" t="s">
        <v>117</v>
      </c>
      <c r="D11245" t="s">
        <v>118</v>
      </c>
      <c r="E11245">
        <v>2012</v>
      </c>
      <c r="F11245">
        <v>2012</v>
      </c>
      <c r="G11245" t="s">
        <v>125</v>
      </c>
      <c r="H11245" t="s">
        <v>124</v>
      </c>
      <c r="I11245" t="s">
        <v>15</v>
      </c>
      <c r="J11245" s="10">
        <v>0.91756396900000003</v>
      </c>
    </row>
    <row r="11246" spans="1:10" x14ac:dyDescent="0.35">
      <c r="A11246" t="s">
        <v>62</v>
      </c>
      <c r="B11246" t="s">
        <v>70</v>
      </c>
      <c r="C11246" t="s">
        <v>117</v>
      </c>
      <c r="D11246" t="s">
        <v>118</v>
      </c>
      <c r="E11246">
        <v>2012</v>
      </c>
      <c r="F11246">
        <v>2012</v>
      </c>
      <c r="G11246" t="s">
        <v>126</v>
      </c>
      <c r="H11246" t="s">
        <v>119</v>
      </c>
      <c r="I11246" t="s">
        <v>15</v>
      </c>
      <c r="J11246" s="10">
        <v>16.274340649999999</v>
      </c>
    </row>
    <row r="11247" spans="1:10" x14ac:dyDescent="0.35">
      <c r="A11247" t="s">
        <v>62</v>
      </c>
      <c r="B11247" t="s">
        <v>70</v>
      </c>
      <c r="C11247" t="s">
        <v>117</v>
      </c>
      <c r="D11247" t="s">
        <v>118</v>
      </c>
      <c r="E11247">
        <v>2012</v>
      </c>
      <c r="F11247">
        <v>2012</v>
      </c>
      <c r="G11247" t="s">
        <v>126</v>
      </c>
      <c r="H11247" t="s">
        <v>120</v>
      </c>
      <c r="I11247" t="s">
        <v>15</v>
      </c>
      <c r="J11247" s="10">
        <v>12.23810698</v>
      </c>
    </row>
    <row r="11248" spans="1:10" x14ac:dyDescent="0.35">
      <c r="A11248" t="s">
        <v>62</v>
      </c>
      <c r="B11248" t="s">
        <v>70</v>
      </c>
      <c r="C11248" t="s">
        <v>117</v>
      </c>
      <c r="D11248" t="s">
        <v>118</v>
      </c>
      <c r="E11248">
        <v>2012</v>
      </c>
      <c r="F11248">
        <v>2012</v>
      </c>
      <c r="G11248" t="s">
        <v>126</v>
      </c>
      <c r="H11248" t="s">
        <v>121</v>
      </c>
      <c r="I11248" t="s">
        <v>15</v>
      </c>
      <c r="J11248" s="10">
        <v>41.289746119999997</v>
      </c>
    </row>
    <row r="11249" spans="1:10" x14ac:dyDescent="0.35">
      <c r="A11249" t="s">
        <v>62</v>
      </c>
      <c r="B11249" t="s">
        <v>70</v>
      </c>
      <c r="C11249" t="s">
        <v>117</v>
      </c>
      <c r="D11249" t="s">
        <v>118</v>
      </c>
      <c r="E11249">
        <v>2012</v>
      </c>
      <c r="F11249">
        <v>2012</v>
      </c>
      <c r="G11249" t="s">
        <v>126</v>
      </c>
      <c r="H11249" t="s">
        <v>122</v>
      </c>
      <c r="I11249" t="s">
        <v>15</v>
      </c>
      <c r="J11249" s="10">
        <v>15.550283459999999</v>
      </c>
    </row>
    <row r="11250" spans="1:10" x14ac:dyDescent="0.35">
      <c r="A11250" t="s">
        <v>62</v>
      </c>
      <c r="B11250" t="s">
        <v>70</v>
      </c>
      <c r="C11250" t="s">
        <v>117</v>
      </c>
      <c r="D11250" t="s">
        <v>118</v>
      </c>
      <c r="E11250">
        <v>2012</v>
      </c>
      <c r="F11250">
        <v>2012</v>
      </c>
      <c r="G11250" t="s">
        <v>126</v>
      </c>
      <c r="H11250" t="s">
        <v>123</v>
      </c>
      <c r="I11250" t="s">
        <v>15</v>
      </c>
      <c r="J11250" s="10">
        <v>12.26275573</v>
      </c>
    </row>
    <row r="11251" spans="1:10" x14ac:dyDescent="0.35">
      <c r="A11251" t="s">
        <v>62</v>
      </c>
      <c r="B11251" t="s">
        <v>70</v>
      </c>
      <c r="C11251" t="s">
        <v>117</v>
      </c>
      <c r="D11251" t="s">
        <v>118</v>
      </c>
      <c r="E11251">
        <v>2012</v>
      </c>
      <c r="F11251">
        <v>2012</v>
      </c>
      <c r="G11251" t="s">
        <v>126</v>
      </c>
      <c r="H11251" t="s">
        <v>124</v>
      </c>
      <c r="I11251" t="s">
        <v>15</v>
      </c>
      <c r="J11251" s="10">
        <v>2.384767069</v>
      </c>
    </row>
    <row r="11252" spans="1:10" x14ac:dyDescent="0.35">
      <c r="A11252" t="s">
        <v>62</v>
      </c>
      <c r="B11252" t="s">
        <v>70</v>
      </c>
      <c r="C11252" t="s">
        <v>117</v>
      </c>
      <c r="D11252" t="s">
        <v>118</v>
      </c>
      <c r="E11252">
        <v>2011</v>
      </c>
      <c r="F11252">
        <v>2011</v>
      </c>
      <c r="G11252" t="s">
        <v>14</v>
      </c>
      <c r="H11252" t="s">
        <v>119</v>
      </c>
      <c r="I11252" t="s">
        <v>15</v>
      </c>
      <c r="J11252" s="10">
        <v>15.94248578</v>
      </c>
    </row>
    <row r="11253" spans="1:10" x14ac:dyDescent="0.35">
      <c r="A11253" t="s">
        <v>62</v>
      </c>
      <c r="B11253" t="s">
        <v>70</v>
      </c>
      <c r="C11253" t="s">
        <v>117</v>
      </c>
      <c r="D11253" t="s">
        <v>118</v>
      </c>
      <c r="E11253">
        <v>2011</v>
      </c>
      <c r="F11253">
        <v>2011</v>
      </c>
      <c r="G11253" t="s">
        <v>14</v>
      </c>
      <c r="H11253" t="s">
        <v>120</v>
      </c>
      <c r="I11253" t="s">
        <v>15</v>
      </c>
      <c r="J11253" s="10">
        <v>13.23037207</v>
      </c>
    </row>
    <row r="11254" spans="1:10" x14ac:dyDescent="0.35">
      <c r="A11254" t="s">
        <v>62</v>
      </c>
      <c r="B11254" t="s">
        <v>70</v>
      </c>
      <c r="C11254" t="s">
        <v>117</v>
      </c>
      <c r="D11254" t="s">
        <v>118</v>
      </c>
      <c r="E11254">
        <v>2011</v>
      </c>
      <c r="F11254">
        <v>2011</v>
      </c>
      <c r="G11254" t="s">
        <v>14</v>
      </c>
      <c r="H11254" t="s">
        <v>121</v>
      </c>
      <c r="I11254" t="s">
        <v>15</v>
      </c>
      <c r="J11254" s="10">
        <v>43.105647859999998</v>
      </c>
    </row>
    <row r="11255" spans="1:10" x14ac:dyDescent="0.35">
      <c r="A11255" t="s">
        <v>62</v>
      </c>
      <c r="B11255" t="s">
        <v>70</v>
      </c>
      <c r="C11255" t="s">
        <v>117</v>
      </c>
      <c r="D11255" t="s">
        <v>118</v>
      </c>
      <c r="E11255">
        <v>2011</v>
      </c>
      <c r="F11255">
        <v>2011</v>
      </c>
      <c r="G11255" t="s">
        <v>14</v>
      </c>
      <c r="H11255" t="s">
        <v>122</v>
      </c>
      <c r="I11255" t="s">
        <v>15</v>
      </c>
      <c r="J11255" s="10">
        <v>15.21305177</v>
      </c>
    </row>
    <row r="11256" spans="1:10" x14ac:dyDescent="0.35">
      <c r="A11256" t="s">
        <v>62</v>
      </c>
      <c r="B11256" t="s">
        <v>70</v>
      </c>
      <c r="C11256" t="s">
        <v>117</v>
      </c>
      <c r="D11256" t="s">
        <v>118</v>
      </c>
      <c r="E11256">
        <v>2011</v>
      </c>
      <c r="F11256">
        <v>2011</v>
      </c>
      <c r="G11256" t="s">
        <v>14</v>
      </c>
      <c r="H11256" t="s">
        <v>123</v>
      </c>
      <c r="I11256" t="s">
        <v>15</v>
      </c>
      <c r="J11256" s="10">
        <v>10.85896108</v>
      </c>
    </row>
    <row r="11257" spans="1:10" x14ac:dyDescent="0.35">
      <c r="A11257" t="s">
        <v>62</v>
      </c>
      <c r="B11257" t="s">
        <v>70</v>
      </c>
      <c r="C11257" t="s">
        <v>117</v>
      </c>
      <c r="D11257" t="s">
        <v>118</v>
      </c>
      <c r="E11257">
        <v>2011</v>
      </c>
      <c r="F11257">
        <v>2011</v>
      </c>
      <c r="G11257" t="s">
        <v>14</v>
      </c>
      <c r="H11257" t="s">
        <v>124</v>
      </c>
      <c r="I11257" t="s">
        <v>15</v>
      </c>
      <c r="J11257" s="10">
        <v>1.649481441</v>
      </c>
    </row>
    <row r="11258" spans="1:10" x14ac:dyDescent="0.35">
      <c r="A11258" t="s">
        <v>62</v>
      </c>
      <c r="B11258" t="s">
        <v>70</v>
      </c>
      <c r="C11258" t="s">
        <v>117</v>
      </c>
      <c r="D11258" t="s">
        <v>118</v>
      </c>
      <c r="E11258">
        <v>2011</v>
      </c>
      <c r="F11258">
        <v>2011</v>
      </c>
      <c r="G11258" t="s">
        <v>125</v>
      </c>
      <c r="H11258" t="s">
        <v>119</v>
      </c>
      <c r="I11258" t="s">
        <v>15</v>
      </c>
      <c r="J11258" s="10">
        <v>15.819787160000001</v>
      </c>
    </row>
    <row r="11259" spans="1:10" x14ac:dyDescent="0.35">
      <c r="A11259" t="s">
        <v>62</v>
      </c>
      <c r="B11259" t="s">
        <v>70</v>
      </c>
      <c r="C11259" t="s">
        <v>117</v>
      </c>
      <c r="D11259" t="s">
        <v>118</v>
      </c>
      <c r="E11259">
        <v>2011</v>
      </c>
      <c r="F11259">
        <v>2011</v>
      </c>
      <c r="G11259" t="s">
        <v>125</v>
      </c>
      <c r="H11259" t="s">
        <v>120</v>
      </c>
      <c r="I11259" t="s">
        <v>15</v>
      </c>
      <c r="J11259" s="10">
        <v>13.87557011</v>
      </c>
    </row>
    <row r="11260" spans="1:10" x14ac:dyDescent="0.35">
      <c r="A11260" t="s">
        <v>62</v>
      </c>
      <c r="B11260" t="s">
        <v>70</v>
      </c>
      <c r="C11260" t="s">
        <v>117</v>
      </c>
      <c r="D11260" t="s">
        <v>118</v>
      </c>
      <c r="E11260">
        <v>2011</v>
      </c>
      <c r="F11260">
        <v>2011</v>
      </c>
      <c r="G11260" t="s">
        <v>125</v>
      </c>
      <c r="H11260" t="s">
        <v>121</v>
      </c>
      <c r="I11260" t="s">
        <v>15</v>
      </c>
      <c r="J11260" s="10">
        <v>44.658519470000002</v>
      </c>
    </row>
    <row r="11261" spans="1:10" x14ac:dyDescent="0.35">
      <c r="A11261" t="s">
        <v>62</v>
      </c>
      <c r="B11261" t="s">
        <v>70</v>
      </c>
      <c r="C11261" t="s">
        <v>117</v>
      </c>
      <c r="D11261" t="s">
        <v>118</v>
      </c>
      <c r="E11261">
        <v>2011</v>
      </c>
      <c r="F11261">
        <v>2011</v>
      </c>
      <c r="G11261" t="s">
        <v>125</v>
      </c>
      <c r="H11261" t="s">
        <v>122</v>
      </c>
      <c r="I11261" t="s">
        <v>15</v>
      </c>
      <c r="J11261" s="10">
        <v>15.18535844</v>
      </c>
    </row>
    <row r="11262" spans="1:10" x14ac:dyDescent="0.35">
      <c r="A11262" t="s">
        <v>62</v>
      </c>
      <c r="B11262" t="s">
        <v>70</v>
      </c>
      <c r="C11262" t="s">
        <v>117</v>
      </c>
      <c r="D11262" t="s">
        <v>118</v>
      </c>
      <c r="E11262">
        <v>2011</v>
      </c>
      <c r="F11262">
        <v>2011</v>
      </c>
      <c r="G11262" t="s">
        <v>125</v>
      </c>
      <c r="H11262" t="s">
        <v>123</v>
      </c>
      <c r="I11262" t="s">
        <v>15</v>
      </c>
      <c r="J11262" s="10">
        <v>9.5339726349999996</v>
      </c>
    </row>
    <row r="11263" spans="1:10" x14ac:dyDescent="0.35">
      <c r="A11263" t="s">
        <v>62</v>
      </c>
      <c r="B11263" t="s">
        <v>70</v>
      </c>
      <c r="C11263" t="s">
        <v>117</v>
      </c>
      <c r="D11263" t="s">
        <v>118</v>
      </c>
      <c r="E11263">
        <v>2011</v>
      </c>
      <c r="F11263">
        <v>2011</v>
      </c>
      <c r="G11263" t="s">
        <v>125</v>
      </c>
      <c r="H11263" t="s">
        <v>124</v>
      </c>
      <c r="I11263" t="s">
        <v>15</v>
      </c>
      <c r="J11263" s="10">
        <v>0.92679218799999996</v>
      </c>
    </row>
    <row r="11264" spans="1:10" x14ac:dyDescent="0.35">
      <c r="A11264" t="s">
        <v>62</v>
      </c>
      <c r="B11264" t="s">
        <v>70</v>
      </c>
      <c r="C11264" t="s">
        <v>117</v>
      </c>
      <c r="D11264" t="s">
        <v>118</v>
      </c>
      <c r="E11264">
        <v>2011</v>
      </c>
      <c r="F11264">
        <v>2011</v>
      </c>
      <c r="G11264" t="s">
        <v>126</v>
      </c>
      <c r="H11264" t="s">
        <v>119</v>
      </c>
      <c r="I11264" t="s">
        <v>15</v>
      </c>
      <c r="J11264" s="10">
        <v>16.071924249999999</v>
      </c>
    </row>
    <row r="11265" spans="1:10" x14ac:dyDescent="0.35">
      <c r="A11265" t="s">
        <v>62</v>
      </c>
      <c r="B11265" t="s">
        <v>70</v>
      </c>
      <c r="C11265" t="s">
        <v>117</v>
      </c>
      <c r="D11265" t="s">
        <v>118</v>
      </c>
      <c r="E11265">
        <v>2011</v>
      </c>
      <c r="F11265">
        <v>2011</v>
      </c>
      <c r="G11265" t="s">
        <v>126</v>
      </c>
      <c r="H11265" t="s">
        <v>120</v>
      </c>
      <c r="I11265" t="s">
        <v>15</v>
      </c>
      <c r="J11265" s="10">
        <v>12.549733209999999</v>
      </c>
    </row>
    <row r="11266" spans="1:10" x14ac:dyDescent="0.35">
      <c r="A11266" t="s">
        <v>62</v>
      </c>
      <c r="B11266" t="s">
        <v>70</v>
      </c>
      <c r="C11266" t="s">
        <v>117</v>
      </c>
      <c r="D11266" t="s">
        <v>118</v>
      </c>
      <c r="E11266">
        <v>2011</v>
      </c>
      <c r="F11266">
        <v>2011</v>
      </c>
      <c r="G11266" t="s">
        <v>126</v>
      </c>
      <c r="H11266" t="s">
        <v>121</v>
      </c>
      <c r="I11266" t="s">
        <v>15</v>
      </c>
      <c r="J11266" s="10">
        <v>41.467476789999999</v>
      </c>
    </row>
    <row r="11267" spans="1:10" x14ac:dyDescent="0.35">
      <c r="A11267" t="s">
        <v>62</v>
      </c>
      <c r="B11267" t="s">
        <v>70</v>
      </c>
      <c r="C11267" t="s">
        <v>117</v>
      </c>
      <c r="D11267" t="s">
        <v>118</v>
      </c>
      <c r="E11267">
        <v>2011</v>
      </c>
      <c r="F11267">
        <v>2011</v>
      </c>
      <c r="G11267" t="s">
        <v>126</v>
      </c>
      <c r="H11267" t="s">
        <v>122</v>
      </c>
      <c r="I11267" t="s">
        <v>15</v>
      </c>
      <c r="J11267" s="10">
        <v>15.24226629</v>
      </c>
    </row>
    <row r="11268" spans="1:10" x14ac:dyDescent="0.35">
      <c r="A11268" t="s">
        <v>62</v>
      </c>
      <c r="B11268" t="s">
        <v>70</v>
      </c>
      <c r="C11268" t="s">
        <v>117</v>
      </c>
      <c r="D11268" t="s">
        <v>118</v>
      </c>
      <c r="E11268">
        <v>2011</v>
      </c>
      <c r="F11268">
        <v>2011</v>
      </c>
      <c r="G11268" t="s">
        <v>126</v>
      </c>
      <c r="H11268" t="s">
        <v>123</v>
      </c>
      <c r="I11268" t="s">
        <v>15</v>
      </c>
      <c r="J11268" s="10">
        <v>12.256731329999999</v>
      </c>
    </row>
    <row r="11269" spans="1:10" x14ac:dyDescent="0.35">
      <c r="A11269" t="s">
        <v>62</v>
      </c>
      <c r="B11269" t="s">
        <v>70</v>
      </c>
      <c r="C11269" t="s">
        <v>117</v>
      </c>
      <c r="D11269" t="s">
        <v>118</v>
      </c>
      <c r="E11269">
        <v>2011</v>
      </c>
      <c r="F11269">
        <v>2011</v>
      </c>
      <c r="G11269" t="s">
        <v>126</v>
      </c>
      <c r="H11269" t="s">
        <v>124</v>
      </c>
      <c r="I11269" t="s">
        <v>15</v>
      </c>
      <c r="J11269" s="10">
        <v>2.4118681180000001</v>
      </c>
    </row>
    <row r="11270" spans="1:10" x14ac:dyDescent="0.35">
      <c r="A11270" t="s">
        <v>35</v>
      </c>
      <c r="B11270" t="s">
        <v>71</v>
      </c>
      <c r="C11270" t="s">
        <v>117</v>
      </c>
      <c r="D11270" t="s">
        <v>118</v>
      </c>
      <c r="E11270">
        <v>2020</v>
      </c>
      <c r="F11270">
        <v>2020</v>
      </c>
      <c r="G11270" t="s">
        <v>14</v>
      </c>
      <c r="H11270" t="s">
        <v>119</v>
      </c>
      <c r="I11270" t="s">
        <v>15</v>
      </c>
      <c r="J11270" s="10">
        <v>16.19349811</v>
      </c>
    </row>
    <row r="11271" spans="1:10" x14ac:dyDescent="0.35">
      <c r="A11271" t="s">
        <v>35</v>
      </c>
      <c r="B11271" t="s">
        <v>71</v>
      </c>
      <c r="C11271" t="s">
        <v>117</v>
      </c>
      <c r="D11271" t="s">
        <v>118</v>
      </c>
      <c r="E11271">
        <v>2020</v>
      </c>
      <c r="F11271">
        <v>2020</v>
      </c>
      <c r="G11271" t="s">
        <v>14</v>
      </c>
      <c r="H11271" t="s">
        <v>120</v>
      </c>
      <c r="I11271" t="s">
        <v>15</v>
      </c>
      <c r="J11271" s="10">
        <v>9.6582052990000005</v>
      </c>
    </row>
    <row r="11272" spans="1:10" x14ac:dyDescent="0.35">
      <c r="A11272" t="s">
        <v>35</v>
      </c>
      <c r="B11272" t="s">
        <v>71</v>
      </c>
      <c r="C11272" t="s">
        <v>117</v>
      </c>
      <c r="D11272" t="s">
        <v>118</v>
      </c>
      <c r="E11272">
        <v>2020</v>
      </c>
      <c r="F11272">
        <v>2020</v>
      </c>
      <c r="G11272" t="s">
        <v>14</v>
      </c>
      <c r="H11272" t="s">
        <v>121</v>
      </c>
      <c r="I11272" t="s">
        <v>15</v>
      </c>
      <c r="J11272" s="10">
        <v>29.463092849999999</v>
      </c>
    </row>
    <row r="11273" spans="1:10" x14ac:dyDescent="0.35">
      <c r="A11273" t="s">
        <v>35</v>
      </c>
      <c r="B11273" t="s">
        <v>71</v>
      </c>
      <c r="C11273" t="s">
        <v>117</v>
      </c>
      <c r="D11273" t="s">
        <v>118</v>
      </c>
      <c r="E11273">
        <v>2020</v>
      </c>
      <c r="F11273">
        <v>2020</v>
      </c>
      <c r="G11273" t="s">
        <v>14</v>
      </c>
      <c r="H11273" t="s">
        <v>122</v>
      </c>
      <c r="I11273" t="s">
        <v>15</v>
      </c>
      <c r="J11273" s="10">
        <v>23.751670010000002</v>
      </c>
    </row>
    <row r="11274" spans="1:10" x14ac:dyDescent="0.35">
      <c r="A11274" t="s">
        <v>35</v>
      </c>
      <c r="B11274" t="s">
        <v>71</v>
      </c>
      <c r="C11274" t="s">
        <v>117</v>
      </c>
      <c r="D11274" t="s">
        <v>118</v>
      </c>
      <c r="E11274">
        <v>2020</v>
      </c>
      <c r="F11274">
        <v>2020</v>
      </c>
      <c r="G11274" t="s">
        <v>14</v>
      </c>
      <c r="H11274" t="s">
        <v>123</v>
      </c>
      <c r="I11274" t="s">
        <v>15</v>
      </c>
      <c r="J11274" s="10">
        <v>18.390948559999998</v>
      </c>
    </row>
    <row r="11275" spans="1:10" x14ac:dyDescent="0.35">
      <c r="A11275" t="s">
        <v>35</v>
      </c>
      <c r="B11275" t="s">
        <v>71</v>
      </c>
      <c r="C11275" t="s">
        <v>117</v>
      </c>
      <c r="D11275" t="s">
        <v>118</v>
      </c>
      <c r="E11275">
        <v>2020</v>
      </c>
      <c r="F11275">
        <v>2020</v>
      </c>
      <c r="G11275" t="s">
        <v>14</v>
      </c>
      <c r="H11275" t="s">
        <v>124</v>
      </c>
      <c r="I11275" t="s">
        <v>15</v>
      </c>
      <c r="J11275" s="10">
        <v>2.5425851700000002</v>
      </c>
    </row>
    <row r="11276" spans="1:10" x14ac:dyDescent="0.35">
      <c r="A11276" t="s">
        <v>35</v>
      </c>
      <c r="B11276" t="s">
        <v>71</v>
      </c>
      <c r="C11276" t="s">
        <v>117</v>
      </c>
      <c r="D11276" t="s">
        <v>118</v>
      </c>
      <c r="E11276">
        <v>2020</v>
      </c>
      <c r="F11276">
        <v>2020</v>
      </c>
      <c r="G11276" t="s">
        <v>125</v>
      </c>
      <c r="H11276" t="s">
        <v>119</v>
      </c>
      <c r="I11276" t="s">
        <v>15</v>
      </c>
      <c r="J11276" s="10">
        <v>17.522632309999999</v>
      </c>
    </row>
    <row r="11277" spans="1:10" x14ac:dyDescent="0.35">
      <c r="A11277" t="s">
        <v>35</v>
      </c>
      <c r="B11277" t="s">
        <v>71</v>
      </c>
      <c r="C11277" t="s">
        <v>117</v>
      </c>
      <c r="D11277" t="s">
        <v>118</v>
      </c>
      <c r="E11277">
        <v>2020</v>
      </c>
      <c r="F11277">
        <v>2020</v>
      </c>
      <c r="G11277" t="s">
        <v>125</v>
      </c>
      <c r="H11277" t="s">
        <v>120</v>
      </c>
      <c r="I11277" t="s">
        <v>15</v>
      </c>
      <c r="J11277" s="10">
        <v>10.358635100000001</v>
      </c>
    </row>
    <row r="11278" spans="1:10" x14ac:dyDescent="0.35">
      <c r="A11278" t="s">
        <v>35</v>
      </c>
      <c r="B11278" t="s">
        <v>71</v>
      </c>
      <c r="C11278" t="s">
        <v>117</v>
      </c>
      <c r="D11278" t="s">
        <v>118</v>
      </c>
      <c r="E11278">
        <v>2020</v>
      </c>
      <c r="F11278">
        <v>2020</v>
      </c>
      <c r="G11278" t="s">
        <v>125</v>
      </c>
      <c r="H11278" t="s">
        <v>121</v>
      </c>
      <c r="I11278" t="s">
        <v>15</v>
      </c>
      <c r="J11278" s="10">
        <v>29.746982360000001</v>
      </c>
    </row>
    <row r="11279" spans="1:10" x14ac:dyDescent="0.35">
      <c r="A11279" t="s">
        <v>35</v>
      </c>
      <c r="B11279" t="s">
        <v>71</v>
      </c>
      <c r="C11279" t="s">
        <v>117</v>
      </c>
      <c r="D11279" t="s">
        <v>118</v>
      </c>
      <c r="E11279">
        <v>2020</v>
      </c>
      <c r="F11279">
        <v>2020</v>
      </c>
      <c r="G11279" t="s">
        <v>125</v>
      </c>
      <c r="H11279" t="s">
        <v>122</v>
      </c>
      <c r="I11279" t="s">
        <v>15</v>
      </c>
      <c r="J11279" s="10">
        <v>23.488277620000002</v>
      </c>
    </row>
    <row r="11280" spans="1:10" x14ac:dyDescent="0.35">
      <c r="A11280" t="s">
        <v>35</v>
      </c>
      <c r="B11280" t="s">
        <v>71</v>
      </c>
      <c r="C11280" t="s">
        <v>117</v>
      </c>
      <c r="D11280" t="s">
        <v>118</v>
      </c>
      <c r="E11280">
        <v>2020</v>
      </c>
      <c r="F11280">
        <v>2020</v>
      </c>
      <c r="G11280" t="s">
        <v>125</v>
      </c>
      <c r="H11280" t="s">
        <v>123</v>
      </c>
      <c r="I11280" t="s">
        <v>15</v>
      </c>
      <c r="J11280" s="10">
        <v>17.241179200000001</v>
      </c>
    </row>
    <row r="11281" spans="1:10" x14ac:dyDescent="0.35">
      <c r="A11281" t="s">
        <v>35</v>
      </c>
      <c r="B11281" t="s">
        <v>71</v>
      </c>
      <c r="C11281" t="s">
        <v>117</v>
      </c>
      <c r="D11281" t="s">
        <v>118</v>
      </c>
      <c r="E11281">
        <v>2020</v>
      </c>
      <c r="F11281">
        <v>2020</v>
      </c>
      <c r="G11281" t="s">
        <v>125</v>
      </c>
      <c r="H11281" t="s">
        <v>124</v>
      </c>
      <c r="I11281" t="s">
        <v>15</v>
      </c>
      <c r="J11281" s="10">
        <v>1.642293408</v>
      </c>
    </row>
    <row r="11282" spans="1:10" x14ac:dyDescent="0.35">
      <c r="A11282" t="s">
        <v>35</v>
      </c>
      <c r="B11282" t="s">
        <v>71</v>
      </c>
      <c r="C11282" t="s">
        <v>117</v>
      </c>
      <c r="D11282" t="s">
        <v>118</v>
      </c>
      <c r="E11282">
        <v>2020</v>
      </c>
      <c r="F11282">
        <v>2020</v>
      </c>
      <c r="G11282" t="s">
        <v>126</v>
      </c>
      <c r="H11282" t="s">
        <v>119</v>
      </c>
      <c r="I11282" t="s">
        <v>15</v>
      </c>
      <c r="J11282" s="10">
        <v>14.96844245</v>
      </c>
    </row>
    <row r="11283" spans="1:10" x14ac:dyDescent="0.35">
      <c r="A11283" t="s">
        <v>35</v>
      </c>
      <c r="B11283" t="s">
        <v>71</v>
      </c>
      <c r="C11283" t="s">
        <v>117</v>
      </c>
      <c r="D11283" t="s">
        <v>118</v>
      </c>
      <c r="E11283">
        <v>2020</v>
      </c>
      <c r="F11283">
        <v>2020</v>
      </c>
      <c r="G11283" t="s">
        <v>126</v>
      </c>
      <c r="H11283" t="s">
        <v>120</v>
      </c>
      <c r="I11283" t="s">
        <v>15</v>
      </c>
      <c r="J11283" s="10">
        <v>9.0126230209999996</v>
      </c>
    </row>
    <row r="11284" spans="1:10" x14ac:dyDescent="0.35">
      <c r="A11284" t="s">
        <v>35</v>
      </c>
      <c r="B11284" t="s">
        <v>71</v>
      </c>
      <c r="C11284" t="s">
        <v>117</v>
      </c>
      <c r="D11284" t="s">
        <v>118</v>
      </c>
      <c r="E11284">
        <v>2020</v>
      </c>
      <c r="F11284">
        <v>2020</v>
      </c>
      <c r="G11284" t="s">
        <v>126</v>
      </c>
      <c r="H11284" t="s">
        <v>121</v>
      </c>
      <c r="I11284" t="s">
        <v>15</v>
      </c>
      <c r="J11284" s="10">
        <v>29.201433460000001</v>
      </c>
    </row>
    <row r="11285" spans="1:10" x14ac:dyDescent="0.35">
      <c r="A11285" t="s">
        <v>35</v>
      </c>
      <c r="B11285" t="s">
        <v>71</v>
      </c>
      <c r="C11285" t="s">
        <v>117</v>
      </c>
      <c r="D11285" t="s">
        <v>118</v>
      </c>
      <c r="E11285">
        <v>2020</v>
      </c>
      <c r="F11285">
        <v>2020</v>
      </c>
      <c r="G11285" t="s">
        <v>126</v>
      </c>
      <c r="H11285" t="s">
        <v>122</v>
      </c>
      <c r="I11285" t="s">
        <v>15</v>
      </c>
      <c r="J11285" s="10">
        <v>23.994437309999999</v>
      </c>
    </row>
    <row r="11286" spans="1:10" x14ac:dyDescent="0.35">
      <c r="A11286" t="s">
        <v>35</v>
      </c>
      <c r="B11286" t="s">
        <v>71</v>
      </c>
      <c r="C11286" t="s">
        <v>117</v>
      </c>
      <c r="D11286" t="s">
        <v>118</v>
      </c>
      <c r="E11286">
        <v>2020</v>
      </c>
      <c r="F11286">
        <v>2020</v>
      </c>
      <c r="G11286" t="s">
        <v>126</v>
      </c>
      <c r="H11286" t="s">
        <v>123</v>
      </c>
      <c r="I11286" t="s">
        <v>15</v>
      </c>
      <c r="J11286" s="10">
        <v>19.450684639999999</v>
      </c>
    </row>
    <row r="11287" spans="1:10" x14ac:dyDescent="0.35">
      <c r="A11287" t="s">
        <v>35</v>
      </c>
      <c r="B11287" t="s">
        <v>71</v>
      </c>
      <c r="C11287" t="s">
        <v>117</v>
      </c>
      <c r="D11287" t="s">
        <v>118</v>
      </c>
      <c r="E11287">
        <v>2020</v>
      </c>
      <c r="F11287">
        <v>2020</v>
      </c>
      <c r="G11287" t="s">
        <v>126</v>
      </c>
      <c r="H11287" t="s">
        <v>124</v>
      </c>
      <c r="I11287" t="s">
        <v>15</v>
      </c>
      <c r="J11287" s="10">
        <v>3.3723791190000001</v>
      </c>
    </row>
    <row r="11288" spans="1:10" x14ac:dyDescent="0.35">
      <c r="A11288" t="s">
        <v>35</v>
      </c>
      <c r="B11288" t="s">
        <v>71</v>
      </c>
      <c r="C11288" t="s">
        <v>117</v>
      </c>
      <c r="D11288" t="s">
        <v>118</v>
      </c>
      <c r="E11288">
        <v>2019</v>
      </c>
      <c r="F11288">
        <v>2019</v>
      </c>
      <c r="G11288" t="s">
        <v>14</v>
      </c>
      <c r="H11288" t="s">
        <v>119</v>
      </c>
      <c r="I11288" t="s">
        <v>15</v>
      </c>
      <c r="J11288" s="10">
        <v>16.258493090000002</v>
      </c>
    </row>
    <row r="11289" spans="1:10" x14ac:dyDescent="0.35">
      <c r="A11289" t="s">
        <v>35</v>
      </c>
      <c r="B11289" t="s">
        <v>71</v>
      </c>
      <c r="C11289" t="s">
        <v>117</v>
      </c>
      <c r="D11289" t="s">
        <v>118</v>
      </c>
      <c r="E11289">
        <v>2019</v>
      </c>
      <c r="F11289">
        <v>2019</v>
      </c>
      <c r="G11289" t="s">
        <v>14</v>
      </c>
      <c r="H11289" t="s">
        <v>120</v>
      </c>
      <c r="I11289" t="s">
        <v>15</v>
      </c>
      <c r="J11289" s="10">
        <v>9.8347551650000007</v>
      </c>
    </row>
    <row r="11290" spans="1:10" x14ac:dyDescent="0.35">
      <c r="A11290" t="s">
        <v>35</v>
      </c>
      <c r="B11290" t="s">
        <v>71</v>
      </c>
      <c r="C11290" t="s">
        <v>117</v>
      </c>
      <c r="D11290" t="s">
        <v>118</v>
      </c>
      <c r="E11290">
        <v>2019</v>
      </c>
      <c r="F11290">
        <v>2019</v>
      </c>
      <c r="G11290" t="s">
        <v>14</v>
      </c>
      <c r="H11290" t="s">
        <v>121</v>
      </c>
      <c r="I11290" t="s">
        <v>15</v>
      </c>
      <c r="J11290" s="10">
        <v>29.548367540000001</v>
      </c>
    </row>
    <row r="11291" spans="1:10" x14ac:dyDescent="0.35">
      <c r="A11291" t="s">
        <v>35</v>
      </c>
      <c r="B11291" t="s">
        <v>71</v>
      </c>
      <c r="C11291" t="s">
        <v>117</v>
      </c>
      <c r="D11291" t="s">
        <v>118</v>
      </c>
      <c r="E11291">
        <v>2019</v>
      </c>
      <c r="F11291">
        <v>2019</v>
      </c>
      <c r="G11291" t="s">
        <v>14</v>
      </c>
      <c r="H11291" t="s">
        <v>122</v>
      </c>
      <c r="I11291" t="s">
        <v>15</v>
      </c>
      <c r="J11291" s="10">
        <v>23.61526482</v>
      </c>
    </row>
    <row r="11292" spans="1:10" x14ac:dyDescent="0.35">
      <c r="A11292" t="s">
        <v>35</v>
      </c>
      <c r="B11292" t="s">
        <v>71</v>
      </c>
      <c r="C11292" t="s">
        <v>117</v>
      </c>
      <c r="D11292" t="s">
        <v>118</v>
      </c>
      <c r="E11292">
        <v>2019</v>
      </c>
      <c r="F11292">
        <v>2019</v>
      </c>
      <c r="G11292" t="s">
        <v>14</v>
      </c>
      <c r="H11292" t="s">
        <v>123</v>
      </c>
      <c r="I11292" t="s">
        <v>15</v>
      </c>
      <c r="J11292" s="10">
        <v>18.139720780000001</v>
      </c>
    </row>
    <row r="11293" spans="1:10" x14ac:dyDescent="0.35">
      <c r="A11293" t="s">
        <v>35</v>
      </c>
      <c r="B11293" t="s">
        <v>71</v>
      </c>
      <c r="C11293" t="s">
        <v>117</v>
      </c>
      <c r="D11293" t="s">
        <v>118</v>
      </c>
      <c r="E11293">
        <v>2019</v>
      </c>
      <c r="F11293">
        <v>2019</v>
      </c>
      <c r="G11293" t="s">
        <v>14</v>
      </c>
      <c r="H11293" t="s">
        <v>124</v>
      </c>
      <c r="I11293" t="s">
        <v>15</v>
      </c>
      <c r="J11293" s="10">
        <v>2.6033986140000001</v>
      </c>
    </row>
    <row r="11294" spans="1:10" x14ac:dyDescent="0.35">
      <c r="A11294" t="s">
        <v>35</v>
      </c>
      <c r="B11294" t="s">
        <v>71</v>
      </c>
      <c r="C11294" t="s">
        <v>117</v>
      </c>
      <c r="D11294" t="s">
        <v>118</v>
      </c>
      <c r="E11294">
        <v>2019</v>
      </c>
      <c r="F11294">
        <v>2019</v>
      </c>
      <c r="G11294" t="s">
        <v>125</v>
      </c>
      <c r="H11294" t="s">
        <v>119</v>
      </c>
      <c r="I11294" t="s">
        <v>15</v>
      </c>
      <c r="J11294" s="10">
        <v>17.65602093</v>
      </c>
    </row>
    <row r="11295" spans="1:10" x14ac:dyDescent="0.35">
      <c r="A11295" t="s">
        <v>35</v>
      </c>
      <c r="B11295" t="s">
        <v>71</v>
      </c>
      <c r="C11295" t="s">
        <v>117</v>
      </c>
      <c r="D11295" t="s">
        <v>118</v>
      </c>
      <c r="E11295">
        <v>2019</v>
      </c>
      <c r="F11295">
        <v>2019</v>
      </c>
      <c r="G11295" t="s">
        <v>125</v>
      </c>
      <c r="H11295" t="s">
        <v>120</v>
      </c>
      <c r="I11295" t="s">
        <v>15</v>
      </c>
      <c r="J11295" s="10">
        <v>10.49242533</v>
      </c>
    </row>
    <row r="11296" spans="1:10" x14ac:dyDescent="0.35">
      <c r="A11296" t="s">
        <v>35</v>
      </c>
      <c r="B11296" t="s">
        <v>71</v>
      </c>
      <c r="C11296" t="s">
        <v>117</v>
      </c>
      <c r="D11296" t="s">
        <v>118</v>
      </c>
      <c r="E11296">
        <v>2019</v>
      </c>
      <c r="F11296">
        <v>2019</v>
      </c>
      <c r="G11296" t="s">
        <v>125</v>
      </c>
      <c r="H11296" t="s">
        <v>121</v>
      </c>
      <c r="I11296" t="s">
        <v>15</v>
      </c>
      <c r="J11296" s="10">
        <v>29.807111849999998</v>
      </c>
    </row>
    <row r="11297" spans="1:10" x14ac:dyDescent="0.35">
      <c r="A11297" t="s">
        <v>35</v>
      </c>
      <c r="B11297" t="s">
        <v>71</v>
      </c>
      <c r="C11297" t="s">
        <v>117</v>
      </c>
      <c r="D11297" t="s">
        <v>118</v>
      </c>
      <c r="E11297">
        <v>2019</v>
      </c>
      <c r="F11297">
        <v>2019</v>
      </c>
      <c r="G11297" t="s">
        <v>125</v>
      </c>
      <c r="H11297" t="s">
        <v>122</v>
      </c>
      <c r="I11297" t="s">
        <v>15</v>
      </c>
      <c r="J11297" s="10">
        <v>23.439790729999999</v>
      </c>
    </row>
    <row r="11298" spans="1:10" x14ac:dyDescent="0.35">
      <c r="A11298" t="s">
        <v>35</v>
      </c>
      <c r="B11298" t="s">
        <v>71</v>
      </c>
      <c r="C11298" t="s">
        <v>117</v>
      </c>
      <c r="D11298" t="s">
        <v>118</v>
      </c>
      <c r="E11298">
        <v>2019</v>
      </c>
      <c r="F11298">
        <v>2019</v>
      </c>
      <c r="G11298" t="s">
        <v>125</v>
      </c>
      <c r="H11298" t="s">
        <v>123</v>
      </c>
      <c r="I11298" t="s">
        <v>15</v>
      </c>
      <c r="J11298" s="10">
        <v>16.97760658</v>
      </c>
    </row>
    <row r="11299" spans="1:10" x14ac:dyDescent="0.35">
      <c r="A11299" t="s">
        <v>35</v>
      </c>
      <c r="B11299" t="s">
        <v>71</v>
      </c>
      <c r="C11299" t="s">
        <v>117</v>
      </c>
      <c r="D11299" t="s">
        <v>118</v>
      </c>
      <c r="E11299">
        <v>2019</v>
      </c>
      <c r="F11299">
        <v>2019</v>
      </c>
      <c r="G11299" t="s">
        <v>125</v>
      </c>
      <c r="H11299" t="s">
        <v>124</v>
      </c>
      <c r="I11299" t="s">
        <v>15</v>
      </c>
      <c r="J11299" s="10">
        <v>1.627044586</v>
      </c>
    </row>
    <row r="11300" spans="1:10" x14ac:dyDescent="0.35">
      <c r="A11300" t="s">
        <v>35</v>
      </c>
      <c r="B11300" t="s">
        <v>71</v>
      </c>
      <c r="C11300" t="s">
        <v>117</v>
      </c>
      <c r="D11300" t="s">
        <v>118</v>
      </c>
      <c r="E11300">
        <v>2019</v>
      </c>
      <c r="F11300">
        <v>2019</v>
      </c>
      <c r="G11300" t="s">
        <v>126</v>
      </c>
      <c r="H11300" t="s">
        <v>119</v>
      </c>
      <c r="I11300" t="s">
        <v>15</v>
      </c>
      <c r="J11300" s="10">
        <v>14.97140739</v>
      </c>
    </row>
    <row r="11301" spans="1:10" x14ac:dyDescent="0.35">
      <c r="A11301" t="s">
        <v>35</v>
      </c>
      <c r="B11301" t="s">
        <v>71</v>
      </c>
      <c r="C11301" t="s">
        <v>117</v>
      </c>
      <c r="D11301" t="s">
        <v>118</v>
      </c>
      <c r="E11301">
        <v>2019</v>
      </c>
      <c r="F11301">
        <v>2019</v>
      </c>
      <c r="G11301" t="s">
        <v>126</v>
      </c>
      <c r="H11301" t="s">
        <v>120</v>
      </c>
      <c r="I11301" t="s">
        <v>15</v>
      </c>
      <c r="J11301" s="10">
        <v>9.2290585620000005</v>
      </c>
    </row>
    <row r="11302" spans="1:10" x14ac:dyDescent="0.35">
      <c r="A11302" t="s">
        <v>35</v>
      </c>
      <c r="B11302" t="s">
        <v>71</v>
      </c>
      <c r="C11302" t="s">
        <v>117</v>
      </c>
      <c r="D11302" t="s">
        <v>118</v>
      </c>
      <c r="E11302">
        <v>2019</v>
      </c>
      <c r="F11302">
        <v>2019</v>
      </c>
      <c r="G11302" t="s">
        <v>126</v>
      </c>
      <c r="H11302" t="s">
        <v>121</v>
      </c>
      <c r="I11302" t="s">
        <v>15</v>
      </c>
      <c r="J11302" s="10">
        <v>29.31007095</v>
      </c>
    </row>
    <row r="11303" spans="1:10" x14ac:dyDescent="0.35">
      <c r="A11303" t="s">
        <v>35</v>
      </c>
      <c r="B11303" t="s">
        <v>71</v>
      </c>
      <c r="C11303" t="s">
        <v>117</v>
      </c>
      <c r="D11303" t="s">
        <v>118</v>
      </c>
      <c r="E11303">
        <v>2019</v>
      </c>
      <c r="F11303">
        <v>2019</v>
      </c>
      <c r="G11303" t="s">
        <v>126</v>
      </c>
      <c r="H11303" t="s">
        <v>122</v>
      </c>
      <c r="I11303" t="s">
        <v>15</v>
      </c>
      <c r="J11303" s="10">
        <v>23.776871759999999</v>
      </c>
    </row>
    <row r="11304" spans="1:10" x14ac:dyDescent="0.35">
      <c r="A11304" t="s">
        <v>35</v>
      </c>
      <c r="B11304" t="s">
        <v>71</v>
      </c>
      <c r="C11304" t="s">
        <v>117</v>
      </c>
      <c r="D11304" t="s">
        <v>118</v>
      </c>
      <c r="E11304">
        <v>2019</v>
      </c>
      <c r="F11304">
        <v>2019</v>
      </c>
      <c r="G11304" t="s">
        <v>126</v>
      </c>
      <c r="H11304" t="s">
        <v>123</v>
      </c>
      <c r="I11304" t="s">
        <v>15</v>
      </c>
      <c r="J11304" s="10">
        <v>19.209996820000001</v>
      </c>
    </row>
    <row r="11305" spans="1:10" x14ac:dyDescent="0.35">
      <c r="A11305" t="s">
        <v>35</v>
      </c>
      <c r="B11305" t="s">
        <v>71</v>
      </c>
      <c r="C11305" t="s">
        <v>117</v>
      </c>
      <c r="D11305" t="s">
        <v>118</v>
      </c>
      <c r="E11305">
        <v>2019</v>
      </c>
      <c r="F11305">
        <v>2019</v>
      </c>
      <c r="G11305" t="s">
        <v>126</v>
      </c>
      <c r="H11305" t="s">
        <v>124</v>
      </c>
      <c r="I11305" t="s">
        <v>15</v>
      </c>
      <c r="J11305" s="10">
        <v>3.5025945140000001</v>
      </c>
    </row>
    <row r="11306" spans="1:10" x14ac:dyDescent="0.35">
      <c r="A11306" t="s">
        <v>35</v>
      </c>
      <c r="B11306" t="s">
        <v>71</v>
      </c>
      <c r="C11306" t="s">
        <v>117</v>
      </c>
      <c r="D11306" t="s">
        <v>118</v>
      </c>
      <c r="E11306">
        <v>2018</v>
      </c>
      <c r="F11306">
        <v>2018</v>
      </c>
      <c r="G11306" t="s">
        <v>14</v>
      </c>
      <c r="H11306" t="s">
        <v>119</v>
      </c>
      <c r="I11306" t="s">
        <v>15</v>
      </c>
      <c r="J11306" s="10">
        <v>16.183130680000001</v>
      </c>
    </row>
    <row r="11307" spans="1:10" x14ac:dyDescent="0.35">
      <c r="A11307" t="s">
        <v>35</v>
      </c>
      <c r="B11307" t="s">
        <v>71</v>
      </c>
      <c r="C11307" t="s">
        <v>117</v>
      </c>
      <c r="D11307" t="s">
        <v>118</v>
      </c>
      <c r="E11307">
        <v>2018</v>
      </c>
      <c r="F11307">
        <v>2018</v>
      </c>
      <c r="G11307" t="s">
        <v>14</v>
      </c>
      <c r="H11307" t="s">
        <v>120</v>
      </c>
      <c r="I11307" t="s">
        <v>15</v>
      </c>
      <c r="J11307" s="10">
        <v>10.05544424</v>
      </c>
    </row>
    <row r="11308" spans="1:10" x14ac:dyDescent="0.35">
      <c r="A11308" t="s">
        <v>35</v>
      </c>
      <c r="B11308" t="s">
        <v>71</v>
      </c>
      <c r="C11308" t="s">
        <v>117</v>
      </c>
      <c r="D11308" t="s">
        <v>118</v>
      </c>
      <c r="E11308">
        <v>2018</v>
      </c>
      <c r="F11308">
        <v>2018</v>
      </c>
      <c r="G11308" t="s">
        <v>14</v>
      </c>
      <c r="H11308" t="s">
        <v>121</v>
      </c>
      <c r="I11308" t="s">
        <v>15</v>
      </c>
      <c r="J11308" s="10">
        <v>29.842450530000001</v>
      </c>
    </row>
    <row r="11309" spans="1:10" x14ac:dyDescent="0.35">
      <c r="A11309" t="s">
        <v>35</v>
      </c>
      <c r="B11309" t="s">
        <v>71</v>
      </c>
      <c r="C11309" t="s">
        <v>117</v>
      </c>
      <c r="D11309" t="s">
        <v>118</v>
      </c>
      <c r="E11309">
        <v>2018</v>
      </c>
      <c r="F11309">
        <v>2018</v>
      </c>
      <c r="G11309" t="s">
        <v>14</v>
      </c>
      <c r="H11309" t="s">
        <v>122</v>
      </c>
      <c r="I11309" t="s">
        <v>15</v>
      </c>
      <c r="J11309" s="10">
        <v>23.385392360000001</v>
      </c>
    </row>
    <row r="11310" spans="1:10" x14ac:dyDescent="0.35">
      <c r="A11310" t="s">
        <v>35</v>
      </c>
      <c r="B11310" t="s">
        <v>71</v>
      </c>
      <c r="C11310" t="s">
        <v>117</v>
      </c>
      <c r="D11310" t="s">
        <v>118</v>
      </c>
      <c r="E11310">
        <v>2018</v>
      </c>
      <c r="F11310">
        <v>2018</v>
      </c>
      <c r="G11310" t="s">
        <v>14</v>
      </c>
      <c r="H11310" t="s">
        <v>123</v>
      </c>
      <c r="I11310" t="s">
        <v>15</v>
      </c>
      <c r="J11310" s="10">
        <v>17.989185630000001</v>
      </c>
    </row>
    <row r="11311" spans="1:10" x14ac:dyDescent="0.35">
      <c r="A11311" t="s">
        <v>35</v>
      </c>
      <c r="B11311" t="s">
        <v>71</v>
      </c>
      <c r="C11311" t="s">
        <v>117</v>
      </c>
      <c r="D11311" t="s">
        <v>118</v>
      </c>
      <c r="E11311">
        <v>2018</v>
      </c>
      <c r="F11311">
        <v>2018</v>
      </c>
      <c r="G11311" t="s">
        <v>14</v>
      </c>
      <c r="H11311" t="s">
        <v>124</v>
      </c>
      <c r="I11311" t="s">
        <v>15</v>
      </c>
      <c r="J11311" s="10">
        <v>2.5443965639999999</v>
      </c>
    </row>
    <row r="11312" spans="1:10" x14ac:dyDescent="0.35">
      <c r="A11312" t="s">
        <v>35</v>
      </c>
      <c r="B11312" t="s">
        <v>71</v>
      </c>
      <c r="C11312" t="s">
        <v>117</v>
      </c>
      <c r="D11312" t="s">
        <v>118</v>
      </c>
      <c r="E11312">
        <v>2018</v>
      </c>
      <c r="F11312">
        <v>2018</v>
      </c>
      <c r="G11312" t="s">
        <v>125</v>
      </c>
      <c r="H11312" t="s">
        <v>119</v>
      </c>
      <c r="I11312" t="s">
        <v>15</v>
      </c>
      <c r="J11312" s="10">
        <v>17.561562940000002</v>
      </c>
    </row>
    <row r="11313" spans="1:10" x14ac:dyDescent="0.35">
      <c r="A11313" t="s">
        <v>35</v>
      </c>
      <c r="B11313" t="s">
        <v>71</v>
      </c>
      <c r="C11313" t="s">
        <v>117</v>
      </c>
      <c r="D11313" t="s">
        <v>118</v>
      </c>
      <c r="E11313">
        <v>2018</v>
      </c>
      <c r="F11313">
        <v>2018</v>
      </c>
      <c r="G11313" t="s">
        <v>125</v>
      </c>
      <c r="H11313" t="s">
        <v>120</v>
      </c>
      <c r="I11313" t="s">
        <v>15</v>
      </c>
      <c r="J11313" s="10">
        <v>10.6986211</v>
      </c>
    </row>
    <row r="11314" spans="1:10" x14ac:dyDescent="0.35">
      <c r="A11314" t="s">
        <v>35</v>
      </c>
      <c r="B11314" t="s">
        <v>71</v>
      </c>
      <c r="C11314" t="s">
        <v>117</v>
      </c>
      <c r="D11314" t="s">
        <v>118</v>
      </c>
      <c r="E11314">
        <v>2018</v>
      </c>
      <c r="F11314">
        <v>2018</v>
      </c>
      <c r="G11314" t="s">
        <v>125</v>
      </c>
      <c r="H11314" t="s">
        <v>121</v>
      </c>
      <c r="I11314" t="s">
        <v>15</v>
      </c>
      <c r="J11314" s="10">
        <v>30.020353750000002</v>
      </c>
    </row>
    <row r="11315" spans="1:10" x14ac:dyDescent="0.35">
      <c r="A11315" t="s">
        <v>35</v>
      </c>
      <c r="B11315" t="s">
        <v>71</v>
      </c>
      <c r="C11315" t="s">
        <v>117</v>
      </c>
      <c r="D11315" t="s">
        <v>118</v>
      </c>
      <c r="E11315">
        <v>2018</v>
      </c>
      <c r="F11315">
        <v>2018</v>
      </c>
      <c r="G11315" t="s">
        <v>125</v>
      </c>
      <c r="H11315" t="s">
        <v>122</v>
      </c>
      <c r="I11315" t="s">
        <v>15</v>
      </c>
      <c r="J11315" s="10">
        <v>23.283547859999999</v>
      </c>
    </row>
    <row r="11316" spans="1:10" x14ac:dyDescent="0.35">
      <c r="A11316" t="s">
        <v>35</v>
      </c>
      <c r="B11316" t="s">
        <v>71</v>
      </c>
      <c r="C11316" t="s">
        <v>117</v>
      </c>
      <c r="D11316" t="s">
        <v>118</v>
      </c>
      <c r="E11316">
        <v>2018</v>
      </c>
      <c r="F11316">
        <v>2018</v>
      </c>
      <c r="G11316" t="s">
        <v>125</v>
      </c>
      <c r="H11316" t="s">
        <v>123</v>
      </c>
      <c r="I11316" t="s">
        <v>15</v>
      </c>
      <c r="J11316" s="10">
        <v>16.801880570000002</v>
      </c>
    </row>
    <row r="11317" spans="1:10" x14ac:dyDescent="0.35">
      <c r="A11317" t="s">
        <v>35</v>
      </c>
      <c r="B11317" t="s">
        <v>71</v>
      </c>
      <c r="C11317" t="s">
        <v>117</v>
      </c>
      <c r="D11317" t="s">
        <v>118</v>
      </c>
      <c r="E11317">
        <v>2018</v>
      </c>
      <c r="F11317">
        <v>2018</v>
      </c>
      <c r="G11317" t="s">
        <v>125</v>
      </c>
      <c r="H11317" t="s">
        <v>124</v>
      </c>
      <c r="I11317" t="s">
        <v>15</v>
      </c>
      <c r="J11317" s="10">
        <v>1.6340337700000001</v>
      </c>
    </row>
    <row r="11318" spans="1:10" x14ac:dyDescent="0.35">
      <c r="A11318" t="s">
        <v>35</v>
      </c>
      <c r="B11318" t="s">
        <v>71</v>
      </c>
      <c r="C11318" t="s">
        <v>117</v>
      </c>
      <c r="D11318" t="s">
        <v>118</v>
      </c>
      <c r="E11318">
        <v>2018</v>
      </c>
      <c r="F11318">
        <v>2018</v>
      </c>
      <c r="G11318" t="s">
        <v>126</v>
      </c>
      <c r="H11318" t="s">
        <v>119</v>
      </c>
      <c r="I11318" t="s">
        <v>15</v>
      </c>
      <c r="J11318" s="10">
        <v>14.917199800000001</v>
      </c>
    </row>
    <row r="11319" spans="1:10" x14ac:dyDescent="0.35">
      <c r="A11319" t="s">
        <v>35</v>
      </c>
      <c r="B11319" t="s">
        <v>71</v>
      </c>
      <c r="C11319" t="s">
        <v>117</v>
      </c>
      <c r="D11319" t="s">
        <v>118</v>
      </c>
      <c r="E11319">
        <v>2018</v>
      </c>
      <c r="F11319">
        <v>2018</v>
      </c>
      <c r="G11319" t="s">
        <v>126</v>
      </c>
      <c r="H11319" t="s">
        <v>120</v>
      </c>
      <c r="I11319" t="s">
        <v>15</v>
      </c>
      <c r="J11319" s="10">
        <v>9.4647605509999995</v>
      </c>
    </row>
    <row r="11320" spans="1:10" x14ac:dyDescent="0.35">
      <c r="A11320" t="s">
        <v>35</v>
      </c>
      <c r="B11320" t="s">
        <v>71</v>
      </c>
      <c r="C11320" t="s">
        <v>117</v>
      </c>
      <c r="D11320" t="s">
        <v>118</v>
      </c>
      <c r="E11320">
        <v>2018</v>
      </c>
      <c r="F11320">
        <v>2018</v>
      </c>
      <c r="G11320" t="s">
        <v>126</v>
      </c>
      <c r="H11320" t="s">
        <v>121</v>
      </c>
      <c r="I11320" t="s">
        <v>15</v>
      </c>
      <c r="J11320" s="10">
        <v>29.679066949999999</v>
      </c>
    </row>
    <row r="11321" spans="1:10" x14ac:dyDescent="0.35">
      <c r="A11321" t="s">
        <v>35</v>
      </c>
      <c r="B11321" t="s">
        <v>71</v>
      </c>
      <c r="C11321" t="s">
        <v>117</v>
      </c>
      <c r="D11321" t="s">
        <v>118</v>
      </c>
      <c r="E11321">
        <v>2018</v>
      </c>
      <c r="F11321">
        <v>2018</v>
      </c>
      <c r="G11321" t="s">
        <v>126</v>
      </c>
      <c r="H11321" t="s">
        <v>122</v>
      </c>
      <c r="I11321" t="s">
        <v>15</v>
      </c>
      <c r="J11321" s="10">
        <v>23.47892478</v>
      </c>
    </row>
    <row r="11322" spans="1:10" x14ac:dyDescent="0.35">
      <c r="A11322" t="s">
        <v>35</v>
      </c>
      <c r="B11322" t="s">
        <v>71</v>
      </c>
      <c r="C11322" t="s">
        <v>117</v>
      </c>
      <c r="D11322" t="s">
        <v>118</v>
      </c>
      <c r="E11322">
        <v>2018</v>
      </c>
      <c r="F11322">
        <v>2018</v>
      </c>
      <c r="G11322" t="s">
        <v>126</v>
      </c>
      <c r="H11322" t="s">
        <v>123</v>
      </c>
      <c r="I11322" t="s">
        <v>15</v>
      </c>
      <c r="J11322" s="10">
        <v>19.07958824</v>
      </c>
    </row>
    <row r="11323" spans="1:10" x14ac:dyDescent="0.35">
      <c r="A11323" t="s">
        <v>35</v>
      </c>
      <c r="B11323" t="s">
        <v>71</v>
      </c>
      <c r="C11323" t="s">
        <v>117</v>
      </c>
      <c r="D11323" t="s">
        <v>118</v>
      </c>
      <c r="E11323">
        <v>2018</v>
      </c>
      <c r="F11323">
        <v>2018</v>
      </c>
      <c r="G11323" t="s">
        <v>126</v>
      </c>
      <c r="H11323" t="s">
        <v>124</v>
      </c>
      <c r="I11323" t="s">
        <v>15</v>
      </c>
      <c r="J11323" s="10">
        <v>3.3804596789999999</v>
      </c>
    </row>
    <row r="11324" spans="1:10" x14ac:dyDescent="0.35">
      <c r="A11324" t="s">
        <v>35</v>
      </c>
      <c r="B11324" t="s">
        <v>71</v>
      </c>
      <c r="C11324" t="s">
        <v>117</v>
      </c>
      <c r="D11324" t="s">
        <v>118</v>
      </c>
      <c r="E11324">
        <v>2017</v>
      </c>
      <c r="F11324">
        <v>2017</v>
      </c>
      <c r="G11324" t="s">
        <v>14</v>
      </c>
      <c r="H11324" t="s">
        <v>119</v>
      </c>
      <c r="I11324" t="s">
        <v>15</v>
      </c>
      <c r="J11324" s="10">
        <v>16.11322809</v>
      </c>
    </row>
    <row r="11325" spans="1:10" x14ac:dyDescent="0.35">
      <c r="A11325" t="s">
        <v>35</v>
      </c>
      <c r="B11325" t="s">
        <v>71</v>
      </c>
      <c r="C11325" t="s">
        <v>117</v>
      </c>
      <c r="D11325" t="s">
        <v>118</v>
      </c>
      <c r="E11325">
        <v>2017</v>
      </c>
      <c r="F11325">
        <v>2017</v>
      </c>
      <c r="G11325" t="s">
        <v>14</v>
      </c>
      <c r="H11325" t="s">
        <v>120</v>
      </c>
      <c r="I11325" t="s">
        <v>15</v>
      </c>
      <c r="J11325" s="10">
        <v>10.40010887</v>
      </c>
    </row>
    <row r="11326" spans="1:10" x14ac:dyDescent="0.35">
      <c r="A11326" t="s">
        <v>35</v>
      </c>
      <c r="B11326" t="s">
        <v>71</v>
      </c>
      <c r="C11326" t="s">
        <v>117</v>
      </c>
      <c r="D11326" t="s">
        <v>118</v>
      </c>
      <c r="E11326">
        <v>2017</v>
      </c>
      <c r="F11326">
        <v>2017</v>
      </c>
      <c r="G11326" t="s">
        <v>14</v>
      </c>
      <c r="H11326" t="s">
        <v>121</v>
      </c>
      <c r="I11326" t="s">
        <v>15</v>
      </c>
      <c r="J11326" s="10">
        <v>30.264017419999998</v>
      </c>
    </row>
    <row r="11327" spans="1:10" x14ac:dyDescent="0.35">
      <c r="A11327" t="s">
        <v>35</v>
      </c>
      <c r="B11327" t="s">
        <v>71</v>
      </c>
      <c r="C11327" t="s">
        <v>117</v>
      </c>
      <c r="D11327" t="s">
        <v>118</v>
      </c>
      <c r="E11327">
        <v>2017</v>
      </c>
      <c r="F11327">
        <v>2017</v>
      </c>
      <c r="G11327" t="s">
        <v>14</v>
      </c>
      <c r="H11327" t="s">
        <v>122</v>
      </c>
      <c r="I11327" t="s">
        <v>15</v>
      </c>
      <c r="J11327" s="10">
        <v>22.988568319999999</v>
      </c>
    </row>
    <row r="11328" spans="1:10" x14ac:dyDescent="0.35">
      <c r="A11328" t="s">
        <v>35</v>
      </c>
      <c r="B11328" t="s">
        <v>71</v>
      </c>
      <c r="C11328" t="s">
        <v>117</v>
      </c>
      <c r="D11328" t="s">
        <v>118</v>
      </c>
      <c r="E11328">
        <v>2017</v>
      </c>
      <c r="F11328">
        <v>2017</v>
      </c>
      <c r="G11328" t="s">
        <v>14</v>
      </c>
      <c r="H11328" t="s">
        <v>123</v>
      </c>
      <c r="I11328" t="s">
        <v>15</v>
      </c>
      <c r="J11328" s="10">
        <v>17.73135547</v>
      </c>
    </row>
    <row r="11329" spans="1:10" x14ac:dyDescent="0.35">
      <c r="A11329" t="s">
        <v>35</v>
      </c>
      <c r="B11329" t="s">
        <v>71</v>
      </c>
      <c r="C11329" t="s">
        <v>117</v>
      </c>
      <c r="D11329" t="s">
        <v>118</v>
      </c>
      <c r="E11329">
        <v>2017</v>
      </c>
      <c r="F11329">
        <v>2017</v>
      </c>
      <c r="G11329" t="s">
        <v>14</v>
      </c>
      <c r="H11329" t="s">
        <v>124</v>
      </c>
      <c r="I11329" t="s">
        <v>15</v>
      </c>
      <c r="J11329" s="10">
        <v>2.502721829</v>
      </c>
    </row>
    <row r="11330" spans="1:10" x14ac:dyDescent="0.35">
      <c r="A11330" t="s">
        <v>35</v>
      </c>
      <c r="B11330" t="s">
        <v>71</v>
      </c>
      <c r="C11330" t="s">
        <v>117</v>
      </c>
      <c r="D11330" t="s">
        <v>118</v>
      </c>
      <c r="E11330">
        <v>2017</v>
      </c>
      <c r="F11330">
        <v>2017</v>
      </c>
      <c r="G11330" t="s">
        <v>125</v>
      </c>
      <c r="H11330" t="s">
        <v>119</v>
      </c>
      <c r="I11330" t="s">
        <v>15</v>
      </c>
      <c r="J11330" s="10">
        <v>17.478876849999999</v>
      </c>
    </row>
    <row r="11331" spans="1:10" x14ac:dyDescent="0.35">
      <c r="A11331" t="s">
        <v>35</v>
      </c>
      <c r="B11331" t="s">
        <v>71</v>
      </c>
      <c r="C11331" t="s">
        <v>117</v>
      </c>
      <c r="D11331" t="s">
        <v>118</v>
      </c>
      <c r="E11331">
        <v>2017</v>
      </c>
      <c r="F11331">
        <v>2017</v>
      </c>
      <c r="G11331" t="s">
        <v>125</v>
      </c>
      <c r="H11331" t="s">
        <v>120</v>
      </c>
      <c r="I11331" t="s">
        <v>15</v>
      </c>
      <c r="J11331" s="10">
        <v>11.117749140000001</v>
      </c>
    </row>
    <row r="11332" spans="1:10" x14ac:dyDescent="0.35">
      <c r="A11332" t="s">
        <v>35</v>
      </c>
      <c r="B11332" t="s">
        <v>71</v>
      </c>
      <c r="C11332" t="s">
        <v>117</v>
      </c>
      <c r="D11332" t="s">
        <v>118</v>
      </c>
      <c r="E11332">
        <v>2017</v>
      </c>
      <c r="F11332">
        <v>2017</v>
      </c>
      <c r="G11332" t="s">
        <v>125</v>
      </c>
      <c r="H11332" t="s">
        <v>121</v>
      </c>
      <c r="I11332" t="s">
        <v>15</v>
      </c>
      <c r="J11332" s="10">
        <v>30.240960430000001</v>
      </c>
    </row>
    <row r="11333" spans="1:10" x14ac:dyDescent="0.35">
      <c r="A11333" t="s">
        <v>35</v>
      </c>
      <c r="B11333" t="s">
        <v>71</v>
      </c>
      <c r="C11333" t="s">
        <v>117</v>
      </c>
      <c r="D11333" t="s">
        <v>118</v>
      </c>
      <c r="E11333">
        <v>2017</v>
      </c>
      <c r="F11333">
        <v>2017</v>
      </c>
      <c r="G11333" t="s">
        <v>125</v>
      </c>
      <c r="H11333" t="s">
        <v>122</v>
      </c>
      <c r="I11333" t="s">
        <v>15</v>
      </c>
      <c r="J11333" s="10">
        <v>23.051975760000001</v>
      </c>
    </row>
    <row r="11334" spans="1:10" x14ac:dyDescent="0.35">
      <c r="A11334" t="s">
        <v>35</v>
      </c>
      <c r="B11334" t="s">
        <v>71</v>
      </c>
      <c r="C11334" t="s">
        <v>117</v>
      </c>
      <c r="D11334" t="s">
        <v>118</v>
      </c>
      <c r="E11334">
        <v>2017</v>
      </c>
      <c r="F11334">
        <v>2017</v>
      </c>
      <c r="G11334" t="s">
        <v>125</v>
      </c>
      <c r="H11334" t="s">
        <v>123</v>
      </c>
      <c r="I11334" t="s">
        <v>15</v>
      </c>
      <c r="J11334" s="10">
        <v>16.534380250000002</v>
      </c>
    </row>
    <row r="11335" spans="1:10" x14ac:dyDescent="0.35">
      <c r="A11335" t="s">
        <v>35</v>
      </c>
      <c r="B11335" t="s">
        <v>71</v>
      </c>
      <c r="C11335" t="s">
        <v>117</v>
      </c>
      <c r="D11335" t="s">
        <v>118</v>
      </c>
      <c r="E11335">
        <v>2017</v>
      </c>
      <c r="F11335">
        <v>2017</v>
      </c>
      <c r="G11335" t="s">
        <v>125</v>
      </c>
      <c r="H11335" t="s">
        <v>124</v>
      </c>
      <c r="I11335" t="s">
        <v>15</v>
      </c>
      <c r="J11335" s="10">
        <v>1.5760575800000001</v>
      </c>
    </row>
    <row r="11336" spans="1:10" x14ac:dyDescent="0.35">
      <c r="A11336" t="s">
        <v>35</v>
      </c>
      <c r="B11336" t="s">
        <v>71</v>
      </c>
      <c r="C11336" t="s">
        <v>117</v>
      </c>
      <c r="D11336" t="s">
        <v>118</v>
      </c>
      <c r="E11336">
        <v>2017</v>
      </c>
      <c r="F11336">
        <v>2017</v>
      </c>
      <c r="G11336" t="s">
        <v>126</v>
      </c>
      <c r="H11336" t="s">
        <v>119</v>
      </c>
      <c r="I11336" t="s">
        <v>15</v>
      </c>
      <c r="J11336" s="10">
        <v>14.86081035</v>
      </c>
    </row>
    <row r="11337" spans="1:10" x14ac:dyDescent="0.35">
      <c r="A11337" t="s">
        <v>35</v>
      </c>
      <c r="B11337" t="s">
        <v>71</v>
      </c>
      <c r="C11337" t="s">
        <v>117</v>
      </c>
      <c r="D11337" t="s">
        <v>118</v>
      </c>
      <c r="E11337">
        <v>2017</v>
      </c>
      <c r="F11337">
        <v>2017</v>
      </c>
      <c r="G11337" t="s">
        <v>126</v>
      </c>
      <c r="H11337" t="s">
        <v>120</v>
      </c>
      <c r="I11337" t="s">
        <v>15</v>
      </c>
      <c r="J11337" s="10">
        <v>9.7419708309999997</v>
      </c>
    </row>
    <row r="11338" spans="1:10" x14ac:dyDescent="0.35">
      <c r="A11338" t="s">
        <v>35</v>
      </c>
      <c r="B11338" t="s">
        <v>71</v>
      </c>
      <c r="C11338" t="s">
        <v>117</v>
      </c>
      <c r="D11338" t="s">
        <v>118</v>
      </c>
      <c r="E11338">
        <v>2017</v>
      </c>
      <c r="F11338">
        <v>2017</v>
      </c>
      <c r="G11338" t="s">
        <v>126</v>
      </c>
      <c r="H11338" t="s">
        <v>121</v>
      </c>
      <c r="I11338" t="s">
        <v>15</v>
      </c>
      <c r="J11338" s="10">
        <v>30.285162669999998</v>
      </c>
    </row>
    <row r="11339" spans="1:10" x14ac:dyDescent="0.35">
      <c r="A11339" t="s">
        <v>35</v>
      </c>
      <c r="B11339" t="s">
        <v>71</v>
      </c>
      <c r="C11339" t="s">
        <v>117</v>
      </c>
      <c r="D11339" t="s">
        <v>118</v>
      </c>
      <c r="E11339">
        <v>2017</v>
      </c>
      <c r="F11339">
        <v>2017</v>
      </c>
      <c r="G11339" t="s">
        <v>126</v>
      </c>
      <c r="H11339" t="s">
        <v>122</v>
      </c>
      <c r="I11339" t="s">
        <v>15</v>
      </c>
      <c r="J11339" s="10">
        <v>22.93041822</v>
      </c>
    </row>
    <row r="11340" spans="1:10" x14ac:dyDescent="0.35">
      <c r="A11340" t="s">
        <v>35</v>
      </c>
      <c r="B11340" t="s">
        <v>71</v>
      </c>
      <c r="C11340" t="s">
        <v>117</v>
      </c>
      <c r="D11340" t="s">
        <v>118</v>
      </c>
      <c r="E11340">
        <v>2017</v>
      </c>
      <c r="F11340">
        <v>2017</v>
      </c>
      <c r="G11340" t="s">
        <v>126</v>
      </c>
      <c r="H11340" t="s">
        <v>123</v>
      </c>
      <c r="I11340" t="s">
        <v>15</v>
      </c>
      <c r="J11340" s="10">
        <v>18.829085030000002</v>
      </c>
    </row>
    <row r="11341" spans="1:10" x14ac:dyDescent="0.35">
      <c r="A11341" t="s">
        <v>35</v>
      </c>
      <c r="B11341" t="s">
        <v>71</v>
      </c>
      <c r="C11341" t="s">
        <v>117</v>
      </c>
      <c r="D11341" t="s">
        <v>118</v>
      </c>
      <c r="E11341">
        <v>2017</v>
      </c>
      <c r="F11341">
        <v>2017</v>
      </c>
      <c r="G11341" t="s">
        <v>126</v>
      </c>
      <c r="H11341" t="s">
        <v>124</v>
      </c>
      <c r="I11341" t="s">
        <v>15</v>
      </c>
      <c r="J11341" s="10">
        <v>3.3525528969999998</v>
      </c>
    </row>
    <row r="11342" spans="1:10" x14ac:dyDescent="0.35">
      <c r="A11342" t="s">
        <v>35</v>
      </c>
      <c r="B11342" t="s">
        <v>71</v>
      </c>
      <c r="C11342" t="s">
        <v>117</v>
      </c>
      <c r="D11342" t="s">
        <v>118</v>
      </c>
      <c r="E11342">
        <v>2016</v>
      </c>
      <c r="F11342">
        <v>2016</v>
      </c>
      <c r="G11342" t="s">
        <v>14</v>
      </c>
      <c r="H11342" t="s">
        <v>119</v>
      </c>
      <c r="I11342" t="s">
        <v>15</v>
      </c>
      <c r="J11342" s="10">
        <v>16.224080990000001</v>
      </c>
    </row>
    <row r="11343" spans="1:10" x14ac:dyDescent="0.35">
      <c r="A11343" t="s">
        <v>35</v>
      </c>
      <c r="B11343" t="s">
        <v>71</v>
      </c>
      <c r="C11343" t="s">
        <v>117</v>
      </c>
      <c r="D11343" t="s">
        <v>118</v>
      </c>
      <c r="E11343">
        <v>2016</v>
      </c>
      <c r="F11343">
        <v>2016</v>
      </c>
      <c r="G11343" t="s">
        <v>14</v>
      </c>
      <c r="H11343" t="s">
        <v>120</v>
      </c>
      <c r="I11343" t="s">
        <v>15</v>
      </c>
      <c r="J11343" s="10">
        <v>10.72762709</v>
      </c>
    </row>
    <row r="11344" spans="1:10" x14ac:dyDescent="0.35">
      <c r="A11344" t="s">
        <v>35</v>
      </c>
      <c r="B11344" t="s">
        <v>71</v>
      </c>
      <c r="C11344" t="s">
        <v>117</v>
      </c>
      <c r="D11344" t="s">
        <v>118</v>
      </c>
      <c r="E11344">
        <v>2016</v>
      </c>
      <c r="F11344">
        <v>2016</v>
      </c>
      <c r="G11344" t="s">
        <v>14</v>
      </c>
      <c r="H11344" t="s">
        <v>121</v>
      </c>
      <c r="I11344" t="s">
        <v>15</v>
      </c>
      <c r="J11344" s="10">
        <v>30.514049050000001</v>
      </c>
    </row>
    <row r="11345" spans="1:10" x14ac:dyDescent="0.35">
      <c r="A11345" t="s">
        <v>35</v>
      </c>
      <c r="B11345" t="s">
        <v>71</v>
      </c>
      <c r="C11345" t="s">
        <v>117</v>
      </c>
      <c r="D11345" t="s">
        <v>118</v>
      </c>
      <c r="E11345">
        <v>2016</v>
      </c>
      <c r="F11345">
        <v>2016</v>
      </c>
      <c r="G11345" t="s">
        <v>14</v>
      </c>
      <c r="H11345" t="s">
        <v>122</v>
      </c>
      <c r="I11345" t="s">
        <v>15</v>
      </c>
      <c r="J11345" s="10">
        <v>22.55156732</v>
      </c>
    </row>
    <row r="11346" spans="1:10" x14ac:dyDescent="0.35">
      <c r="A11346" t="s">
        <v>35</v>
      </c>
      <c r="B11346" t="s">
        <v>71</v>
      </c>
      <c r="C11346" t="s">
        <v>117</v>
      </c>
      <c r="D11346" t="s">
        <v>118</v>
      </c>
      <c r="E11346">
        <v>2016</v>
      </c>
      <c r="F11346">
        <v>2016</v>
      </c>
      <c r="G11346" t="s">
        <v>14</v>
      </c>
      <c r="H11346" t="s">
        <v>123</v>
      </c>
      <c r="I11346" t="s">
        <v>15</v>
      </c>
      <c r="J11346" s="10">
        <v>17.543717180000002</v>
      </c>
    </row>
    <row r="11347" spans="1:10" x14ac:dyDescent="0.35">
      <c r="A11347" t="s">
        <v>35</v>
      </c>
      <c r="B11347" t="s">
        <v>71</v>
      </c>
      <c r="C11347" t="s">
        <v>117</v>
      </c>
      <c r="D11347" t="s">
        <v>118</v>
      </c>
      <c r="E11347">
        <v>2016</v>
      </c>
      <c r="F11347">
        <v>2016</v>
      </c>
      <c r="G11347" t="s">
        <v>14</v>
      </c>
      <c r="H11347" t="s">
        <v>124</v>
      </c>
      <c r="I11347" t="s">
        <v>15</v>
      </c>
      <c r="J11347" s="10">
        <v>2.4389583670000001</v>
      </c>
    </row>
    <row r="11348" spans="1:10" x14ac:dyDescent="0.35">
      <c r="A11348" t="s">
        <v>35</v>
      </c>
      <c r="B11348" t="s">
        <v>71</v>
      </c>
      <c r="C11348" t="s">
        <v>117</v>
      </c>
      <c r="D11348" t="s">
        <v>118</v>
      </c>
      <c r="E11348">
        <v>2016</v>
      </c>
      <c r="F11348">
        <v>2016</v>
      </c>
      <c r="G11348" t="s">
        <v>125</v>
      </c>
      <c r="H11348" t="s">
        <v>119</v>
      </c>
      <c r="I11348" t="s">
        <v>15</v>
      </c>
      <c r="J11348" s="10">
        <v>17.501061270000001</v>
      </c>
    </row>
    <row r="11349" spans="1:10" x14ac:dyDescent="0.35">
      <c r="A11349" t="s">
        <v>35</v>
      </c>
      <c r="B11349" t="s">
        <v>71</v>
      </c>
      <c r="C11349" t="s">
        <v>117</v>
      </c>
      <c r="D11349" t="s">
        <v>118</v>
      </c>
      <c r="E11349">
        <v>2016</v>
      </c>
      <c r="F11349">
        <v>2016</v>
      </c>
      <c r="G11349" t="s">
        <v>125</v>
      </c>
      <c r="H11349" t="s">
        <v>120</v>
      </c>
      <c r="I11349" t="s">
        <v>15</v>
      </c>
      <c r="J11349" s="10">
        <v>11.464553560000001</v>
      </c>
    </row>
    <row r="11350" spans="1:10" x14ac:dyDescent="0.35">
      <c r="A11350" t="s">
        <v>35</v>
      </c>
      <c r="B11350" t="s">
        <v>71</v>
      </c>
      <c r="C11350" t="s">
        <v>117</v>
      </c>
      <c r="D11350" t="s">
        <v>118</v>
      </c>
      <c r="E11350">
        <v>2016</v>
      </c>
      <c r="F11350">
        <v>2016</v>
      </c>
      <c r="G11350" t="s">
        <v>125</v>
      </c>
      <c r="H11350" t="s">
        <v>121</v>
      </c>
      <c r="I11350" t="s">
        <v>15</v>
      </c>
      <c r="J11350" s="10">
        <v>30.499504739999999</v>
      </c>
    </row>
    <row r="11351" spans="1:10" x14ac:dyDescent="0.35">
      <c r="A11351" t="s">
        <v>35</v>
      </c>
      <c r="B11351" t="s">
        <v>71</v>
      </c>
      <c r="C11351" t="s">
        <v>117</v>
      </c>
      <c r="D11351" t="s">
        <v>118</v>
      </c>
      <c r="E11351">
        <v>2016</v>
      </c>
      <c r="F11351">
        <v>2016</v>
      </c>
      <c r="G11351" t="s">
        <v>125</v>
      </c>
      <c r="H11351" t="s">
        <v>122</v>
      </c>
      <c r="I11351" t="s">
        <v>15</v>
      </c>
      <c r="J11351" s="10">
        <v>22.697042589999999</v>
      </c>
    </row>
    <row r="11352" spans="1:10" x14ac:dyDescent="0.35">
      <c r="A11352" t="s">
        <v>35</v>
      </c>
      <c r="B11352" t="s">
        <v>71</v>
      </c>
      <c r="C11352" t="s">
        <v>117</v>
      </c>
      <c r="D11352" t="s">
        <v>118</v>
      </c>
      <c r="E11352">
        <v>2016</v>
      </c>
      <c r="F11352">
        <v>2016</v>
      </c>
      <c r="G11352" t="s">
        <v>125</v>
      </c>
      <c r="H11352" t="s">
        <v>123</v>
      </c>
      <c r="I11352" t="s">
        <v>15</v>
      </c>
      <c r="J11352" s="10">
        <v>16.28413754</v>
      </c>
    </row>
    <row r="11353" spans="1:10" x14ac:dyDescent="0.35">
      <c r="A11353" t="s">
        <v>35</v>
      </c>
      <c r="B11353" t="s">
        <v>71</v>
      </c>
      <c r="C11353" t="s">
        <v>117</v>
      </c>
      <c r="D11353" t="s">
        <v>118</v>
      </c>
      <c r="E11353">
        <v>2016</v>
      </c>
      <c r="F11353">
        <v>2016</v>
      </c>
      <c r="G11353" t="s">
        <v>125</v>
      </c>
      <c r="H11353" t="s">
        <v>124</v>
      </c>
      <c r="I11353" t="s">
        <v>15</v>
      </c>
      <c r="J11353" s="10">
        <v>1.553700297</v>
      </c>
    </row>
    <row r="11354" spans="1:10" x14ac:dyDescent="0.35">
      <c r="A11354" t="s">
        <v>35</v>
      </c>
      <c r="B11354" t="s">
        <v>71</v>
      </c>
      <c r="C11354" t="s">
        <v>117</v>
      </c>
      <c r="D11354" t="s">
        <v>118</v>
      </c>
      <c r="E11354">
        <v>2016</v>
      </c>
      <c r="F11354">
        <v>2016</v>
      </c>
      <c r="G11354" t="s">
        <v>126</v>
      </c>
      <c r="H11354" t="s">
        <v>119</v>
      </c>
      <c r="I11354" t="s">
        <v>15</v>
      </c>
      <c r="J11354" s="10">
        <v>15.05356819</v>
      </c>
    </row>
    <row r="11355" spans="1:10" x14ac:dyDescent="0.35">
      <c r="A11355" t="s">
        <v>35</v>
      </c>
      <c r="B11355" t="s">
        <v>71</v>
      </c>
      <c r="C11355" t="s">
        <v>117</v>
      </c>
      <c r="D11355" t="s">
        <v>118</v>
      </c>
      <c r="E11355">
        <v>2016</v>
      </c>
      <c r="F11355">
        <v>2016</v>
      </c>
      <c r="G11355" t="s">
        <v>126</v>
      </c>
      <c r="H11355" t="s">
        <v>120</v>
      </c>
      <c r="I11355" t="s">
        <v>15</v>
      </c>
      <c r="J11355" s="10">
        <v>10.052141430000001</v>
      </c>
    </row>
    <row r="11356" spans="1:10" x14ac:dyDescent="0.35">
      <c r="A11356" t="s">
        <v>35</v>
      </c>
      <c r="B11356" t="s">
        <v>71</v>
      </c>
      <c r="C11356" t="s">
        <v>117</v>
      </c>
      <c r="D11356" t="s">
        <v>118</v>
      </c>
      <c r="E11356">
        <v>2016</v>
      </c>
      <c r="F11356">
        <v>2016</v>
      </c>
      <c r="G11356" t="s">
        <v>126</v>
      </c>
      <c r="H11356" t="s">
        <v>121</v>
      </c>
      <c r="I11356" t="s">
        <v>15</v>
      </c>
      <c r="J11356" s="10">
        <v>30.527380740000002</v>
      </c>
    </row>
    <row r="11357" spans="1:10" x14ac:dyDescent="0.35">
      <c r="A11357" t="s">
        <v>35</v>
      </c>
      <c r="B11357" t="s">
        <v>71</v>
      </c>
      <c r="C11357" t="s">
        <v>117</v>
      </c>
      <c r="D11357" t="s">
        <v>118</v>
      </c>
      <c r="E11357">
        <v>2016</v>
      </c>
      <c r="F11357">
        <v>2016</v>
      </c>
      <c r="G11357" t="s">
        <v>126</v>
      </c>
      <c r="H11357" t="s">
        <v>122</v>
      </c>
      <c r="I11357" t="s">
        <v>15</v>
      </c>
      <c r="J11357" s="10">
        <v>22.41822097</v>
      </c>
    </row>
    <row r="11358" spans="1:10" x14ac:dyDescent="0.35">
      <c r="A11358" t="s">
        <v>35</v>
      </c>
      <c r="B11358" t="s">
        <v>71</v>
      </c>
      <c r="C11358" t="s">
        <v>117</v>
      </c>
      <c r="D11358" t="s">
        <v>118</v>
      </c>
      <c r="E11358">
        <v>2016</v>
      </c>
      <c r="F11358">
        <v>2016</v>
      </c>
      <c r="G11358" t="s">
        <v>126</v>
      </c>
      <c r="H11358" t="s">
        <v>123</v>
      </c>
      <c r="I11358" t="s">
        <v>15</v>
      </c>
      <c r="J11358" s="10">
        <v>18.698280109999999</v>
      </c>
    </row>
    <row r="11359" spans="1:10" x14ac:dyDescent="0.35">
      <c r="A11359" t="s">
        <v>35</v>
      </c>
      <c r="B11359" t="s">
        <v>71</v>
      </c>
      <c r="C11359" t="s">
        <v>117</v>
      </c>
      <c r="D11359" t="s">
        <v>118</v>
      </c>
      <c r="E11359">
        <v>2016</v>
      </c>
      <c r="F11359">
        <v>2016</v>
      </c>
      <c r="G11359" t="s">
        <v>126</v>
      </c>
      <c r="H11359" t="s">
        <v>124</v>
      </c>
      <c r="I11359" t="s">
        <v>15</v>
      </c>
      <c r="J11359" s="10">
        <v>3.2504085709999999</v>
      </c>
    </row>
    <row r="11360" spans="1:10" x14ac:dyDescent="0.35">
      <c r="A11360" t="s">
        <v>35</v>
      </c>
      <c r="B11360" t="s">
        <v>71</v>
      </c>
      <c r="C11360" t="s">
        <v>117</v>
      </c>
      <c r="D11360" t="s">
        <v>118</v>
      </c>
      <c r="E11360">
        <v>2015</v>
      </c>
      <c r="F11360">
        <v>2015</v>
      </c>
      <c r="G11360" t="s">
        <v>14</v>
      </c>
      <c r="H11360" t="s">
        <v>119</v>
      </c>
      <c r="I11360" t="s">
        <v>15</v>
      </c>
      <c r="J11360" s="10">
        <v>16.2769069</v>
      </c>
    </row>
    <row r="11361" spans="1:10" x14ac:dyDescent="0.35">
      <c r="A11361" t="s">
        <v>35</v>
      </c>
      <c r="B11361" t="s">
        <v>71</v>
      </c>
      <c r="C11361" t="s">
        <v>117</v>
      </c>
      <c r="D11361" t="s">
        <v>118</v>
      </c>
      <c r="E11361">
        <v>2015</v>
      </c>
      <c r="F11361">
        <v>2015</v>
      </c>
      <c r="G11361" t="s">
        <v>14</v>
      </c>
      <c r="H11361" t="s">
        <v>120</v>
      </c>
      <c r="I11361" t="s">
        <v>15</v>
      </c>
      <c r="J11361" s="10">
        <v>11.006725879999999</v>
      </c>
    </row>
    <row r="11362" spans="1:10" x14ac:dyDescent="0.35">
      <c r="A11362" t="s">
        <v>35</v>
      </c>
      <c r="B11362" t="s">
        <v>71</v>
      </c>
      <c r="C11362" t="s">
        <v>117</v>
      </c>
      <c r="D11362" t="s">
        <v>118</v>
      </c>
      <c r="E11362">
        <v>2015</v>
      </c>
      <c r="F11362">
        <v>2015</v>
      </c>
      <c r="G11362" t="s">
        <v>14</v>
      </c>
      <c r="H11362" t="s">
        <v>121</v>
      </c>
      <c r="I11362" t="s">
        <v>15</v>
      </c>
      <c r="J11362" s="10">
        <v>30.897278650000001</v>
      </c>
    </row>
    <row r="11363" spans="1:10" x14ac:dyDescent="0.35">
      <c r="A11363" t="s">
        <v>35</v>
      </c>
      <c r="B11363" t="s">
        <v>71</v>
      </c>
      <c r="C11363" t="s">
        <v>117</v>
      </c>
      <c r="D11363" t="s">
        <v>118</v>
      </c>
      <c r="E11363">
        <v>2015</v>
      </c>
      <c r="F11363">
        <v>2015</v>
      </c>
      <c r="G11363" t="s">
        <v>14</v>
      </c>
      <c r="H11363" t="s">
        <v>122</v>
      </c>
      <c r="I11363" t="s">
        <v>15</v>
      </c>
      <c r="J11363" s="10">
        <v>22.235850710000001</v>
      </c>
    </row>
    <row r="11364" spans="1:10" x14ac:dyDescent="0.35">
      <c r="A11364" t="s">
        <v>35</v>
      </c>
      <c r="B11364" t="s">
        <v>71</v>
      </c>
      <c r="C11364" t="s">
        <v>117</v>
      </c>
      <c r="D11364" t="s">
        <v>118</v>
      </c>
      <c r="E11364">
        <v>2015</v>
      </c>
      <c r="F11364">
        <v>2015</v>
      </c>
      <c r="G11364" t="s">
        <v>14</v>
      </c>
      <c r="H11364" t="s">
        <v>123</v>
      </c>
      <c r="I11364" t="s">
        <v>15</v>
      </c>
      <c r="J11364" s="10">
        <v>17.244679269999999</v>
      </c>
    </row>
    <row r="11365" spans="1:10" x14ac:dyDescent="0.35">
      <c r="A11365" t="s">
        <v>35</v>
      </c>
      <c r="B11365" t="s">
        <v>71</v>
      </c>
      <c r="C11365" t="s">
        <v>117</v>
      </c>
      <c r="D11365" t="s">
        <v>118</v>
      </c>
      <c r="E11365">
        <v>2015</v>
      </c>
      <c r="F11365">
        <v>2015</v>
      </c>
      <c r="G11365" t="s">
        <v>14</v>
      </c>
      <c r="H11365" t="s">
        <v>124</v>
      </c>
      <c r="I11365" t="s">
        <v>15</v>
      </c>
      <c r="J11365" s="10">
        <v>2.3385585849999999</v>
      </c>
    </row>
    <row r="11366" spans="1:10" x14ac:dyDescent="0.35">
      <c r="A11366" t="s">
        <v>35</v>
      </c>
      <c r="B11366" t="s">
        <v>71</v>
      </c>
      <c r="C11366" t="s">
        <v>117</v>
      </c>
      <c r="D11366" t="s">
        <v>118</v>
      </c>
      <c r="E11366">
        <v>2015</v>
      </c>
      <c r="F11366">
        <v>2015</v>
      </c>
      <c r="G11366" t="s">
        <v>125</v>
      </c>
      <c r="H11366" t="s">
        <v>119</v>
      </c>
      <c r="I11366" t="s">
        <v>15</v>
      </c>
      <c r="J11366" s="10">
        <v>17.464336960000001</v>
      </c>
    </row>
    <row r="11367" spans="1:10" x14ac:dyDescent="0.35">
      <c r="A11367" t="s">
        <v>35</v>
      </c>
      <c r="B11367" t="s">
        <v>71</v>
      </c>
      <c r="C11367" t="s">
        <v>117</v>
      </c>
      <c r="D11367" t="s">
        <v>118</v>
      </c>
      <c r="E11367">
        <v>2015</v>
      </c>
      <c r="F11367">
        <v>2015</v>
      </c>
      <c r="G11367" t="s">
        <v>125</v>
      </c>
      <c r="H11367" t="s">
        <v>120</v>
      </c>
      <c r="I11367" t="s">
        <v>15</v>
      </c>
      <c r="J11367" s="10">
        <v>11.87079711</v>
      </c>
    </row>
    <row r="11368" spans="1:10" x14ac:dyDescent="0.35">
      <c r="A11368" t="s">
        <v>35</v>
      </c>
      <c r="B11368" t="s">
        <v>71</v>
      </c>
      <c r="C11368" t="s">
        <v>117</v>
      </c>
      <c r="D11368" t="s">
        <v>118</v>
      </c>
      <c r="E11368">
        <v>2015</v>
      </c>
      <c r="F11368">
        <v>2015</v>
      </c>
      <c r="G11368" t="s">
        <v>125</v>
      </c>
      <c r="H11368" t="s">
        <v>121</v>
      </c>
      <c r="I11368" t="s">
        <v>15</v>
      </c>
      <c r="J11368" s="10">
        <v>30.882642579999999</v>
      </c>
    </row>
    <row r="11369" spans="1:10" x14ac:dyDescent="0.35">
      <c r="A11369" t="s">
        <v>35</v>
      </c>
      <c r="B11369" t="s">
        <v>71</v>
      </c>
      <c r="C11369" t="s">
        <v>117</v>
      </c>
      <c r="D11369" t="s">
        <v>118</v>
      </c>
      <c r="E11369">
        <v>2015</v>
      </c>
      <c r="F11369">
        <v>2015</v>
      </c>
      <c r="G11369" t="s">
        <v>125</v>
      </c>
      <c r="H11369" t="s">
        <v>122</v>
      </c>
      <c r="I11369" t="s">
        <v>15</v>
      </c>
      <c r="J11369" s="10">
        <v>22.44168707</v>
      </c>
    </row>
    <row r="11370" spans="1:10" x14ac:dyDescent="0.35">
      <c r="A11370" t="s">
        <v>35</v>
      </c>
      <c r="B11370" t="s">
        <v>71</v>
      </c>
      <c r="C11370" t="s">
        <v>117</v>
      </c>
      <c r="D11370" t="s">
        <v>118</v>
      </c>
      <c r="E11370">
        <v>2015</v>
      </c>
      <c r="F11370">
        <v>2015</v>
      </c>
      <c r="G11370" t="s">
        <v>125</v>
      </c>
      <c r="H11370" t="s">
        <v>123</v>
      </c>
      <c r="I11370" t="s">
        <v>15</v>
      </c>
      <c r="J11370" s="10">
        <v>15.829605239999999</v>
      </c>
    </row>
    <row r="11371" spans="1:10" x14ac:dyDescent="0.35">
      <c r="A11371" t="s">
        <v>35</v>
      </c>
      <c r="B11371" t="s">
        <v>71</v>
      </c>
      <c r="C11371" t="s">
        <v>117</v>
      </c>
      <c r="D11371" t="s">
        <v>118</v>
      </c>
      <c r="E11371">
        <v>2015</v>
      </c>
      <c r="F11371">
        <v>2015</v>
      </c>
      <c r="G11371" t="s">
        <v>125</v>
      </c>
      <c r="H11371" t="s">
        <v>124</v>
      </c>
      <c r="I11371" t="s">
        <v>15</v>
      </c>
      <c r="J11371" s="10">
        <v>1.510931037</v>
      </c>
    </row>
    <row r="11372" spans="1:10" x14ac:dyDescent="0.35">
      <c r="A11372" t="s">
        <v>35</v>
      </c>
      <c r="B11372" t="s">
        <v>71</v>
      </c>
      <c r="C11372" t="s">
        <v>117</v>
      </c>
      <c r="D11372" t="s">
        <v>118</v>
      </c>
      <c r="E11372">
        <v>2015</v>
      </c>
      <c r="F11372">
        <v>2015</v>
      </c>
      <c r="G11372" t="s">
        <v>126</v>
      </c>
      <c r="H11372" t="s">
        <v>119</v>
      </c>
      <c r="I11372" t="s">
        <v>15</v>
      </c>
      <c r="J11372" s="10">
        <v>15.18499353</v>
      </c>
    </row>
    <row r="11373" spans="1:10" x14ac:dyDescent="0.35">
      <c r="A11373" t="s">
        <v>35</v>
      </c>
      <c r="B11373" t="s">
        <v>71</v>
      </c>
      <c r="C11373" t="s">
        <v>117</v>
      </c>
      <c r="D11373" t="s">
        <v>118</v>
      </c>
      <c r="E11373">
        <v>2015</v>
      </c>
      <c r="F11373">
        <v>2015</v>
      </c>
      <c r="G11373" t="s">
        <v>126</v>
      </c>
      <c r="H11373" t="s">
        <v>120</v>
      </c>
      <c r="I11373" t="s">
        <v>15</v>
      </c>
      <c r="J11373" s="10">
        <v>10.212160409999999</v>
      </c>
    </row>
    <row r="11374" spans="1:10" x14ac:dyDescent="0.35">
      <c r="A11374" t="s">
        <v>35</v>
      </c>
      <c r="B11374" t="s">
        <v>71</v>
      </c>
      <c r="C11374" t="s">
        <v>117</v>
      </c>
      <c r="D11374" t="s">
        <v>118</v>
      </c>
      <c r="E11374">
        <v>2015</v>
      </c>
      <c r="F11374">
        <v>2015</v>
      </c>
      <c r="G11374" t="s">
        <v>126</v>
      </c>
      <c r="H11374" t="s">
        <v>121</v>
      </c>
      <c r="I11374" t="s">
        <v>15</v>
      </c>
      <c r="J11374" s="10">
        <v>30.910737390000001</v>
      </c>
    </row>
    <row r="11375" spans="1:10" x14ac:dyDescent="0.35">
      <c r="A11375" t="s">
        <v>35</v>
      </c>
      <c r="B11375" t="s">
        <v>71</v>
      </c>
      <c r="C11375" t="s">
        <v>117</v>
      </c>
      <c r="D11375" t="s">
        <v>118</v>
      </c>
      <c r="E11375">
        <v>2015</v>
      </c>
      <c r="F11375">
        <v>2015</v>
      </c>
      <c r="G11375" t="s">
        <v>126</v>
      </c>
      <c r="H11375" t="s">
        <v>122</v>
      </c>
      <c r="I11375" t="s">
        <v>15</v>
      </c>
      <c r="J11375" s="10">
        <v>22.046571799999999</v>
      </c>
    </row>
    <row r="11376" spans="1:10" x14ac:dyDescent="0.35">
      <c r="A11376" t="s">
        <v>35</v>
      </c>
      <c r="B11376" t="s">
        <v>71</v>
      </c>
      <c r="C11376" t="s">
        <v>117</v>
      </c>
      <c r="D11376" t="s">
        <v>118</v>
      </c>
      <c r="E11376">
        <v>2015</v>
      </c>
      <c r="F11376">
        <v>2015</v>
      </c>
      <c r="G11376" t="s">
        <v>126</v>
      </c>
      <c r="H11376" t="s">
        <v>123</v>
      </c>
      <c r="I11376" t="s">
        <v>15</v>
      </c>
      <c r="J11376" s="10">
        <v>18.545924970000002</v>
      </c>
    </row>
    <row r="11377" spans="1:10" x14ac:dyDescent="0.35">
      <c r="A11377" t="s">
        <v>35</v>
      </c>
      <c r="B11377" t="s">
        <v>71</v>
      </c>
      <c r="C11377" t="s">
        <v>117</v>
      </c>
      <c r="D11377" t="s">
        <v>118</v>
      </c>
      <c r="E11377">
        <v>2015</v>
      </c>
      <c r="F11377">
        <v>2015</v>
      </c>
      <c r="G11377" t="s">
        <v>126</v>
      </c>
      <c r="H11377" t="s">
        <v>124</v>
      </c>
      <c r="I11377" t="s">
        <v>15</v>
      </c>
      <c r="J11377" s="10">
        <v>3.0996119019999999</v>
      </c>
    </row>
    <row r="11378" spans="1:10" x14ac:dyDescent="0.35">
      <c r="A11378" t="s">
        <v>35</v>
      </c>
      <c r="B11378" t="s">
        <v>71</v>
      </c>
      <c r="C11378" t="s">
        <v>117</v>
      </c>
      <c r="D11378" t="s">
        <v>118</v>
      </c>
      <c r="E11378">
        <v>2014</v>
      </c>
      <c r="F11378">
        <v>2014</v>
      </c>
      <c r="G11378" t="s">
        <v>14</v>
      </c>
      <c r="H11378" t="s">
        <v>119</v>
      </c>
      <c r="I11378" t="s">
        <v>15</v>
      </c>
      <c r="J11378" s="10">
        <v>16.38752933</v>
      </c>
    </row>
    <row r="11379" spans="1:10" x14ac:dyDescent="0.35">
      <c r="A11379" t="s">
        <v>35</v>
      </c>
      <c r="B11379" t="s">
        <v>71</v>
      </c>
      <c r="C11379" t="s">
        <v>117</v>
      </c>
      <c r="D11379" t="s">
        <v>118</v>
      </c>
      <c r="E11379">
        <v>2014</v>
      </c>
      <c r="F11379">
        <v>2014</v>
      </c>
      <c r="G11379" t="s">
        <v>14</v>
      </c>
      <c r="H11379" t="s">
        <v>120</v>
      </c>
      <c r="I11379" t="s">
        <v>15</v>
      </c>
      <c r="J11379" s="10">
        <v>11.16996312</v>
      </c>
    </row>
    <row r="11380" spans="1:10" x14ac:dyDescent="0.35">
      <c r="A11380" t="s">
        <v>35</v>
      </c>
      <c r="B11380" t="s">
        <v>71</v>
      </c>
      <c r="C11380" t="s">
        <v>117</v>
      </c>
      <c r="D11380" t="s">
        <v>118</v>
      </c>
      <c r="E11380">
        <v>2014</v>
      </c>
      <c r="F11380">
        <v>2014</v>
      </c>
      <c r="G11380" t="s">
        <v>14</v>
      </c>
      <c r="H11380" t="s">
        <v>121</v>
      </c>
      <c r="I11380" t="s">
        <v>15</v>
      </c>
      <c r="J11380" s="10">
        <v>31.296010729999999</v>
      </c>
    </row>
    <row r="11381" spans="1:10" x14ac:dyDescent="0.35">
      <c r="A11381" t="s">
        <v>35</v>
      </c>
      <c r="B11381" t="s">
        <v>71</v>
      </c>
      <c r="C11381" t="s">
        <v>117</v>
      </c>
      <c r="D11381" t="s">
        <v>118</v>
      </c>
      <c r="E11381">
        <v>2014</v>
      </c>
      <c r="F11381">
        <v>2014</v>
      </c>
      <c r="G11381" t="s">
        <v>14</v>
      </c>
      <c r="H11381" t="s">
        <v>122</v>
      </c>
      <c r="I11381" t="s">
        <v>15</v>
      </c>
      <c r="J11381" s="10">
        <v>21.874622859999999</v>
      </c>
    </row>
    <row r="11382" spans="1:10" x14ac:dyDescent="0.35">
      <c r="A11382" t="s">
        <v>35</v>
      </c>
      <c r="B11382" t="s">
        <v>71</v>
      </c>
      <c r="C11382" t="s">
        <v>117</v>
      </c>
      <c r="D11382" t="s">
        <v>118</v>
      </c>
      <c r="E11382">
        <v>2014</v>
      </c>
      <c r="F11382">
        <v>2014</v>
      </c>
      <c r="G11382" t="s">
        <v>14</v>
      </c>
      <c r="H11382" t="s">
        <v>123</v>
      </c>
      <c r="I11382" t="s">
        <v>15</v>
      </c>
      <c r="J11382" s="10">
        <v>16.98022125</v>
      </c>
    </row>
    <row r="11383" spans="1:10" x14ac:dyDescent="0.35">
      <c r="A11383" t="s">
        <v>35</v>
      </c>
      <c r="B11383" t="s">
        <v>71</v>
      </c>
      <c r="C11383" t="s">
        <v>117</v>
      </c>
      <c r="D11383" t="s">
        <v>118</v>
      </c>
      <c r="E11383">
        <v>2014</v>
      </c>
      <c r="F11383">
        <v>2014</v>
      </c>
      <c r="G11383" t="s">
        <v>14</v>
      </c>
      <c r="H11383" t="s">
        <v>124</v>
      </c>
      <c r="I11383" t="s">
        <v>15</v>
      </c>
      <c r="J11383" s="10">
        <v>2.2916526990000001</v>
      </c>
    </row>
    <row r="11384" spans="1:10" x14ac:dyDescent="0.35">
      <c r="A11384" t="s">
        <v>35</v>
      </c>
      <c r="B11384" t="s">
        <v>71</v>
      </c>
      <c r="C11384" t="s">
        <v>117</v>
      </c>
      <c r="D11384" t="s">
        <v>118</v>
      </c>
      <c r="E11384">
        <v>2014</v>
      </c>
      <c r="F11384">
        <v>2014</v>
      </c>
      <c r="G11384" t="s">
        <v>125</v>
      </c>
      <c r="H11384" t="s">
        <v>119</v>
      </c>
      <c r="I11384" t="s">
        <v>15</v>
      </c>
      <c r="J11384" s="10">
        <v>17.608103939999999</v>
      </c>
    </row>
    <row r="11385" spans="1:10" x14ac:dyDescent="0.35">
      <c r="A11385" t="s">
        <v>35</v>
      </c>
      <c r="B11385" t="s">
        <v>71</v>
      </c>
      <c r="C11385" t="s">
        <v>117</v>
      </c>
      <c r="D11385" t="s">
        <v>118</v>
      </c>
      <c r="E11385">
        <v>2014</v>
      </c>
      <c r="F11385">
        <v>2014</v>
      </c>
      <c r="G11385" t="s">
        <v>125</v>
      </c>
      <c r="H11385" t="s">
        <v>120</v>
      </c>
      <c r="I11385" t="s">
        <v>15</v>
      </c>
      <c r="J11385" s="10">
        <v>12.02121391</v>
      </c>
    </row>
    <row r="11386" spans="1:10" x14ac:dyDescent="0.35">
      <c r="A11386" t="s">
        <v>35</v>
      </c>
      <c r="B11386" t="s">
        <v>71</v>
      </c>
      <c r="C11386" t="s">
        <v>117</v>
      </c>
      <c r="D11386" t="s">
        <v>118</v>
      </c>
      <c r="E11386">
        <v>2014</v>
      </c>
      <c r="F11386">
        <v>2014</v>
      </c>
      <c r="G11386" t="s">
        <v>125</v>
      </c>
      <c r="H11386" t="s">
        <v>121</v>
      </c>
      <c r="I11386" t="s">
        <v>15</v>
      </c>
      <c r="J11386" s="10">
        <v>31.270870160000001</v>
      </c>
    </row>
    <row r="11387" spans="1:10" x14ac:dyDescent="0.35">
      <c r="A11387" t="s">
        <v>35</v>
      </c>
      <c r="B11387" t="s">
        <v>71</v>
      </c>
      <c r="C11387" t="s">
        <v>117</v>
      </c>
      <c r="D11387" t="s">
        <v>118</v>
      </c>
      <c r="E11387">
        <v>2014</v>
      </c>
      <c r="F11387">
        <v>2014</v>
      </c>
      <c r="G11387" t="s">
        <v>125</v>
      </c>
      <c r="H11387" t="s">
        <v>122</v>
      </c>
      <c r="I11387" t="s">
        <v>15</v>
      </c>
      <c r="J11387" s="10">
        <v>22.148328979999999</v>
      </c>
    </row>
    <row r="11388" spans="1:10" x14ac:dyDescent="0.35">
      <c r="A11388" t="s">
        <v>35</v>
      </c>
      <c r="B11388" t="s">
        <v>71</v>
      </c>
      <c r="C11388" t="s">
        <v>117</v>
      </c>
      <c r="D11388" t="s">
        <v>118</v>
      </c>
      <c r="E11388">
        <v>2014</v>
      </c>
      <c r="F11388">
        <v>2014</v>
      </c>
      <c r="G11388" t="s">
        <v>125</v>
      </c>
      <c r="H11388" t="s">
        <v>123</v>
      </c>
      <c r="I11388" t="s">
        <v>15</v>
      </c>
      <c r="J11388" s="10">
        <v>15.50916183</v>
      </c>
    </row>
    <row r="11389" spans="1:10" x14ac:dyDescent="0.35">
      <c r="A11389" t="s">
        <v>35</v>
      </c>
      <c r="B11389" t="s">
        <v>71</v>
      </c>
      <c r="C11389" t="s">
        <v>117</v>
      </c>
      <c r="D11389" t="s">
        <v>118</v>
      </c>
      <c r="E11389">
        <v>2014</v>
      </c>
      <c r="F11389">
        <v>2014</v>
      </c>
      <c r="G11389" t="s">
        <v>125</v>
      </c>
      <c r="H11389" t="s">
        <v>124</v>
      </c>
      <c r="I11389" t="s">
        <v>15</v>
      </c>
      <c r="J11389" s="10">
        <v>1.442321183</v>
      </c>
    </row>
    <row r="11390" spans="1:10" x14ac:dyDescent="0.35">
      <c r="A11390" t="s">
        <v>35</v>
      </c>
      <c r="B11390" t="s">
        <v>71</v>
      </c>
      <c r="C11390" t="s">
        <v>117</v>
      </c>
      <c r="D11390" t="s">
        <v>118</v>
      </c>
      <c r="E11390">
        <v>2014</v>
      </c>
      <c r="F11390">
        <v>2014</v>
      </c>
      <c r="G11390" t="s">
        <v>126</v>
      </c>
      <c r="H11390" t="s">
        <v>119</v>
      </c>
      <c r="I11390" t="s">
        <v>15</v>
      </c>
      <c r="J11390" s="10">
        <v>15.270429910000001</v>
      </c>
    </row>
    <row r="11391" spans="1:10" x14ac:dyDescent="0.35">
      <c r="A11391" t="s">
        <v>35</v>
      </c>
      <c r="B11391" t="s">
        <v>71</v>
      </c>
      <c r="C11391" t="s">
        <v>117</v>
      </c>
      <c r="D11391" t="s">
        <v>118</v>
      </c>
      <c r="E11391">
        <v>2014</v>
      </c>
      <c r="F11391">
        <v>2014</v>
      </c>
      <c r="G11391" t="s">
        <v>126</v>
      </c>
      <c r="H11391" t="s">
        <v>120</v>
      </c>
      <c r="I11391" t="s">
        <v>15</v>
      </c>
      <c r="J11391" s="10">
        <v>10.390877809999999</v>
      </c>
    </row>
    <row r="11392" spans="1:10" x14ac:dyDescent="0.35">
      <c r="A11392" t="s">
        <v>35</v>
      </c>
      <c r="B11392" t="s">
        <v>71</v>
      </c>
      <c r="C11392" t="s">
        <v>117</v>
      </c>
      <c r="D11392" t="s">
        <v>118</v>
      </c>
      <c r="E11392">
        <v>2014</v>
      </c>
      <c r="F11392">
        <v>2014</v>
      </c>
      <c r="G11392" t="s">
        <v>126</v>
      </c>
      <c r="H11392" t="s">
        <v>121</v>
      </c>
      <c r="I11392" t="s">
        <v>15</v>
      </c>
      <c r="J11392" s="10">
        <v>31.31901998</v>
      </c>
    </row>
    <row r="11393" spans="1:10" x14ac:dyDescent="0.35">
      <c r="A11393" t="s">
        <v>35</v>
      </c>
      <c r="B11393" t="s">
        <v>71</v>
      </c>
      <c r="C11393" t="s">
        <v>117</v>
      </c>
      <c r="D11393" t="s">
        <v>118</v>
      </c>
      <c r="E11393">
        <v>2014</v>
      </c>
      <c r="F11393">
        <v>2014</v>
      </c>
      <c r="G11393" t="s">
        <v>126</v>
      </c>
      <c r="H11393" t="s">
        <v>122</v>
      </c>
      <c r="I11393" t="s">
        <v>15</v>
      </c>
      <c r="J11393" s="10">
        <v>21.624120399999999</v>
      </c>
    </row>
    <row r="11394" spans="1:10" x14ac:dyDescent="0.35">
      <c r="A11394" t="s">
        <v>35</v>
      </c>
      <c r="B11394" t="s">
        <v>71</v>
      </c>
      <c r="C11394" t="s">
        <v>117</v>
      </c>
      <c r="D11394" t="s">
        <v>118</v>
      </c>
      <c r="E11394">
        <v>2014</v>
      </c>
      <c r="F11394">
        <v>2014</v>
      </c>
      <c r="G11394" t="s">
        <v>126</v>
      </c>
      <c r="H11394" t="s">
        <v>123</v>
      </c>
      <c r="I11394" t="s">
        <v>15</v>
      </c>
      <c r="J11394" s="10">
        <v>18.326570449999998</v>
      </c>
    </row>
    <row r="11395" spans="1:10" x14ac:dyDescent="0.35">
      <c r="A11395" t="s">
        <v>35</v>
      </c>
      <c r="B11395" t="s">
        <v>71</v>
      </c>
      <c r="C11395" t="s">
        <v>117</v>
      </c>
      <c r="D11395" t="s">
        <v>118</v>
      </c>
      <c r="E11395">
        <v>2014</v>
      </c>
      <c r="F11395">
        <v>2014</v>
      </c>
      <c r="G11395" t="s">
        <v>126</v>
      </c>
      <c r="H11395" t="s">
        <v>124</v>
      </c>
      <c r="I11395" t="s">
        <v>15</v>
      </c>
      <c r="J11395" s="10">
        <v>3.0689814580000001</v>
      </c>
    </row>
    <row r="11396" spans="1:10" x14ac:dyDescent="0.35">
      <c r="A11396" t="s">
        <v>35</v>
      </c>
      <c r="B11396" t="s">
        <v>71</v>
      </c>
      <c r="C11396" t="s">
        <v>117</v>
      </c>
      <c r="D11396" t="s">
        <v>118</v>
      </c>
      <c r="E11396">
        <v>2013</v>
      </c>
      <c r="F11396">
        <v>2013</v>
      </c>
      <c r="G11396" t="s">
        <v>14</v>
      </c>
      <c r="H11396" t="s">
        <v>119</v>
      </c>
      <c r="I11396" t="s">
        <v>15</v>
      </c>
      <c r="J11396" s="10">
        <v>16.42403882</v>
      </c>
    </row>
    <row r="11397" spans="1:10" x14ac:dyDescent="0.35">
      <c r="A11397" t="s">
        <v>35</v>
      </c>
      <c r="B11397" t="s">
        <v>71</v>
      </c>
      <c r="C11397" t="s">
        <v>117</v>
      </c>
      <c r="D11397" t="s">
        <v>118</v>
      </c>
      <c r="E11397">
        <v>2013</v>
      </c>
      <c r="F11397">
        <v>2013</v>
      </c>
      <c r="G11397" t="s">
        <v>14</v>
      </c>
      <c r="H11397" t="s">
        <v>120</v>
      </c>
      <c r="I11397" t="s">
        <v>15</v>
      </c>
      <c r="J11397" s="10">
        <v>11.322188450000001</v>
      </c>
    </row>
    <row r="11398" spans="1:10" x14ac:dyDescent="0.35">
      <c r="A11398" t="s">
        <v>35</v>
      </c>
      <c r="B11398" t="s">
        <v>71</v>
      </c>
      <c r="C11398" t="s">
        <v>117</v>
      </c>
      <c r="D11398" t="s">
        <v>118</v>
      </c>
      <c r="E11398">
        <v>2013</v>
      </c>
      <c r="F11398">
        <v>2013</v>
      </c>
      <c r="G11398" t="s">
        <v>14</v>
      </c>
      <c r="H11398" t="s">
        <v>121</v>
      </c>
      <c r="I11398" t="s">
        <v>15</v>
      </c>
      <c r="J11398" s="10">
        <v>31.916226739999999</v>
      </c>
    </row>
    <row r="11399" spans="1:10" x14ac:dyDescent="0.35">
      <c r="A11399" t="s">
        <v>35</v>
      </c>
      <c r="B11399" t="s">
        <v>71</v>
      </c>
      <c r="C11399" t="s">
        <v>117</v>
      </c>
      <c r="D11399" t="s">
        <v>118</v>
      </c>
      <c r="E11399">
        <v>2013</v>
      </c>
      <c r="F11399">
        <v>2013</v>
      </c>
      <c r="G11399" t="s">
        <v>14</v>
      </c>
      <c r="H11399" t="s">
        <v>122</v>
      </c>
      <c r="I11399" t="s">
        <v>15</v>
      </c>
      <c r="J11399" s="10">
        <v>21.49256119</v>
      </c>
    </row>
    <row r="11400" spans="1:10" x14ac:dyDescent="0.35">
      <c r="A11400" t="s">
        <v>35</v>
      </c>
      <c r="B11400" t="s">
        <v>71</v>
      </c>
      <c r="C11400" t="s">
        <v>117</v>
      </c>
      <c r="D11400" t="s">
        <v>118</v>
      </c>
      <c r="E11400">
        <v>2013</v>
      </c>
      <c r="F11400">
        <v>2013</v>
      </c>
      <c r="G11400" t="s">
        <v>14</v>
      </c>
      <c r="H11400" t="s">
        <v>123</v>
      </c>
      <c r="I11400" t="s">
        <v>15</v>
      </c>
      <c r="J11400" s="10">
        <v>16.686663469999999</v>
      </c>
    </row>
    <row r="11401" spans="1:10" x14ac:dyDescent="0.35">
      <c r="A11401" t="s">
        <v>35</v>
      </c>
      <c r="B11401" t="s">
        <v>71</v>
      </c>
      <c r="C11401" t="s">
        <v>117</v>
      </c>
      <c r="D11401" t="s">
        <v>118</v>
      </c>
      <c r="E11401">
        <v>2013</v>
      </c>
      <c r="F11401">
        <v>2013</v>
      </c>
      <c r="G11401" t="s">
        <v>14</v>
      </c>
      <c r="H11401" t="s">
        <v>124</v>
      </c>
      <c r="I11401" t="s">
        <v>15</v>
      </c>
      <c r="J11401" s="10">
        <v>2.1583213350000001</v>
      </c>
    </row>
    <row r="11402" spans="1:10" x14ac:dyDescent="0.35">
      <c r="A11402" t="s">
        <v>35</v>
      </c>
      <c r="B11402" t="s">
        <v>71</v>
      </c>
      <c r="C11402" t="s">
        <v>117</v>
      </c>
      <c r="D11402" t="s">
        <v>118</v>
      </c>
      <c r="E11402">
        <v>2013</v>
      </c>
      <c r="F11402">
        <v>2013</v>
      </c>
      <c r="G11402" t="s">
        <v>125</v>
      </c>
      <c r="H11402" t="s">
        <v>119</v>
      </c>
      <c r="I11402" t="s">
        <v>15</v>
      </c>
      <c r="J11402" s="10">
        <v>17.731958760000001</v>
      </c>
    </row>
    <row r="11403" spans="1:10" x14ac:dyDescent="0.35">
      <c r="A11403" t="s">
        <v>35</v>
      </c>
      <c r="B11403" t="s">
        <v>71</v>
      </c>
      <c r="C11403" t="s">
        <v>117</v>
      </c>
      <c r="D11403" t="s">
        <v>118</v>
      </c>
      <c r="E11403">
        <v>2013</v>
      </c>
      <c r="F11403">
        <v>2013</v>
      </c>
      <c r="G11403" t="s">
        <v>125</v>
      </c>
      <c r="H11403" t="s">
        <v>120</v>
      </c>
      <c r="I11403" t="s">
        <v>15</v>
      </c>
      <c r="J11403" s="10">
        <v>12.109222620000001</v>
      </c>
    </row>
    <row r="11404" spans="1:10" x14ac:dyDescent="0.35">
      <c r="A11404" t="s">
        <v>35</v>
      </c>
      <c r="B11404" t="s">
        <v>71</v>
      </c>
      <c r="C11404" t="s">
        <v>117</v>
      </c>
      <c r="D11404" t="s">
        <v>118</v>
      </c>
      <c r="E11404">
        <v>2013</v>
      </c>
      <c r="F11404">
        <v>2013</v>
      </c>
      <c r="G11404" t="s">
        <v>125</v>
      </c>
      <c r="H11404" t="s">
        <v>121</v>
      </c>
      <c r="I11404" t="s">
        <v>15</v>
      </c>
      <c r="J11404" s="10">
        <v>31.880746729999998</v>
      </c>
    </row>
    <row r="11405" spans="1:10" x14ac:dyDescent="0.35">
      <c r="A11405" t="s">
        <v>35</v>
      </c>
      <c r="B11405" t="s">
        <v>71</v>
      </c>
      <c r="C11405" t="s">
        <v>117</v>
      </c>
      <c r="D11405" t="s">
        <v>118</v>
      </c>
      <c r="E11405">
        <v>2013</v>
      </c>
      <c r="F11405">
        <v>2013</v>
      </c>
      <c r="G11405" t="s">
        <v>125</v>
      </c>
      <c r="H11405" t="s">
        <v>122</v>
      </c>
      <c r="I11405" t="s">
        <v>15</v>
      </c>
      <c r="J11405" s="10">
        <v>21.797157980000001</v>
      </c>
    </row>
    <row r="11406" spans="1:10" x14ac:dyDescent="0.35">
      <c r="A11406" t="s">
        <v>35</v>
      </c>
      <c r="B11406" t="s">
        <v>71</v>
      </c>
      <c r="C11406" t="s">
        <v>117</v>
      </c>
      <c r="D11406" t="s">
        <v>118</v>
      </c>
      <c r="E11406">
        <v>2013</v>
      </c>
      <c r="F11406">
        <v>2013</v>
      </c>
      <c r="G11406" t="s">
        <v>125</v>
      </c>
      <c r="H11406" t="s">
        <v>123</v>
      </c>
      <c r="I11406" t="s">
        <v>15</v>
      </c>
      <c r="J11406" s="10">
        <v>15.146280300000001</v>
      </c>
    </row>
    <row r="11407" spans="1:10" x14ac:dyDescent="0.35">
      <c r="A11407" t="s">
        <v>35</v>
      </c>
      <c r="B11407" t="s">
        <v>71</v>
      </c>
      <c r="C11407" t="s">
        <v>117</v>
      </c>
      <c r="D11407" t="s">
        <v>118</v>
      </c>
      <c r="E11407">
        <v>2013</v>
      </c>
      <c r="F11407">
        <v>2013</v>
      </c>
      <c r="G11407" t="s">
        <v>125</v>
      </c>
      <c r="H11407" t="s">
        <v>124</v>
      </c>
      <c r="I11407" t="s">
        <v>15</v>
      </c>
      <c r="J11407" s="10">
        <v>1.3346336029999999</v>
      </c>
    </row>
    <row r="11408" spans="1:10" x14ac:dyDescent="0.35">
      <c r="A11408" t="s">
        <v>35</v>
      </c>
      <c r="B11408" t="s">
        <v>71</v>
      </c>
      <c r="C11408" t="s">
        <v>117</v>
      </c>
      <c r="D11408" t="s">
        <v>118</v>
      </c>
      <c r="E11408">
        <v>2013</v>
      </c>
      <c r="F11408">
        <v>2013</v>
      </c>
      <c r="G11408" t="s">
        <v>126</v>
      </c>
      <c r="H11408" t="s">
        <v>119</v>
      </c>
      <c r="I11408" t="s">
        <v>15</v>
      </c>
      <c r="J11408" s="10">
        <v>15.224170539999999</v>
      </c>
    </row>
    <row r="11409" spans="1:10" x14ac:dyDescent="0.35">
      <c r="A11409" t="s">
        <v>35</v>
      </c>
      <c r="B11409" t="s">
        <v>71</v>
      </c>
      <c r="C11409" t="s">
        <v>117</v>
      </c>
      <c r="D11409" t="s">
        <v>118</v>
      </c>
      <c r="E11409">
        <v>2013</v>
      </c>
      <c r="F11409">
        <v>2013</v>
      </c>
      <c r="G11409" t="s">
        <v>126</v>
      </c>
      <c r="H11409" t="s">
        <v>120</v>
      </c>
      <c r="I11409" t="s">
        <v>15</v>
      </c>
      <c r="J11409" s="10">
        <v>10.60017382</v>
      </c>
    </row>
    <row r="11410" spans="1:10" x14ac:dyDescent="0.35">
      <c r="A11410" t="s">
        <v>35</v>
      </c>
      <c r="B11410" t="s">
        <v>71</v>
      </c>
      <c r="C11410" t="s">
        <v>117</v>
      </c>
      <c r="D11410" t="s">
        <v>118</v>
      </c>
      <c r="E11410">
        <v>2013</v>
      </c>
      <c r="F11410">
        <v>2013</v>
      </c>
      <c r="G11410" t="s">
        <v>126</v>
      </c>
      <c r="H11410" t="s">
        <v>121</v>
      </c>
      <c r="I11410" t="s">
        <v>15</v>
      </c>
      <c r="J11410" s="10">
        <v>31.948775619999999</v>
      </c>
    </row>
    <row r="11411" spans="1:10" x14ac:dyDescent="0.35">
      <c r="A11411" t="s">
        <v>35</v>
      </c>
      <c r="B11411" t="s">
        <v>71</v>
      </c>
      <c r="C11411" t="s">
        <v>117</v>
      </c>
      <c r="D11411" t="s">
        <v>118</v>
      </c>
      <c r="E11411">
        <v>2013</v>
      </c>
      <c r="F11411">
        <v>2013</v>
      </c>
      <c r="G11411" t="s">
        <v>126</v>
      </c>
      <c r="H11411" t="s">
        <v>122</v>
      </c>
      <c r="I11411" t="s">
        <v>15</v>
      </c>
      <c r="J11411" s="10">
        <v>21.21312816</v>
      </c>
    </row>
    <row r="11412" spans="1:10" x14ac:dyDescent="0.35">
      <c r="A11412" t="s">
        <v>35</v>
      </c>
      <c r="B11412" t="s">
        <v>71</v>
      </c>
      <c r="C11412" t="s">
        <v>117</v>
      </c>
      <c r="D11412" t="s">
        <v>118</v>
      </c>
      <c r="E11412">
        <v>2013</v>
      </c>
      <c r="F11412">
        <v>2013</v>
      </c>
      <c r="G11412" t="s">
        <v>126</v>
      </c>
      <c r="H11412" t="s">
        <v>123</v>
      </c>
      <c r="I11412" t="s">
        <v>15</v>
      </c>
      <c r="J11412" s="10">
        <v>18.0997904</v>
      </c>
    </row>
    <row r="11413" spans="1:10" x14ac:dyDescent="0.35">
      <c r="A11413" t="s">
        <v>35</v>
      </c>
      <c r="B11413" t="s">
        <v>71</v>
      </c>
      <c r="C11413" t="s">
        <v>117</v>
      </c>
      <c r="D11413" t="s">
        <v>118</v>
      </c>
      <c r="E11413">
        <v>2013</v>
      </c>
      <c r="F11413">
        <v>2013</v>
      </c>
      <c r="G11413" t="s">
        <v>126</v>
      </c>
      <c r="H11413" t="s">
        <v>124</v>
      </c>
      <c r="I11413" t="s">
        <v>15</v>
      </c>
      <c r="J11413" s="10">
        <v>2.9139614539999998</v>
      </c>
    </row>
    <row r="11414" spans="1:10" x14ac:dyDescent="0.35">
      <c r="A11414" t="s">
        <v>35</v>
      </c>
      <c r="B11414" t="s">
        <v>71</v>
      </c>
      <c r="C11414" t="s">
        <v>117</v>
      </c>
      <c r="D11414" t="s">
        <v>118</v>
      </c>
      <c r="E11414">
        <v>2012</v>
      </c>
      <c r="F11414">
        <v>2012</v>
      </c>
      <c r="G11414" t="s">
        <v>14</v>
      </c>
      <c r="H11414" t="s">
        <v>119</v>
      </c>
      <c r="I11414" t="s">
        <v>15</v>
      </c>
      <c r="J11414" s="10">
        <v>16.516170089999999</v>
      </c>
    </row>
    <row r="11415" spans="1:10" x14ac:dyDescent="0.35">
      <c r="A11415" t="s">
        <v>35</v>
      </c>
      <c r="B11415" t="s">
        <v>71</v>
      </c>
      <c r="C11415" t="s">
        <v>117</v>
      </c>
      <c r="D11415" t="s">
        <v>118</v>
      </c>
      <c r="E11415">
        <v>2012</v>
      </c>
      <c r="F11415">
        <v>2012</v>
      </c>
      <c r="G11415" t="s">
        <v>14</v>
      </c>
      <c r="H11415" t="s">
        <v>120</v>
      </c>
      <c r="I11415" t="s">
        <v>15</v>
      </c>
      <c r="J11415" s="10">
        <v>11.44171738</v>
      </c>
    </row>
    <row r="11416" spans="1:10" x14ac:dyDescent="0.35">
      <c r="A11416" t="s">
        <v>35</v>
      </c>
      <c r="B11416" t="s">
        <v>71</v>
      </c>
      <c r="C11416" t="s">
        <v>117</v>
      </c>
      <c r="D11416" t="s">
        <v>118</v>
      </c>
      <c r="E11416">
        <v>2012</v>
      </c>
      <c r="F11416">
        <v>2012</v>
      </c>
      <c r="G11416" t="s">
        <v>14</v>
      </c>
      <c r="H11416" t="s">
        <v>121</v>
      </c>
      <c r="I11416" t="s">
        <v>15</v>
      </c>
      <c r="J11416" s="10">
        <v>32.488696179999998</v>
      </c>
    </row>
    <row r="11417" spans="1:10" x14ac:dyDescent="0.35">
      <c r="A11417" t="s">
        <v>35</v>
      </c>
      <c r="B11417" t="s">
        <v>71</v>
      </c>
      <c r="C11417" t="s">
        <v>117</v>
      </c>
      <c r="D11417" t="s">
        <v>118</v>
      </c>
      <c r="E11417">
        <v>2012</v>
      </c>
      <c r="F11417">
        <v>2012</v>
      </c>
      <c r="G11417" t="s">
        <v>14</v>
      </c>
      <c r="H11417" t="s">
        <v>122</v>
      </c>
      <c r="I11417" t="s">
        <v>15</v>
      </c>
      <c r="J11417" s="10">
        <v>21.035045149999998</v>
      </c>
    </row>
    <row r="11418" spans="1:10" x14ac:dyDescent="0.35">
      <c r="A11418" t="s">
        <v>35</v>
      </c>
      <c r="B11418" t="s">
        <v>71</v>
      </c>
      <c r="C11418" t="s">
        <v>117</v>
      </c>
      <c r="D11418" t="s">
        <v>118</v>
      </c>
      <c r="E11418">
        <v>2012</v>
      </c>
      <c r="F11418">
        <v>2012</v>
      </c>
      <c r="G11418" t="s">
        <v>14</v>
      </c>
      <c r="H11418" t="s">
        <v>123</v>
      </c>
      <c r="I11418" t="s">
        <v>15</v>
      </c>
      <c r="J11418" s="10">
        <v>16.341143240000001</v>
      </c>
    </row>
    <row r="11419" spans="1:10" x14ac:dyDescent="0.35">
      <c r="A11419" t="s">
        <v>35</v>
      </c>
      <c r="B11419" t="s">
        <v>71</v>
      </c>
      <c r="C11419" t="s">
        <v>117</v>
      </c>
      <c r="D11419" t="s">
        <v>118</v>
      </c>
      <c r="E11419">
        <v>2012</v>
      </c>
      <c r="F11419">
        <v>2012</v>
      </c>
      <c r="G11419" t="s">
        <v>14</v>
      </c>
      <c r="H11419" t="s">
        <v>124</v>
      </c>
      <c r="I11419" t="s">
        <v>15</v>
      </c>
      <c r="J11419" s="10">
        <v>2.1772279459999999</v>
      </c>
    </row>
    <row r="11420" spans="1:10" x14ac:dyDescent="0.35">
      <c r="A11420" t="s">
        <v>35</v>
      </c>
      <c r="B11420" t="s">
        <v>71</v>
      </c>
      <c r="C11420" t="s">
        <v>117</v>
      </c>
      <c r="D11420" t="s">
        <v>118</v>
      </c>
      <c r="E11420">
        <v>2012</v>
      </c>
      <c r="F11420">
        <v>2012</v>
      </c>
      <c r="G11420" t="s">
        <v>125</v>
      </c>
      <c r="H11420" t="s">
        <v>119</v>
      </c>
      <c r="I11420" t="s">
        <v>15</v>
      </c>
      <c r="J11420" s="10">
        <v>17.923273089999999</v>
      </c>
    </row>
    <row r="11421" spans="1:10" x14ac:dyDescent="0.35">
      <c r="A11421" t="s">
        <v>35</v>
      </c>
      <c r="B11421" t="s">
        <v>71</v>
      </c>
      <c r="C11421" t="s">
        <v>117</v>
      </c>
      <c r="D11421" t="s">
        <v>118</v>
      </c>
      <c r="E11421">
        <v>2012</v>
      </c>
      <c r="F11421">
        <v>2012</v>
      </c>
      <c r="G11421" t="s">
        <v>125</v>
      </c>
      <c r="H11421" t="s">
        <v>120</v>
      </c>
      <c r="I11421" t="s">
        <v>15</v>
      </c>
      <c r="J11421" s="10">
        <v>12.15766715</v>
      </c>
    </row>
    <row r="11422" spans="1:10" x14ac:dyDescent="0.35">
      <c r="A11422" t="s">
        <v>35</v>
      </c>
      <c r="B11422" t="s">
        <v>71</v>
      </c>
      <c r="C11422" t="s">
        <v>117</v>
      </c>
      <c r="D11422" t="s">
        <v>118</v>
      </c>
      <c r="E11422">
        <v>2012</v>
      </c>
      <c r="F11422">
        <v>2012</v>
      </c>
      <c r="G11422" t="s">
        <v>125</v>
      </c>
      <c r="H11422" t="s">
        <v>121</v>
      </c>
      <c r="I11422" t="s">
        <v>15</v>
      </c>
      <c r="J11422" s="10">
        <v>32.556270099999999</v>
      </c>
    </row>
    <row r="11423" spans="1:10" x14ac:dyDescent="0.35">
      <c r="A11423" t="s">
        <v>35</v>
      </c>
      <c r="B11423" t="s">
        <v>71</v>
      </c>
      <c r="C11423" t="s">
        <v>117</v>
      </c>
      <c r="D11423" t="s">
        <v>118</v>
      </c>
      <c r="E11423">
        <v>2012</v>
      </c>
      <c r="F11423">
        <v>2012</v>
      </c>
      <c r="G11423" t="s">
        <v>125</v>
      </c>
      <c r="H11423" t="s">
        <v>122</v>
      </c>
      <c r="I11423" t="s">
        <v>15</v>
      </c>
      <c r="J11423" s="10">
        <v>21.288391170000001</v>
      </c>
    </row>
    <row r="11424" spans="1:10" x14ac:dyDescent="0.35">
      <c r="A11424" t="s">
        <v>35</v>
      </c>
      <c r="B11424" t="s">
        <v>71</v>
      </c>
      <c r="C11424" t="s">
        <v>117</v>
      </c>
      <c r="D11424" t="s">
        <v>118</v>
      </c>
      <c r="E11424">
        <v>2012</v>
      </c>
      <c r="F11424">
        <v>2012</v>
      </c>
      <c r="G11424" t="s">
        <v>125</v>
      </c>
      <c r="H11424" t="s">
        <v>123</v>
      </c>
      <c r="I11424" t="s">
        <v>15</v>
      </c>
      <c r="J11424" s="10">
        <v>14.79376871</v>
      </c>
    </row>
    <row r="11425" spans="1:10" x14ac:dyDescent="0.35">
      <c r="A11425" t="s">
        <v>35</v>
      </c>
      <c r="B11425" t="s">
        <v>71</v>
      </c>
      <c r="C11425" t="s">
        <v>117</v>
      </c>
      <c r="D11425" t="s">
        <v>118</v>
      </c>
      <c r="E11425">
        <v>2012</v>
      </c>
      <c r="F11425">
        <v>2012</v>
      </c>
      <c r="G11425" t="s">
        <v>125</v>
      </c>
      <c r="H11425" t="s">
        <v>124</v>
      </c>
      <c r="I11425" t="s">
        <v>15</v>
      </c>
      <c r="J11425" s="10">
        <v>1.2806297820000001</v>
      </c>
    </row>
    <row r="11426" spans="1:10" x14ac:dyDescent="0.35">
      <c r="A11426" t="s">
        <v>35</v>
      </c>
      <c r="B11426" t="s">
        <v>71</v>
      </c>
      <c r="C11426" t="s">
        <v>117</v>
      </c>
      <c r="D11426" t="s">
        <v>118</v>
      </c>
      <c r="E11426">
        <v>2012</v>
      </c>
      <c r="F11426">
        <v>2012</v>
      </c>
      <c r="G11426" t="s">
        <v>126</v>
      </c>
      <c r="H11426" t="s">
        <v>119</v>
      </c>
      <c r="I11426" t="s">
        <v>15</v>
      </c>
      <c r="J11426" s="10">
        <v>15.225845809999999</v>
      </c>
    </row>
    <row r="11427" spans="1:10" x14ac:dyDescent="0.35">
      <c r="A11427" t="s">
        <v>35</v>
      </c>
      <c r="B11427" t="s">
        <v>71</v>
      </c>
      <c r="C11427" t="s">
        <v>117</v>
      </c>
      <c r="D11427" t="s">
        <v>118</v>
      </c>
      <c r="E11427">
        <v>2012</v>
      </c>
      <c r="F11427">
        <v>2012</v>
      </c>
      <c r="G11427" t="s">
        <v>126</v>
      </c>
      <c r="H11427" t="s">
        <v>120</v>
      </c>
      <c r="I11427" t="s">
        <v>15</v>
      </c>
      <c r="J11427" s="10">
        <v>10.78518594</v>
      </c>
    </row>
    <row r="11428" spans="1:10" x14ac:dyDescent="0.35">
      <c r="A11428" t="s">
        <v>35</v>
      </c>
      <c r="B11428" t="s">
        <v>71</v>
      </c>
      <c r="C11428" t="s">
        <v>117</v>
      </c>
      <c r="D11428" t="s">
        <v>118</v>
      </c>
      <c r="E11428">
        <v>2012</v>
      </c>
      <c r="F11428">
        <v>2012</v>
      </c>
      <c r="G11428" t="s">
        <v>126</v>
      </c>
      <c r="H11428" t="s">
        <v>121</v>
      </c>
      <c r="I11428" t="s">
        <v>15</v>
      </c>
      <c r="J11428" s="10">
        <v>32.426730380000002</v>
      </c>
    </row>
    <row r="11429" spans="1:10" x14ac:dyDescent="0.35">
      <c r="A11429" t="s">
        <v>35</v>
      </c>
      <c r="B11429" t="s">
        <v>71</v>
      </c>
      <c r="C11429" t="s">
        <v>117</v>
      </c>
      <c r="D11429" t="s">
        <v>118</v>
      </c>
      <c r="E11429">
        <v>2012</v>
      </c>
      <c r="F11429">
        <v>2012</v>
      </c>
      <c r="G11429" t="s">
        <v>126</v>
      </c>
      <c r="H11429" t="s">
        <v>122</v>
      </c>
      <c r="I11429" t="s">
        <v>15</v>
      </c>
      <c r="J11429" s="10">
        <v>20.80272489</v>
      </c>
    </row>
    <row r="11430" spans="1:10" x14ac:dyDescent="0.35">
      <c r="A11430" t="s">
        <v>35</v>
      </c>
      <c r="B11430" t="s">
        <v>71</v>
      </c>
      <c r="C11430" t="s">
        <v>117</v>
      </c>
      <c r="D11430" t="s">
        <v>118</v>
      </c>
      <c r="E11430">
        <v>2012</v>
      </c>
      <c r="F11430">
        <v>2012</v>
      </c>
      <c r="G11430" t="s">
        <v>126</v>
      </c>
      <c r="H11430" t="s">
        <v>123</v>
      </c>
      <c r="I11430" t="s">
        <v>15</v>
      </c>
      <c r="J11430" s="10">
        <v>17.760097609999999</v>
      </c>
    </row>
    <row r="11431" spans="1:10" x14ac:dyDescent="0.35">
      <c r="A11431" t="s">
        <v>35</v>
      </c>
      <c r="B11431" t="s">
        <v>71</v>
      </c>
      <c r="C11431" t="s">
        <v>117</v>
      </c>
      <c r="D11431" t="s">
        <v>118</v>
      </c>
      <c r="E11431">
        <v>2012</v>
      </c>
      <c r="F11431">
        <v>2012</v>
      </c>
      <c r="G11431" t="s">
        <v>126</v>
      </c>
      <c r="H11431" t="s">
        <v>124</v>
      </c>
      <c r="I11431" t="s">
        <v>15</v>
      </c>
      <c r="J11431" s="10">
        <v>2.9994153680000002</v>
      </c>
    </row>
    <row r="11432" spans="1:10" x14ac:dyDescent="0.35">
      <c r="A11432" t="s">
        <v>35</v>
      </c>
      <c r="B11432" t="s">
        <v>71</v>
      </c>
      <c r="C11432" t="s">
        <v>117</v>
      </c>
      <c r="D11432" t="s">
        <v>118</v>
      </c>
      <c r="E11432">
        <v>2011</v>
      </c>
      <c r="F11432">
        <v>2011</v>
      </c>
      <c r="G11432" t="s">
        <v>14</v>
      </c>
      <c r="H11432" t="s">
        <v>119</v>
      </c>
      <c r="I11432" t="s">
        <v>15</v>
      </c>
      <c r="J11432" s="10">
        <v>16.76099718</v>
      </c>
    </row>
    <row r="11433" spans="1:10" x14ac:dyDescent="0.35">
      <c r="A11433" t="s">
        <v>35</v>
      </c>
      <c r="B11433" t="s">
        <v>71</v>
      </c>
      <c r="C11433" t="s">
        <v>117</v>
      </c>
      <c r="D11433" t="s">
        <v>118</v>
      </c>
      <c r="E11433">
        <v>2011</v>
      </c>
      <c r="F11433">
        <v>2011</v>
      </c>
      <c r="G11433" t="s">
        <v>14</v>
      </c>
      <c r="H11433" t="s">
        <v>120</v>
      </c>
      <c r="I11433" t="s">
        <v>15</v>
      </c>
      <c r="J11433" s="10">
        <v>11.402585090000001</v>
      </c>
    </row>
    <row r="11434" spans="1:10" x14ac:dyDescent="0.35">
      <c r="A11434" t="s">
        <v>35</v>
      </c>
      <c r="B11434" t="s">
        <v>71</v>
      </c>
      <c r="C11434" t="s">
        <v>117</v>
      </c>
      <c r="D11434" t="s">
        <v>118</v>
      </c>
      <c r="E11434">
        <v>2011</v>
      </c>
      <c r="F11434">
        <v>2011</v>
      </c>
      <c r="G11434" t="s">
        <v>14</v>
      </c>
      <c r="H11434" t="s">
        <v>121</v>
      </c>
      <c r="I11434" t="s">
        <v>15</v>
      </c>
      <c r="J11434" s="10">
        <v>33.116592519999998</v>
      </c>
    </row>
    <row r="11435" spans="1:10" x14ac:dyDescent="0.35">
      <c r="A11435" t="s">
        <v>35</v>
      </c>
      <c r="B11435" t="s">
        <v>71</v>
      </c>
      <c r="C11435" t="s">
        <v>117</v>
      </c>
      <c r="D11435" t="s">
        <v>118</v>
      </c>
      <c r="E11435">
        <v>2011</v>
      </c>
      <c r="F11435">
        <v>2011</v>
      </c>
      <c r="G11435" t="s">
        <v>14</v>
      </c>
      <c r="H11435" t="s">
        <v>122</v>
      </c>
      <c r="I11435" t="s">
        <v>15</v>
      </c>
      <c r="J11435" s="10">
        <v>20.750519910000001</v>
      </c>
    </row>
    <row r="11436" spans="1:10" x14ac:dyDescent="0.35">
      <c r="A11436" t="s">
        <v>35</v>
      </c>
      <c r="B11436" t="s">
        <v>71</v>
      </c>
      <c r="C11436" t="s">
        <v>117</v>
      </c>
      <c r="D11436" t="s">
        <v>118</v>
      </c>
      <c r="E11436">
        <v>2011</v>
      </c>
      <c r="F11436">
        <v>2011</v>
      </c>
      <c r="G11436" t="s">
        <v>14</v>
      </c>
      <c r="H11436" t="s">
        <v>123</v>
      </c>
      <c r="I11436" t="s">
        <v>15</v>
      </c>
      <c r="J11436" s="10">
        <v>15.858056700000001</v>
      </c>
    </row>
    <row r="11437" spans="1:10" x14ac:dyDescent="0.35">
      <c r="A11437" t="s">
        <v>35</v>
      </c>
      <c r="B11437" t="s">
        <v>71</v>
      </c>
      <c r="C11437" t="s">
        <v>117</v>
      </c>
      <c r="D11437" t="s">
        <v>118</v>
      </c>
      <c r="E11437">
        <v>2011</v>
      </c>
      <c r="F11437">
        <v>2011</v>
      </c>
      <c r="G11437" t="s">
        <v>14</v>
      </c>
      <c r="H11437" t="s">
        <v>124</v>
      </c>
      <c r="I11437" t="s">
        <v>15</v>
      </c>
      <c r="J11437" s="10">
        <v>2.1112485849999998</v>
      </c>
    </row>
    <row r="11438" spans="1:10" x14ac:dyDescent="0.35">
      <c r="A11438" t="s">
        <v>35</v>
      </c>
      <c r="B11438" t="s">
        <v>71</v>
      </c>
      <c r="C11438" t="s">
        <v>117</v>
      </c>
      <c r="D11438" t="s">
        <v>118</v>
      </c>
      <c r="E11438">
        <v>2011</v>
      </c>
      <c r="F11438">
        <v>2011</v>
      </c>
      <c r="G11438" t="s">
        <v>125</v>
      </c>
      <c r="H11438" t="s">
        <v>119</v>
      </c>
      <c r="I11438" t="s">
        <v>15</v>
      </c>
      <c r="J11438" s="10">
        <v>18.193321229999999</v>
      </c>
    </row>
    <row r="11439" spans="1:10" x14ac:dyDescent="0.35">
      <c r="A11439" t="s">
        <v>35</v>
      </c>
      <c r="B11439" t="s">
        <v>71</v>
      </c>
      <c r="C11439" t="s">
        <v>117</v>
      </c>
      <c r="D11439" t="s">
        <v>118</v>
      </c>
      <c r="E11439">
        <v>2011</v>
      </c>
      <c r="F11439">
        <v>2011</v>
      </c>
      <c r="G11439" t="s">
        <v>125</v>
      </c>
      <c r="H11439" t="s">
        <v>120</v>
      </c>
      <c r="I11439" t="s">
        <v>15</v>
      </c>
      <c r="J11439" s="10">
        <v>12.13346537</v>
      </c>
    </row>
    <row r="11440" spans="1:10" x14ac:dyDescent="0.35">
      <c r="A11440" t="s">
        <v>35</v>
      </c>
      <c r="B11440" t="s">
        <v>71</v>
      </c>
      <c r="C11440" t="s">
        <v>117</v>
      </c>
      <c r="D11440" t="s">
        <v>118</v>
      </c>
      <c r="E11440">
        <v>2011</v>
      </c>
      <c r="F11440">
        <v>2011</v>
      </c>
      <c r="G11440" t="s">
        <v>125</v>
      </c>
      <c r="H11440" t="s">
        <v>121</v>
      </c>
      <c r="I11440" t="s">
        <v>15</v>
      </c>
      <c r="J11440" s="10">
        <v>33.303075309999997</v>
      </c>
    </row>
    <row r="11441" spans="1:10" x14ac:dyDescent="0.35">
      <c r="A11441" t="s">
        <v>35</v>
      </c>
      <c r="B11441" t="s">
        <v>71</v>
      </c>
      <c r="C11441" t="s">
        <v>117</v>
      </c>
      <c r="D11441" t="s">
        <v>118</v>
      </c>
      <c r="E11441">
        <v>2011</v>
      </c>
      <c r="F11441">
        <v>2011</v>
      </c>
      <c r="G11441" t="s">
        <v>125</v>
      </c>
      <c r="H11441" t="s">
        <v>122</v>
      </c>
      <c r="I11441" t="s">
        <v>15</v>
      </c>
      <c r="J11441" s="10">
        <v>20.924795069999998</v>
      </c>
    </row>
    <row r="11442" spans="1:10" x14ac:dyDescent="0.35">
      <c r="A11442" t="s">
        <v>35</v>
      </c>
      <c r="B11442" t="s">
        <v>71</v>
      </c>
      <c r="C11442" t="s">
        <v>117</v>
      </c>
      <c r="D11442" t="s">
        <v>118</v>
      </c>
      <c r="E11442">
        <v>2011</v>
      </c>
      <c r="F11442">
        <v>2011</v>
      </c>
      <c r="G11442" t="s">
        <v>125</v>
      </c>
      <c r="H11442" t="s">
        <v>123</v>
      </c>
      <c r="I11442" t="s">
        <v>15</v>
      </c>
      <c r="J11442" s="10">
        <v>14.169004790000001</v>
      </c>
    </row>
    <row r="11443" spans="1:10" x14ac:dyDescent="0.35">
      <c r="A11443" t="s">
        <v>35</v>
      </c>
      <c r="B11443" t="s">
        <v>71</v>
      </c>
      <c r="C11443" t="s">
        <v>117</v>
      </c>
      <c r="D11443" t="s">
        <v>118</v>
      </c>
      <c r="E11443">
        <v>2011</v>
      </c>
      <c r="F11443">
        <v>2011</v>
      </c>
      <c r="G11443" t="s">
        <v>125</v>
      </c>
      <c r="H11443" t="s">
        <v>124</v>
      </c>
      <c r="I11443" t="s">
        <v>15</v>
      </c>
      <c r="J11443" s="10">
        <v>1.2763382299999999</v>
      </c>
    </row>
    <row r="11444" spans="1:10" x14ac:dyDescent="0.35">
      <c r="A11444" t="s">
        <v>35</v>
      </c>
      <c r="B11444" t="s">
        <v>71</v>
      </c>
      <c r="C11444" t="s">
        <v>117</v>
      </c>
      <c r="D11444" t="s">
        <v>118</v>
      </c>
      <c r="E11444">
        <v>2011</v>
      </c>
      <c r="F11444">
        <v>2011</v>
      </c>
      <c r="G11444" t="s">
        <v>126</v>
      </c>
      <c r="H11444" t="s">
        <v>119</v>
      </c>
      <c r="I11444" t="s">
        <v>15</v>
      </c>
      <c r="J11444" s="10">
        <v>15.446744069999999</v>
      </c>
    </row>
    <row r="11445" spans="1:10" x14ac:dyDescent="0.35">
      <c r="A11445" t="s">
        <v>35</v>
      </c>
      <c r="B11445" t="s">
        <v>71</v>
      </c>
      <c r="C11445" t="s">
        <v>117</v>
      </c>
      <c r="D11445" t="s">
        <v>118</v>
      </c>
      <c r="E11445">
        <v>2011</v>
      </c>
      <c r="F11445">
        <v>2011</v>
      </c>
      <c r="G11445" t="s">
        <v>126</v>
      </c>
      <c r="H11445" t="s">
        <v>120</v>
      </c>
      <c r="I11445" t="s">
        <v>15</v>
      </c>
      <c r="J11445" s="10">
        <v>10.731953559999999</v>
      </c>
    </row>
    <row r="11446" spans="1:10" x14ac:dyDescent="0.35">
      <c r="A11446" t="s">
        <v>35</v>
      </c>
      <c r="B11446" t="s">
        <v>71</v>
      </c>
      <c r="C11446" t="s">
        <v>117</v>
      </c>
      <c r="D11446" t="s">
        <v>118</v>
      </c>
      <c r="E11446">
        <v>2011</v>
      </c>
      <c r="F11446">
        <v>2011</v>
      </c>
      <c r="G11446" t="s">
        <v>126</v>
      </c>
      <c r="H11446" t="s">
        <v>121</v>
      </c>
      <c r="I11446" t="s">
        <v>15</v>
      </c>
      <c r="J11446" s="10">
        <v>32.945482079999998</v>
      </c>
    </row>
    <row r="11447" spans="1:10" x14ac:dyDescent="0.35">
      <c r="A11447" t="s">
        <v>35</v>
      </c>
      <c r="B11447" t="s">
        <v>71</v>
      </c>
      <c r="C11447" t="s">
        <v>117</v>
      </c>
      <c r="D11447" t="s">
        <v>118</v>
      </c>
      <c r="E11447">
        <v>2011</v>
      </c>
      <c r="F11447">
        <v>2011</v>
      </c>
      <c r="G11447" t="s">
        <v>126</v>
      </c>
      <c r="H11447" t="s">
        <v>122</v>
      </c>
      <c r="I11447" t="s">
        <v>15</v>
      </c>
      <c r="J11447" s="10">
        <v>20.5906108</v>
      </c>
    </row>
    <row r="11448" spans="1:10" x14ac:dyDescent="0.35">
      <c r="A11448" t="s">
        <v>35</v>
      </c>
      <c r="B11448" t="s">
        <v>71</v>
      </c>
      <c r="C11448" t="s">
        <v>117</v>
      </c>
      <c r="D11448" t="s">
        <v>118</v>
      </c>
      <c r="E11448">
        <v>2011</v>
      </c>
      <c r="F11448">
        <v>2011</v>
      </c>
      <c r="G11448" t="s">
        <v>126</v>
      </c>
      <c r="H11448" t="s">
        <v>123</v>
      </c>
      <c r="I11448" t="s">
        <v>15</v>
      </c>
      <c r="J11448" s="10">
        <v>17.407874809999999</v>
      </c>
    </row>
    <row r="11449" spans="1:10" x14ac:dyDescent="0.35">
      <c r="A11449" t="s">
        <v>35</v>
      </c>
      <c r="B11449" t="s">
        <v>71</v>
      </c>
      <c r="C11449" t="s">
        <v>117</v>
      </c>
      <c r="D11449" t="s">
        <v>118</v>
      </c>
      <c r="E11449">
        <v>2011</v>
      </c>
      <c r="F11449">
        <v>2011</v>
      </c>
      <c r="G11449" t="s">
        <v>126</v>
      </c>
      <c r="H11449" t="s">
        <v>124</v>
      </c>
      <c r="I11449" t="s">
        <v>15</v>
      </c>
      <c r="J11449" s="10">
        <v>2.8773346790000001</v>
      </c>
    </row>
    <row r="11450" spans="1:10" x14ac:dyDescent="0.35">
      <c r="A11450" t="s">
        <v>20</v>
      </c>
      <c r="B11450" t="s">
        <v>72</v>
      </c>
      <c r="C11450" t="s">
        <v>117</v>
      </c>
      <c r="D11450" t="s">
        <v>118</v>
      </c>
      <c r="E11450">
        <v>2020</v>
      </c>
      <c r="F11450">
        <v>2020</v>
      </c>
      <c r="G11450" t="s">
        <v>14</v>
      </c>
      <c r="H11450" t="s">
        <v>119</v>
      </c>
      <c r="I11450" t="s">
        <v>15</v>
      </c>
      <c r="J11450" s="10">
        <v>17.602307799999998</v>
      </c>
    </row>
    <row r="11451" spans="1:10" x14ac:dyDescent="0.35">
      <c r="A11451" t="s">
        <v>20</v>
      </c>
      <c r="B11451" t="s">
        <v>72</v>
      </c>
      <c r="C11451" t="s">
        <v>117</v>
      </c>
      <c r="D11451" t="s">
        <v>118</v>
      </c>
      <c r="E11451">
        <v>2020</v>
      </c>
      <c r="F11451">
        <v>2020</v>
      </c>
      <c r="G11451" t="s">
        <v>14</v>
      </c>
      <c r="H11451" t="s">
        <v>120</v>
      </c>
      <c r="I11451" t="s">
        <v>15</v>
      </c>
      <c r="J11451" s="10">
        <v>9.6927411780000003</v>
      </c>
    </row>
    <row r="11452" spans="1:10" x14ac:dyDescent="0.35">
      <c r="A11452" t="s">
        <v>20</v>
      </c>
      <c r="B11452" t="s">
        <v>72</v>
      </c>
      <c r="C11452" t="s">
        <v>117</v>
      </c>
      <c r="D11452" t="s">
        <v>118</v>
      </c>
      <c r="E11452">
        <v>2020</v>
      </c>
      <c r="F11452">
        <v>2020</v>
      </c>
      <c r="G11452" t="s">
        <v>14</v>
      </c>
      <c r="H11452" t="s">
        <v>121</v>
      </c>
      <c r="I11452" t="s">
        <v>15</v>
      </c>
      <c r="J11452" s="10">
        <v>31.926740909999999</v>
      </c>
    </row>
    <row r="11453" spans="1:10" x14ac:dyDescent="0.35">
      <c r="A11453" t="s">
        <v>20</v>
      </c>
      <c r="B11453" t="s">
        <v>72</v>
      </c>
      <c r="C11453" t="s">
        <v>117</v>
      </c>
      <c r="D11453" t="s">
        <v>118</v>
      </c>
      <c r="E11453">
        <v>2020</v>
      </c>
      <c r="F11453">
        <v>2020</v>
      </c>
      <c r="G11453" t="s">
        <v>14</v>
      </c>
      <c r="H11453" t="s">
        <v>122</v>
      </c>
      <c r="I11453" t="s">
        <v>15</v>
      </c>
      <c r="J11453" s="10">
        <v>21.551053270000001</v>
      </c>
    </row>
    <row r="11454" spans="1:10" x14ac:dyDescent="0.35">
      <c r="A11454" t="s">
        <v>20</v>
      </c>
      <c r="B11454" t="s">
        <v>72</v>
      </c>
      <c r="C11454" t="s">
        <v>117</v>
      </c>
      <c r="D11454" t="s">
        <v>118</v>
      </c>
      <c r="E11454">
        <v>2020</v>
      </c>
      <c r="F11454">
        <v>2020</v>
      </c>
      <c r="G11454" t="s">
        <v>14</v>
      </c>
      <c r="H11454" t="s">
        <v>123</v>
      </c>
      <c r="I11454" t="s">
        <v>15</v>
      </c>
      <c r="J11454" s="10">
        <v>17.20381055</v>
      </c>
    </row>
    <row r="11455" spans="1:10" x14ac:dyDescent="0.35">
      <c r="A11455" t="s">
        <v>20</v>
      </c>
      <c r="B11455" t="s">
        <v>72</v>
      </c>
      <c r="C11455" t="s">
        <v>117</v>
      </c>
      <c r="D11455" t="s">
        <v>118</v>
      </c>
      <c r="E11455">
        <v>2020</v>
      </c>
      <c r="F11455">
        <v>2020</v>
      </c>
      <c r="G11455" t="s">
        <v>14</v>
      </c>
      <c r="H11455" t="s">
        <v>124</v>
      </c>
      <c r="I11455" t="s">
        <v>15</v>
      </c>
      <c r="J11455" s="10">
        <v>2.0233463039999999</v>
      </c>
    </row>
    <row r="11456" spans="1:10" x14ac:dyDescent="0.35">
      <c r="A11456" t="s">
        <v>20</v>
      </c>
      <c r="B11456" t="s">
        <v>72</v>
      </c>
      <c r="C11456" t="s">
        <v>117</v>
      </c>
      <c r="D11456" t="s">
        <v>118</v>
      </c>
      <c r="E11456">
        <v>2020</v>
      </c>
      <c r="F11456">
        <v>2020</v>
      </c>
      <c r="G11456" t="s">
        <v>125</v>
      </c>
      <c r="H11456" t="s">
        <v>119</v>
      </c>
      <c r="I11456" t="s">
        <v>15</v>
      </c>
      <c r="J11456" s="10">
        <v>18.52879944</v>
      </c>
    </row>
    <row r="11457" spans="1:10" x14ac:dyDescent="0.35">
      <c r="A11457" t="s">
        <v>20</v>
      </c>
      <c r="B11457" t="s">
        <v>72</v>
      </c>
      <c r="C11457" t="s">
        <v>117</v>
      </c>
      <c r="D11457" t="s">
        <v>118</v>
      </c>
      <c r="E11457">
        <v>2020</v>
      </c>
      <c r="F11457">
        <v>2020</v>
      </c>
      <c r="G11457" t="s">
        <v>125</v>
      </c>
      <c r="H11457" t="s">
        <v>120</v>
      </c>
      <c r="I11457" t="s">
        <v>15</v>
      </c>
      <c r="J11457" s="10">
        <v>10.19847328</v>
      </c>
    </row>
    <row r="11458" spans="1:10" x14ac:dyDescent="0.35">
      <c r="A11458" t="s">
        <v>20</v>
      </c>
      <c r="B11458" t="s">
        <v>72</v>
      </c>
      <c r="C11458" t="s">
        <v>117</v>
      </c>
      <c r="D11458" t="s">
        <v>118</v>
      </c>
      <c r="E11458">
        <v>2020</v>
      </c>
      <c r="F11458">
        <v>2020</v>
      </c>
      <c r="G11458" t="s">
        <v>125</v>
      </c>
      <c r="H11458" t="s">
        <v>121</v>
      </c>
      <c r="I11458" t="s">
        <v>15</v>
      </c>
      <c r="J11458" s="10">
        <v>32.102706449999999</v>
      </c>
    </row>
    <row r="11459" spans="1:10" x14ac:dyDescent="0.35">
      <c r="A11459" t="s">
        <v>20</v>
      </c>
      <c r="B11459" t="s">
        <v>72</v>
      </c>
      <c r="C11459" t="s">
        <v>117</v>
      </c>
      <c r="D11459" t="s">
        <v>118</v>
      </c>
      <c r="E11459">
        <v>2020</v>
      </c>
      <c r="F11459">
        <v>2020</v>
      </c>
      <c r="G11459" t="s">
        <v>125</v>
      </c>
      <c r="H11459" t="s">
        <v>122</v>
      </c>
      <c r="I11459" t="s">
        <v>15</v>
      </c>
      <c r="J11459" s="10">
        <v>21.3962526</v>
      </c>
    </row>
    <row r="11460" spans="1:10" x14ac:dyDescent="0.35">
      <c r="A11460" t="s">
        <v>20</v>
      </c>
      <c r="B11460" t="s">
        <v>72</v>
      </c>
      <c r="C11460" t="s">
        <v>117</v>
      </c>
      <c r="D11460" t="s">
        <v>118</v>
      </c>
      <c r="E11460">
        <v>2020</v>
      </c>
      <c r="F11460">
        <v>2020</v>
      </c>
      <c r="G11460" t="s">
        <v>125</v>
      </c>
      <c r="H11460" t="s">
        <v>123</v>
      </c>
      <c r="I11460" t="s">
        <v>15</v>
      </c>
      <c r="J11460" s="10">
        <v>16.277585009999999</v>
      </c>
    </row>
    <row r="11461" spans="1:10" x14ac:dyDescent="0.35">
      <c r="A11461" t="s">
        <v>20</v>
      </c>
      <c r="B11461" t="s">
        <v>72</v>
      </c>
      <c r="C11461" t="s">
        <v>117</v>
      </c>
      <c r="D11461" t="s">
        <v>118</v>
      </c>
      <c r="E11461">
        <v>2020</v>
      </c>
      <c r="F11461">
        <v>2020</v>
      </c>
      <c r="G11461" t="s">
        <v>125</v>
      </c>
      <c r="H11461" t="s">
        <v>124</v>
      </c>
      <c r="I11461" t="s">
        <v>15</v>
      </c>
      <c r="J11461" s="10">
        <v>1.496183206</v>
      </c>
    </row>
    <row r="11462" spans="1:10" x14ac:dyDescent="0.35">
      <c r="A11462" t="s">
        <v>20</v>
      </c>
      <c r="B11462" t="s">
        <v>72</v>
      </c>
      <c r="C11462" t="s">
        <v>117</v>
      </c>
      <c r="D11462" t="s">
        <v>118</v>
      </c>
      <c r="E11462">
        <v>2020</v>
      </c>
      <c r="F11462">
        <v>2020</v>
      </c>
      <c r="G11462" t="s">
        <v>126</v>
      </c>
      <c r="H11462" t="s">
        <v>119</v>
      </c>
      <c r="I11462" t="s">
        <v>15</v>
      </c>
      <c r="J11462" s="10">
        <v>16.7354889</v>
      </c>
    </row>
    <row r="11463" spans="1:10" x14ac:dyDescent="0.35">
      <c r="A11463" t="s">
        <v>20</v>
      </c>
      <c r="B11463" t="s">
        <v>72</v>
      </c>
      <c r="C11463" t="s">
        <v>117</v>
      </c>
      <c r="D11463" t="s">
        <v>118</v>
      </c>
      <c r="E11463">
        <v>2020</v>
      </c>
      <c r="F11463">
        <v>2020</v>
      </c>
      <c r="G11463" t="s">
        <v>126</v>
      </c>
      <c r="H11463" t="s">
        <v>120</v>
      </c>
      <c r="I11463" t="s">
        <v>15</v>
      </c>
      <c r="J11463" s="10">
        <v>9.2195818719999991</v>
      </c>
    </row>
    <row r="11464" spans="1:10" x14ac:dyDescent="0.35">
      <c r="A11464" t="s">
        <v>20</v>
      </c>
      <c r="B11464" t="s">
        <v>72</v>
      </c>
      <c r="C11464" t="s">
        <v>117</v>
      </c>
      <c r="D11464" t="s">
        <v>118</v>
      </c>
      <c r="E11464">
        <v>2020</v>
      </c>
      <c r="F11464">
        <v>2020</v>
      </c>
      <c r="G11464" t="s">
        <v>126</v>
      </c>
      <c r="H11464" t="s">
        <v>121</v>
      </c>
      <c r="I11464" t="s">
        <v>15</v>
      </c>
      <c r="J11464" s="10">
        <v>31.762108820000002</v>
      </c>
    </row>
    <row r="11465" spans="1:10" x14ac:dyDescent="0.35">
      <c r="A11465" t="s">
        <v>20</v>
      </c>
      <c r="B11465" t="s">
        <v>72</v>
      </c>
      <c r="C11465" t="s">
        <v>117</v>
      </c>
      <c r="D11465" t="s">
        <v>118</v>
      </c>
      <c r="E11465">
        <v>2020</v>
      </c>
      <c r="F11465">
        <v>2020</v>
      </c>
      <c r="G11465" t="s">
        <v>126</v>
      </c>
      <c r="H11465" t="s">
        <v>122</v>
      </c>
      <c r="I11465" t="s">
        <v>15</v>
      </c>
      <c r="J11465" s="10">
        <v>21.695883649999999</v>
      </c>
    </row>
    <row r="11466" spans="1:10" x14ac:dyDescent="0.35">
      <c r="A11466" t="s">
        <v>20</v>
      </c>
      <c r="B11466" t="s">
        <v>72</v>
      </c>
      <c r="C11466" t="s">
        <v>117</v>
      </c>
      <c r="D11466" t="s">
        <v>118</v>
      </c>
      <c r="E11466">
        <v>2020</v>
      </c>
      <c r="F11466">
        <v>2020</v>
      </c>
      <c r="G11466" t="s">
        <v>126</v>
      </c>
      <c r="H11466" t="s">
        <v>123</v>
      </c>
      <c r="I11466" t="s">
        <v>15</v>
      </c>
      <c r="J11466" s="10">
        <v>18.07038047</v>
      </c>
    </row>
    <row r="11467" spans="1:10" x14ac:dyDescent="0.35">
      <c r="A11467" t="s">
        <v>20</v>
      </c>
      <c r="B11467" t="s">
        <v>72</v>
      </c>
      <c r="C11467" t="s">
        <v>117</v>
      </c>
      <c r="D11467" t="s">
        <v>118</v>
      </c>
      <c r="E11467">
        <v>2020</v>
      </c>
      <c r="F11467">
        <v>2020</v>
      </c>
      <c r="G11467" t="s">
        <v>126</v>
      </c>
      <c r="H11467" t="s">
        <v>124</v>
      </c>
      <c r="I11467" t="s">
        <v>15</v>
      </c>
      <c r="J11467" s="10">
        <v>2.5165562910000001</v>
      </c>
    </row>
    <row r="11468" spans="1:10" x14ac:dyDescent="0.35">
      <c r="A11468" t="s">
        <v>20</v>
      </c>
      <c r="B11468" t="s">
        <v>72</v>
      </c>
      <c r="C11468" t="s">
        <v>117</v>
      </c>
      <c r="D11468" t="s">
        <v>118</v>
      </c>
      <c r="E11468">
        <v>2019</v>
      </c>
      <c r="F11468">
        <v>2019</v>
      </c>
      <c r="G11468" t="s">
        <v>14</v>
      </c>
      <c r="H11468" t="s">
        <v>119</v>
      </c>
      <c r="I11468" t="s">
        <v>15</v>
      </c>
      <c r="J11468" s="10">
        <v>17.626922969999999</v>
      </c>
    </row>
    <row r="11469" spans="1:10" x14ac:dyDescent="0.35">
      <c r="A11469" t="s">
        <v>20</v>
      </c>
      <c r="B11469" t="s">
        <v>72</v>
      </c>
      <c r="C11469" t="s">
        <v>117</v>
      </c>
      <c r="D11469" t="s">
        <v>118</v>
      </c>
      <c r="E11469">
        <v>2019</v>
      </c>
      <c r="F11469">
        <v>2019</v>
      </c>
      <c r="G11469" t="s">
        <v>14</v>
      </c>
      <c r="H11469" t="s">
        <v>120</v>
      </c>
      <c r="I11469" t="s">
        <v>15</v>
      </c>
      <c r="J11469" s="10">
        <v>9.8665664349999993</v>
      </c>
    </row>
    <row r="11470" spans="1:10" x14ac:dyDescent="0.35">
      <c r="A11470" t="s">
        <v>20</v>
      </c>
      <c r="B11470" t="s">
        <v>72</v>
      </c>
      <c r="C11470" t="s">
        <v>117</v>
      </c>
      <c r="D11470" t="s">
        <v>118</v>
      </c>
      <c r="E11470">
        <v>2019</v>
      </c>
      <c r="F11470">
        <v>2019</v>
      </c>
      <c r="G11470" t="s">
        <v>14</v>
      </c>
      <c r="H11470" t="s">
        <v>121</v>
      </c>
      <c r="I11470" t="s">
        <v>15</v>
      </c>
      <c r="J11470" s="10">
        <v>32.112653369999997</v>
      </c>
    </row>
    <row r="11471" spans="1:10" x14ac:dyDescent="0.35">
      <c r="A11471" t="s">
        <v>20</v>
      </c>
      <c r="B11471" t="s">
        <v>72</v>
      </c>
      <c r="C11471" t="s">
        <v>117</v>
      </c>
      <c r="D11471" t="s">
        <v>118</v>
      </c>
      <c r="E11471">
        <v>2019</v>
      </c>
      <c r="F11471">
        <v>2019</v>
      </c>
      <c r="G11471" t="s">
        <v>14</v>
      </c>
      <c r="H11471" t="s">
        <v>122</v>
      </c>
      <c r="I11471" t="s">
        <v>15</v>
      </c>
      <c r="J11471" s="10">
        <v>21.33594652</v>
      </c>
    </row>
    <row r="11472" spans="1:10" x14ac:dyDescent="0.35">
      <c r="A11472" t="s">
        <v>20</v>
      </c>
      <c r="B11472" t="s">
        <v>72</v>
      </c>
      <c r="C11472" t="s">
        <v>117</v>
      </c>
      <c r="D11472" t="s">
        <v>118</v>
      </c>
      <c r="E11472">
        <v>2019</v>
      </c>
      <c r="F11472">
        <v>2019</v>
      </c>
      <c r="G11472" t="s">
        <v>14</v>
      </c>
      <c r="H11472" t="s">
        <v>123</v>
      </c>
      <c r="I11472" t="s">
        <v>15</v>
      </c>
      <c r="J11472" s="10">
        <v>17.06580396</v>
      </c>
    </row>
    <row r="11473" spans="1:10" x14ac:dyDescent="0.35">
      <c r="A11473" t="s">
        <v>20</v>
      </c>
      <c r="B11473" t="s">
        <v>72</v>
      </c>
      <c r="C11473" t="s">
        <v>117</v>
      </c>
      <c r="D11473" t="s">
        <v>118</v>
      </c>
      <c r="E11473">
        <v>2019</v>
      </c>
      <c r="F11473">
        <v>2019</v>
      </c>
      <c r="G11473" t="s">
        <v>14</v>
      </c>
      <c r="H11473" t="s">
        <v>124</v>
      </c>
      <c r="I11473" t="s">
        <v>15</v>
      </c>
      <c r="J11473" s="10">
        <v>1.992106747</v>
      </c>
    </row>
    <row r="11474" spans="1:10" x14ac:dyDescent="0.35">
      <c r="A11474" t="s">
        <v>20</v>
      </c>
      <c r="B11474" t="s">
        <v>72</v>
      </c>
      <c r="C11474" t="s">
        <v>117</v>
      </c>
      <c r="D11474" t="s">
        <v>118</v>
      </c>
      <c r="E11474">
        <v>2019</v>
      </c>
      <c r="F11474">
        <v>2019</v>
      </c>
      <c r="G11474" t="s">
        <v>125</v>
      </c>
      <c r="H11474" t="s">
        <v>119</v>
      </c>
      <c r="I11474" t="s">
        <v>15</v>
      </c>
      <c r="J11474" s="10">
        <v>18.654536350000001</v>
      </c>
    </row>
    <row r="11475" spans="1:10" x14ac:dyDescent="0.35">
      <c r="A11475" t="s">
        <v>20</v>
      </c>
      <c r="B11475" t="s">
        <v>72</v>
      </c>
      <c r="C11475" t="s">
        <v>117</v>
      </c>
      <c r="D11475" t="s">
        <v>118</v>
      </c>
      <c r="E11475">
        <v>2019</v>
      </c>
      <c r="F11475">
        <v>2019</v>
      </c>
      <c r="G11475" t="s">
        <v>125</v>
      </c>
      <c r="H11475" t="s">
        <v>120</v>
      </c>
      <c r="I11475" t="s">
        <v>15</v>
      </c>
      <c r="J11475" s="10">
        <v>10.27738364</v>
      </c>
    </row>
    <row r="11476" spans="1:10" x14ac:dyDescent="0.35">
      <c r="A11476" t="s">
        <v>20</v>
      </c>
      <c r="B11476" t="s">
        <v>72</v>
      </c>
      <c r="C11476" t="s">
        <v>117</v>
      </c>
      <c r="D11476" t="s">
        <v>118</v>
      </c>
      <c r="E11476">
        <v>2019</v>
      </c>
      <c r="F11476">
        <v>2019</v>
      </c>
      <c r="G11476" t="s">
        <v>125</v>
      </c>
      <c r="H11476" t="s">
        <v>121</v>
      </c>
      <c r="I11476" t="s">
        <v>15</v>
      </c>
      <c r="J11476" s="10">
        <v>32.248282000000003</v>
      </c>
    </row>
    <row r="11477" spans="1:10" x14ac:dyDescent="0.35">
      <c r="A11477" t="s">
        <v>20</v>
      </c>
      <c r="B11477" t="s">
        <v>72</v>
      </c>
      <c r="C11477" t="s">
        <v>117</v>
      </c>
      <c r="D11477" t="s">
        <v>118</v>
      </c>
      <c r="E11477">
        <v>2019</v>
      </c>
      <c r="F11477">
        <v>2019</v>
      </c>
      <c r="G11477" t="s">
        <v>125</v>
      </c>
      <c r="H11477" t="s">
        <v>122</v>
      </c>
      <c r="I11477" t="s">
        <v>15</v>
      </c>
      <c r="J11477" s="10">
        <v>21.20301589</v>
      </c>
    </row>
    <row r="11478" spans="1:10" x14ac:dyDescent="0.35">
      <c r="A11478" t="s">
        <v>20</v>
      </c>
      <c r="B11478" t="s">
        <v>72</v>
      </c>
      <c r="C11478" t="s">
        <v>117</v>
      </c>
      <c r="D11478" t="s">
        <v>118</v>
      </c>
      <c r="E11478">
        <v>2019</v>
      </c>
      <c r="F11478">
        <v>2019</v>
      </c>
      <c r="G11478" t="s">
        <v>125</v>
      </c>
      <c r="H11478" t="s">
        <v>123</v>
      </c>
      <c r="I11478" t="s">
        <v>15</v>
      </c>
      <c r="J11478" s="10">
        <v>16.12553209</v>
      </c>
    </row>
    <row r="11479" spans="1:10" x14ac:dyDescent="0.35">
      <c r="A11479" t="s">
        <v>20</v>
      </c>
      <c r="B11479" t="s">
        <v>72</v>
      </c>
      <c r="C11479" t="s">
        <v>117</v>
      </c>
      <c r="D11479" t="s">
        <v>118</v>
      </c>
      <c r="E11479">
        <v>2019</v>
      </c>
      <c r="F11479">
        <v>2019</v>
      </c>
      <c r="G11479" t="s">
        <v>125</v>
      </c>
      <c r="H11479" t="s">
        <v>124</v>
      </c>
      <c r="I11479" t="s">
        <v>15</v>
      </c>
      <c r="J11479" s="10">
        <v>1.491250035</v>
      </c>
    </row>
    <row r="11480" spans="1:10" x14ac:dyDescent="0.35">
      <c r="A11480" t="s">
        <v>20</v>
      </c>
      <c r="B11480" t="s">
        <v>72</v>
      </c>
      <c r="C11480" t="s">
        <v>117</v>
      </c>
      <c r="D11480" t="s">
        <v>118</v>
      </c>
      <c r="E11480">
        <v>2019</v>
      </c>
      <c r="F11480">
        <v>2019</v>
      </c>
      <c r="G11480" t="s">
        <v>126</v>
      </c>
      <c r="H11480" t="s">
        <v>119</v>
      </c>
      <c r="I11480" t="s">
        <v>15</v>
      </c>
      <c r="J11480" s="10">
        <v>16.668828309999999</v>
      </c>
    </row>
    <row r="11481" spans="1:10" x14ac:dyDescent="0.35">
      <c r="A11481" t="s">
        <v>20</v>
      </c>
      <c r="B11481" t="s">
        <v>72</v>
      </c>
      <c r="C11481" t="s">
        <v>117</v>
      </c>
      <c r="D11481" t="s">
        <v>118</v>
      </c>
      <c r="E11481">
        <v>2019</v>
      </c>
      <c r="F11481">
        <v>2019</v>
      </c>
      <c r="G11481" t="s">
        <v>126</v>
      </c>
      <c r="H11481" t="s">
        <v>120</v>
      </c>
      <c r="I11481" t="s">
        <v>15</v>
      </c>
      <c r="J11481" s="10">
        <v>9.4835412829999992</v>
      </c>
    </row>
    <row r="11482" spans="1:10" x14ac:dyDescent="0.35">
      <c r="A11482" t="s">
        <v>20</v>
      </c>
      <c r="B11482" t="s">
        <v>72</v>
      </c>
      <c r="C11482" t="s">
        <v>117</v>
      </c>
      <c r="D11482" t="s">
        <v>118</v>
      </c>
      <c r="E11482">
        <v>2019</v>
      </c>
      <c r="F11482">
        <v>2019</v>
      </c>
      <c r="G11482" t="s">
        <v>126</v>
      </c>
      <c r="H11482" t="s">
        <v>121</v>
      </c>
      <c r="I11482" t="s">
        <v>15</v>
      </c>
      <c r="J11482" s="10">
        <v>31.986200100000001</v>
      </c>
    </row>
    <row r="11483" spans="1:10" x14ac:dyDescent="0.35">
      <c r="A11483" t="s">
        <v>20</v>
      </c>
      <c r="B11483" t="s">
        <v>72</v>
      </c>
      <c r="C11483" t="s">
        <v>117</v>
      </c>
      <c r="D11483" t="s">
        <v>118</v>
      </c>
      <c r="E11483">
        <v>2019</v>
      </c>
      <c r="F11483">
        <v>2019</v>
      </c>
      <c r="G11483" t="s">
        <v>126</v>
      </c>
      <c r="H11483" t="s">
        <v>122</v>
      </c>
      <c r="I11483" t="s">
        <v>15</v>
      </c>
      <c r="J11483" s="10">
        <v>21.45988431</v>
      </c>
    </row>
    <row r="11484" spans="1:10" x14ac:dyDescent="0.35">
      <c r="A11484" t="s">
        <v>20</v>
      </c>
      <c r="B11484" t="s">
        <v>72</v>
      </c>
      <c r="C11484" t="s">
        <v>117</v>
      </c>
      <c r="D11484" t="s">
        <v>118</v>
      </c>
      <c r="E11484">
        <v>2019</v>
      </c>
      <c r="F11484">
        <v>2019</v>
      </c>
      <c r="G11484" t="s">
        <v>126</v>
      </c>
      <c r="H11484" t="s">
        <v>123</v>
      </c>
      <c r="I11484" t="s">
        <v>15</v>
      </c>
      <c r="J11484" s="10">
        <v>17.942465819999999</v>
      </c>
    </row>
    <row r="11485" spans="1:10" x14ac:dyDescent="0.35">
      <c r="A11485" t="s">
        <v>20</v>
      </c>
      <c r="B11485" t="s">
        <v>72</v>
      </c>
      <c r="C11485" t="s">
        <v>117</v>
      </c>
      <c r="D11485" t="s">
        <v>118</v>
      </c>
      <c r="E11485">
        <v>2019</v>
      </c>
      <c r="F11485">
        <v>2019</v>
      </c>
      <c r="G11485" t="s">
        <v>126</v>
      </c>
      <c r="H11485" t="s">
        <v>124</v>
      </c>
      <c r="I11485" t="s">
        <v>15</v>
      </c>
      <c r="J11485" s="10">
        <v>2.4590801799999999</v>
      </c>
    </row>
    <row r="11486" spans="1:10" x14ac:dyDescent="0.35">
      <c r="A11486" t="s">
        <v>20</v>
      </c>
      <c r="B11486" t="s">
        <v>72</v>
      </c>
      <c r="C11486" t="s">
        <v>117</v>
      </c>
      <c r="D11486" t="s">
        <v>118</v>
      </c>
      <c r="E11486">
        <v>2018</v>
      </c>
      <c r="F11486">
        <v>2018</v>
      </c>
      <c r="G11486" t="s">
        <v>14</v>
      </c>
      <c r="H11486" t="s">
        <v>119</v>
      </c>
      <c r="I11486" t="s">
        <v>15</v>
      </c>
      <c r="J11486" s="10">
        <v>17.701850780000001</v>
      </c>
    </row>
    <row r="11487" spans="1:10" x14ac:dyDescent="0.35">
      <c r="A11487" t="s">
        <v>20</v>
      </c>
      <c r="B11487" t="s">
        <v>72</v>
      </c>
      <c r="C11487" t="s">
        <v>117</v>
      </c>
      <c r="D11487" t="s">
        <v>118</v>
      </c>
      <c r="E11487">
        <v>2018</v>
      </c>
      <c r="F11487">
        <v>2018</v>
      </c>
      <c r="G11487" t="s">
        <v>14</v>
      </c>
      <c r="H11487" t="s">
        <v>120</v>
      </c>
      <c r="I11487" t="s">
        <v>15</v>
      </c>
      <c r="J11487" s="10">
        <v>9.9693562100000008</v>
      </c>
    </row>
    <row r="11488" spans="1:10" x14ac:dyDescent="0.35">
      <c r="A11488" t="s">
        <v>20</v>
      </c>
      <c r="B11488" t="s">
        <v>72</v>
      </c>
      <c r="C11488" t="s">
        <v>117</v>
      </c>
      <c r="D11488" t="s">
        <v>118</v>
      </c>
      <c r="E11488">
        <v>2018</v>
      </c>
      <c r="F11488">
        <v>2018</v>
      </c>
      <c r="G11488" t="s">
        <v>14</v>
      </c>
      <c r="H11488" t="s">
        <v>121</v>
      </c>
      <c r="I11488" t="s">
        <v>15</v>
      </c>
      <c r="J11488" s="10">
        <v>32.377121099999997</v>
      </c>
    </row>
    <row r="11489" spans="1:10" x14ac:dyDescent="0.35">
      <c r="A11489" t="s">
        <v>20</v>
      </c>
      <c r="B11489" t="s">
        <v>72</v>
      </c>
      <c r="C11489" t="s">
        <v>117</v>
      </c>
      <c r="D11489" t="s">
        <v>118</v>
      </c>
      <c r="E11489">
        <v>2018</v>
      </c>
      <c r="F11489">
        <v>2018</v>
      </c>
      <c r="G11489" t="s">
        <v>14</v>
      </c>
      <c r="H11489" t="s">
        <v>122</v>
      </c>
      <c r="I11489" t="s">
        <v>15</v>
      </c>
      <c r="J11489" s="10">
        <v>21.098316619999999</v>
      </c>
    </row>
    <row r="11490" spans="1:10" x14ac:dyDescent="0.35">
      <c r="A11490" t="s">
        <v>20</v>
      </c>
      <c r="B11490" t="s">
        <v>72</v>
      </c>
      <c r="C11490" t="s">
        <v>117</v>
      </c>
      <c r="D11490" t="s">
        <v>118</v>
      </c>
      <c r="E11490">
        <v>2018</v>
      </c>
      <c r="F11490">
        <v>2018</v>
      </c>
      <c r="G11490" t="s">
        <v>14</v>
      </c>
      <c r="H11490" t="s">
        <v>123</v>
      </c>
      <c r="I11490" t="s">
        <v>15</v>
      </c>
      <c r="J11490" s="10">
        <v>16.939130899999999</v>
      </c>
    </row>
    <row r="11491" spans="1:10" x14ac:dyDescent="0.35">
      <c r="A11491" t="s">
        <v>20</v>
      </c>
      <c r="B11491" t="s">
        <v>72</v>
      </c>
      <c r="C11491" t="s">
        <v>117</v>
      </c>
      <c r="D11491" t="s">
        <v>118</v>
      </c>
      <c r="E11491">
        <v>2018</v>
      </c>
      <c r="F11491">
        <v>2018</v>
      </c>
      <c r="G11491" t="s">
        <v>14</v>
      </c>
      <c r="H11491" t="s">
        <v>124</v>
      </c>
      <c r="I11491" t="s">
        <v>15</v>
      </c>
      <c r="J11491" s="10">
        <v>1.9142243880000001</v>
      </c>
    </row>
    <row r="11492" spans="1:10" x14ac:dyDescent="0.35">
      <c r="A11492" t="s">
        <v>20</v>
      </c>
      <c r="B11492" t="s">
        <v>72</v>
      </c>
      <c r="C11492" t="s">
        <v>117</v>
      </c>
      <c r="D11492" t="s">
        <v>118</v>
      </c>
      <c r="E11492">
        <v>2018</v>
      </c>
      <c r="F11492">
        <v>2018</v>
      </c>
      <c r="G11492" t="s">
        <v>125</v>
      </c>
      <c r="H11492" t="s">
        <v>119</v>
      </c>
      <c r="I11492" t="s">
        <v>15</v>
      </c>
      <c r="J11492" s="10">
        <v>18.734949879999999</v>
      </c>
    </row>
    <row r="11493" spans="1:10" x14ac:dyDescent="0.35">
      <c r="A11493" t="s">
        <v>20</v>
      </c>
      <c r="B11493" t="s">
        <v>72</v>
      </c>
      <c r="C11493" t="s">
        <v>117</v>
      </c>
      <c r="D11493" t="s">
        <v>118</v>
      </c>
      <c r="E11493">
        <v>2018</v>
      </c>
      <c r="F11493">
        <v>2018</v>
      </c>
      <c r="G11493" t="s">
        <v>125</v>
      </c>
      <c r="H11493" t="s">
        <v>120</v>
      </c>
      <c r="I11493" t="s">
        <v>15</v>
      </c>
      <c r="J11493" s="10">
        <v>10.388083099999999</v>
      </c>
    </row>
    <row r="11494" spans="1:10" x14ac:dyDescent="0.35">
      <c r="A11494" t="s">
        <v>20</v>
      </c>
      <c r="B11494" t="s">
        <v>72</v>
      </c>
      <c r="C11494" t="s">
        <v>117</v>
      </c>
      <c r="D11494" t="s">
        <v>118</v>
      </c>
      <c r="E11494">
        <v>2018</v>
      </c>
      <c r="F11494">
        <v>2018</v>
      </c>
      <c r="G11494" t="s">
        <v>125</v>
      </c>
      <c r="H11494" t="s">
        <v>121</v>
      </c>
      <c r="I11494" t="s">
        <v>15</v>
      </c>
      <c r="J11494" s="10">
        <v>32.441059529999997</v>
      </c>
    </row>
    <row r="11495" spans="1:10" x14ac:dyDescent="0.35">
      <c r="A11495" t="s">
        <v>20</v>
      </c>
      <c r="B11495" t="s">
        <v>72</v>
      </c>
      <c r="C11495" t="s">
        <v>117</v>
      </c>
      <c r="D11495" t="s">
        <v>118</v>
      </c>
      <c r="E11495">
        <v>2018</v>
      </c>
      <c r="F11495">
        <v>2018</v>
      </c>
      <c r="G11495" t="s">
        <v>125</v>
      </c>
      <c r="H11495" t="s">
        <v>122</v>
      </c>
      <c r="I11495" t="s">
        <v>15</v>
      </c>
      <c r="J11495" s="10">
        <v>20.980567839999999</v>
      </c>
    </row>
    <row r="11496" spans="1:10" x14ac:dyDescent="0.35">
      <c r="A11496" t="s">
        <v>20</v>
      </c>
      <c r="B11496" t="s">
        <v>72</v>
      </c>
      <c r="C11496" t="s">
        <v>117</v>
      </c>
      <c r="D11496" t="s">
        <v>118</v>
      </c>
      <c r="E11496">
        <v>2018</v>
      </c>
      <c r="F11496">
        <v>2018</v>
      </c>
      <c r="G11496" t="s">
        <v>125</v>
      </c>
      <c r="H11496" t="s">
        <v>123</v>
      </c>
      <c r="I11496" t="s">
        <v>15</v>
      </c>
      <c r="J11496" s="10">
        <v>16.044128350000001</v>
      </c>
    </row>
    <row r="11497" spans="1:10" x14ac:dyDescent="0.35">
      <c r="A11497" t="s">
        <v>20</v>
      </c>
      <c r="B11497" t="s">
        <v>72</v>
      </c>
      <c r="C11497" t="s">
        <v>117</v>
      </c>
      <c r="D11497" t="s">
        <v>118</v>
      </c>
      <c r="E11497">
        <v>2018</v>
      </c>
      <c r="F11497">
        <v>2018</v>
      </c>
      <c r="G11497" t="s">
        <v>125</v>
      </c>
      <c r="H11497" t="s">
        <v>124</v>
      </c>
      <c r="I11497" t="s">
        <v>15</v>
      </c>
      <c r="J11497" s="10">
        <v>1.41121129</v>
      </c>
    </row>
    <row r="11498" spans="1:10" x14ac:dyDescent="0.35">
      <c r="A11498" t="s">
        <v>20</v>
      </c>
      <c r="B11498" t="s">
        <v>72</v>
      </c>
      <c r="C11498" t="s">
        <v>117</v>
      </c>
      <c r="D11498" t="s">
        <v>118</v>
      </c>
      <c r="E11498">
        <v>2018</v>
      </c>
      <c r="F11498">
        <v>2018</v>
      </c>
      <c r="G11498" t="s">
        <v>126</v>
      </c>
      <c r="H11498" t="s">
        <v>119</v>
      </c>
      <c r="I11498" t="s">
        <v>15</v>
      </c>
      <c r="J11498" s="10">
        <v>16.740088109999999</v>
      </c>
    </row>
    <row r="11499" spans="1:10" x14ac:dyDescent="0.35">
      <c r="A11499" t="s">
        <v>20</v>
      </c>
      <c r="B11499" t="s">
        <v>72</v>
      </c>
      <c r="C11499" t="s">
        <v>117</v>
      </c>
      <c r="D11499" t="s">
        <v>118</v>
      </c>
      <c r="E11499">
        <v>2018</v>
      </c>
      <c r="F11499">
        <v>2018</v>
      </c>
      <c r="G11499" t="s">
        <v>126</v>
      </c>
      <c r="H11499" t="s">
        <v>120</v>
      </c>
      <c r="I11499" t="s">
        <v>15</v>
      </c>
      <c r="J11499" s="10">
        <v>9.5795427889999996</v>
      </c>
    </row>
    <row r="11500" spans="1:10" x14ac:dyDescent="0.35">
      <c r="A11500" t="s">
        <v>20</v>
      </c>
      <c r="B11500" t="s">
        <v>72</v>
      </c>
      <c r="C11500" t="s">
        <v>117</v>
      </c>
      <c r="D11500" t="s">
        <v>118</v>
      </c>
      <c r="E11500">
        <v>2018</v>
      </c>
      <c r="F11500">
        <v>2018</v>
      </c>
      <c r="G11500" t="s">
        <v>126</v>
      </c>
      <c r="H11500" t="s">
        <v>121</v>
      </c>
      <c r="I11500" t="s">
        <v>15</v>
      </c>
      <c r="J11500" s="10">
        <v>32.317597689999999</v>
      </c>
    </row>
    <row r="11501" spans="1:10" x14ac:dyDescent="0.35">
      <c r="A11501" t="s">
        <v>20</v>
      </c>
      <c r="B11501" t="s">
        <v>72</v>
      </c>
      <c r="C11501" t="s">
        <v>117</v>
      </c>
      <c r="D11501" t="s">
        <v>118</v>
      </c>
      <c r="E11501">
        <v>2018</v>
      </c>
      <c r="F11501">
        <v>2018</v>
      </c>
      <c r="G11501" t="s">
        <v>126</v>
      </c>
      <c r="H11501" t="s">
        <v>122</v>
      </c>
      <c r="I11501" t="s">
        <v>15</v>
      </c>
      <c r="J11501" s="10">
        <v>21.207934730000002</v>
      </c>
    </row>
    <row r="11502" spans="1:10" x14ac:dyDescent="0.35">
      <c r="A11502" t="s">
        <v>20</v>
      </c>
      <c r="B11502" t="s">
        <v>72</v>
      </c>
      <c r="C11502" t="s">
        <v>117</v>
      </c>
      <c r="D11502" t="s">
        <v>118</v>
      </c>
      <c r="E11502">
        <v>2018</v>
      </c>
      <c r="F11502">
        <v>2018</v>
      </c>
      <c r="G11502" t="s">
        <v>126</v>
      </c>
      <c r="H11502" t="s">
        <v>123</v>
      </c>
      <c r="I11502" t="s">
        <v>15</v>
      </c>
      <c r="J11502" s="10">
        <v>17.772332720000001</v>
      </c>
    </row>
    <row r="11503" spans="1:10" x14ac:dyDescent="0.35">
      <c r="A11503" t="s">
        <v>20</v>
      </c>
      <c r="B11503" t="s">
        <v>72</v>
      </c>
      <c r="C11503" t="s">
        <v>117</v>
      </c>
      <c r="D11503" t="s">
        <v>118</v>
      </c>
      <c r="E11503">
        <v>2018</v>
      </c>
      <c r="F11503">
        <v>2018</v>
      </c>
      <c r="G11503" t="s">
        <v>126</v>
      </c>
      <c r="H11503" t="s">
        <v>124</v>
      </c>
      <c r="I11503" t="s">
        <v>15</v>
      </c>
      <c r="J11503" s="10">
        <v>2.3825039750000001</v>
      </c>
    </row>
    <row r="11504" spans="1:10" x14ac:dyDescent="0.35">
      <c r="A11504" t="s">
        <v>20</v>
      </c>
      <c r="B11504" t="s">
        <v>72</v>
      </c>
      <c r="C11504" t="s">
        <v>117</v>
      </c>
      <c r="D11504" t="s">
        <v>118</v>
      </c>
      <c r="E11504">
        <v>2017</v>
      </c>
      <c r="F11504">
        <v>2017</v>
      </c>
      <c r="G11504" t="s">
        <v>14</v>
      </c>
      <c r="H11504" t="s">
        <v>119</v>
      </c>
      <c r="I11504" t="s">
        <v>15</v>
      </c>
      <c r="J11504" s="10">
        <v>17.77222372</v>
      </c>
    </row>
    <row r="11505" spans="1:10" x14ac:dyDescent="0.35">
      <c r="A11505" t="s">
        <v>20</v>
      </c>
      <c r="B11505" t="s">
        <v>72</v>
      </c>
      <c r="C11505" t="s">
        <v>117</v>
      </c>
      <c r="D11505" t="s">
        <v>118</v>
      </c>
      <c r="E11505">
        <v>2017</v>
      </c>
      <c r="F11505">
        <v>2017</v>
      </c>
      <c r="G11505" t="s">
        <v>14</v>
      </c>
      <c r="H11505" t="s">
        <v>120</v>
      </c>
      <c r="I11505" t="s">
        <v>15</v>
      </c>
      <c r="J11505" s="10">
        <v>10.14185355</v>
      </c>
    </row>
    <row r="11506" spans="1:10" x14ac:dyDescent="0.35">
      <c r="A11506" t="s">
        <v>20</v>
      </c>
      <c r="B11506" t="s">
        <v>72</v>
      </c>
      <c r="C11506" t="s">
        <v>117</v>
      </c>
      <c r="D11506" t="s">
        <v>118</v>
      </c>
      <c r="E11506">
        <v>2017</v>
      </c>
      <c r="F11506">
        <v>2017</v>
      </c>
      <c r="G11506" t="s">
        <v>14</v>
      </c>
      <c r="H11506" t="s">
        <v>121</v>
      </c>
      <c r="I11506" t="s">
        <v>15</v>
      </c>
      <c r="J11506" s="10">
        <v>32.627668200000002</v>
      </c>
    </row>
    <row r="11507" spans="1:10" x14ac:dyDescent="0.35">
      <c r="A11507" t="s">
        <v>20</v>
      </c>
      <c r="B11507" t="s">
        <v>72</v>
      </c>
      <c r="C11507" t="s">
        <v>117</v>
      </c>
      <c r="D11507" t="s">
        <v>118</v>
      </c>
      <c r="E11507">
        <v>2017</v>
      </c>
      <c r="F11507">
        <v>2017</v>
      </c>
      <c r="G11507" t="s">
        <v>14</v>
      </c>
      <c r="H11507" t="s">
        <v>122</v>
      </c>
      <c r="I11507" t="s">
        <v>15</v>
      </c>
      <c r="J11507" s="10">
        <v>20.817346659999998</v>
      </c>
    </row>
    <row r="11508" spans="1:10" x14ac:dyDescent="0.35">
      <c r="A11508" t="s">
        <v>20</v>
      </c>
      <c r="B11508" t="s">
        <v>72</v>
      </c>
      <c r="C11508" t="s">
        <v>117</v>
      </c>
      <c r="D11508" t="s">
        <v>118</v>
      </c>
      <c r="E11508">
        <v>2017</v>
      </c>
      <c r="F11508">
        <v>2017</v>
      </c>
      <c r="G11508" t="s">
        <v>14</v>
      </c>
      <c r="H11508" t="s">
        <v>123</v>
      </c>
      <c r="I11508" t="s">
        <v>15</v>
      </c>
      <c r="J11508" s="10">
        <v>16.776546880000001</v>
      </c>
    </row>
    <row r="11509" spans="1:10" x14ac:dyDescent="0.35">
      <c r="A11509" t="s">
        <v>20</v>
      </c>
      <c r="B11509" t="s">
        <v>72</v>
      </c>
      <c r="C11509" t="s">
        <v>117</v>
      </c>
      <c r="D11509" t="s">
        <v>118</v>
      </c>
      <c r="E11509">
        <v>2017</v>
      </c>
      <c r="F11509">
        <v>2017</v>
      </c>
      <c r="G11509" t="s">
        <v>14</v>
      </c>
      <c r="H11509" t="s">
        <v>124</v>
      </c>
      <c r="I11509" t="s">
        <v>15</v>
      </c>
      <c r="J11509" s="10">
        <v>1.8643609839999999</v>
      </c>
    </row>
    <row r="11510" spans="1:10" x14ac:dyDescent="0.35">
      <c r="A11510" t="s">
        <v>20</v>
      </c>
      <c r="B11510" t="s">
        <v>72</v>
      </c>
      <c r="C11510" t="s">
        <v>117</v>
      </c>
      <c r="D11510" t="s">
        <v>118</v>
      </c>
      <c r="E11510">
        <v>2017</v>
      </c>
      <c r="F11510">
        <v>2017</v>
      </c>
      <c r="G11510" t="s">
        <v>125</v>
      </c>
      <c r="H11510" t="s">
        <v>119</v>
      </c>
      <c r="I11510" t="s">
        <v>15</v>
      </c>
      <c r="J11510" s="10">
        <v>18.67167568</v>
      </c>
    </row>
    <row r="11511" spans="1:10" x14ac:dyDescent="0.35">
      <c r="A11511" t="s">
        <v>20</v>
      </c>
      <c r="B11511" t="s">
        <v>72</v>
      </c>
      <c r="C11511" t="s">
        <v>117</v>
      </c>
      <c r="D11511" t="s">
        <v>118</v>
      </c>
      <c r="E11511">
        <v>2017</v>
      </c>
      <c r="F11511">
        <v>2017</v>
      </c>
      <c r="G11511" t="s">
        <v>125</v>
      </c>
      <c r="H11511" t="s">
        <v>120</v>
      </c>
      <c r="I11511" t="s">
        <v>15</v>
      </c>
      <c r="J11511" s="10">
        <v>10.59743755</v>
      </c>
    </row>
    <row r="11512" spans="1:10" x14ac:dyDescent="0.35">
      <c r="A11512" t="s">
        <v>20</v>
      </c>
      <c r="B11512" t="s">
        <v>72</v>
      </c>
      <c r="C11512" t="s">
        <v>117</v>
      </c>
      <c r="D11512" t="s">
        <v>118</v>
      </c>
      <c r="E11512">
        <v>2017</v>
      </c>
      <c r="F11512">
        <v>2017</v>
      </c>
      <c r="G11512" t="s">
        <v>125</v>
      </c>
      <c r="H11512" t="s">
        <v>121</v>
      </c>
      <c r="I11512" t="s">
        <v>15</v>
      </c>
      <c r="J11512" s="10">
        <v>32.759539099999998</v>
      </c>
    </row>
    <row r="11513" spans="1:10" x14ac:dyDescent="0.35">
      <c r="A11513" t="s">
        <v>20</v>
      </c>
      <c r="B11513" t="s">
        <v>72</v>
      </c>
      <c r="C11513" t="s">
        <v>117</v>
      </c>
      <c r="D11513" t="s">
        <v>118</v>
      </c>
      <c r="E11513">
        <v>2017</v>
      </c>
      <c r="F11513">
        <v>2017</v>
      </c>
      <c r="G11513" t="s">
        <v>125</v>
      </c>
      <c r="H11513" t="s">
        <v>122</v>
      </c>
      <c r="I11513" t="s">
        <v>15</v>
      </c>
      <c r="J11513" s="10">
        <v>20.754716980000001</v>
      </c>
    </row>
    <row r="11514" spans="1:10" x14ac:dyDescent="0.35">
      <c r="A11514" t="s">
        <v>20</v>
      </c>
      <c r="B11514" t="s">
        <v>72</v>
      </c>
      <c r="C11514" t="s">
        <v>117</v>
      </c>
      <c r="D11514" t="s">
        <v>118</v>
      </c>
      <c r="E11514">
        <v>2017</v>
      </c>
      <c r="F11514">
        <v>2017</v>
      </c>
      <c r="G11514" t="s">
        <v>125</v>
      </c>
      <c r="H11514" t="s">
        <v>123</v>
      </c>
      <c r="I11514" t="s">
        <v>15</v>
      </c>
      <c r="J11514" s="10">
        <v>15.870924329999999</v>
      </c>
    </row>
    <row r="11515" spans="1:10" x14ac:dyDescent="0.35">
      <c r="A11515" t="s">
        <v>20</v>
      </c>
      <c r="B11515" t="s">
        <v>72</v>
      </c>
      <c r="C11515" t="s">
        <v>117</v>
      </c>
      <c r="D11515" t="s">
        <v>118</v>
      </c>
      <c r="E11515">
        <v>2017</v>
      </c>
      <c r="F11515">
        <v>2017</v>
      </c>
      <c r="G11515" t="s">
        <v>125</v>
      </c>
      <c r="H11515" t="s">
        <v>124</v>
      </c>
      <c r="I11515" t="s">
        <v>15</v>
      </c>
      <c r="J11515" s="10">
        <v>1.345706356</v>
      </c>
    </row>
    <row r="11516" spans="1:10" x14ac:dyDescent="0.35">
      <c r="A11516" t="s">
        <v>20</v>
      </c>
      <c r="B11516" t="s">
        <v>72</v>
      </c>
      <c r="C11516" t="s">
        <v>117</v>
      </c>
      <c r="D11516" t="s">
        <v>118</v>
      </c>
      <c r="E11516">
        <v>2017</v>
      </c>
      <c r="F11516">
        <v>2017</v>
      </c>
      <c r="G11516" t="s">
        <v>126</v>
      </c>
      <c r="H11516" t="s">
        <v>119</v>
      </c>
      <c r="I11516" t="s">
        <v>15</v>
      </c>
      <c r="J11516" s="10">
        <v>16.935673120000001</v>
      </c>
    </row>
    <row r="11517" spans="1:10" x14ac:dyDescent="0.35">
      <c r="A11517" t="s">
        <v>20</v>
      </c>
      <c r="B11517" t="s">
        <v>72</v>
      </c>
      <c r="C11517" t="s">
        <v>117</v>
      </c>
      <c r="D11517" t="s">
        <v>118</v>
      </c>
      <c r="E11517">
        <v>2017</v>
      </c>
      <c r="F11517">
        <v>2017</v>
      </c>
      <c r="G11517" t="s">
        <v>126</v>
      </c>
      <c r="H11517" t="s">
        <v>120</v>
      </c>
      <c r="I11517" t="s">
        <v>15</v>
      </c>
      <c r="J11517" s="10">
        <v>9.7181299049999996</v>
      </c>
    </row>
    <row r="11518" spans="1:10" x14ac:dyDescent="0.35">
      <c r="A11518" t="s">
        <v>20</v>
      </c>
      <c r="B11518" t="s">
        <v>72</v>
      </c>
      <c r="C11518" t="s">
        <v>117</v>
      </c>
      <c r="D11518" t="s">
        <v>118</v>
      </c>
      <c r="E11518">
        <v>2017</v>
      </c>
      <c r="F11518">
        <v>2017</v>
      </c>
      <c r="G11518" t="s">
        <v>126</v>
      </c>
      <c r="H11518" t="s">
        <v>121</v>
      </c>
      <c r="I11518" t="s">
        <v>15</v>
      </c>
      <c r="J11518" s="10">
        <v>32.505019429999997</v>
      </c>
    </row>
    <row r="11519" spans="1:10" x14ac:dyDescent="0.35">
      <c r="A11519" t="s">
        <v>20</v>
      </c>
      <c r="B11519" t="s">
        <v>72</v>
      </c>
      <c r="C11519" t="s">
        <v>117</v>
      </c>
      <c r="D11519" t="s">
        <v>118</v>
      </c>
      <c r="E11519">
        <v>2017</v>
      </c>
      <c r="F11519">
        <v>2017</v>
      </c>
      <c r="G11519" t="s">
        <v>126</v>
      </c>
      <c r="H11519" t="s">
        <v>122</v>
      </c>
      <c r="I11519" t="s">
        <v>15</v>
      </c>
      <c r="J11519" s="10">
        <v>20.875596460000001</v>
      </c>
    </row>
    <row r="11520" spans="1:10" x14ac:dyDescent="0.35">
      <c r="A11520" t="s">
        <v>20</v>
      </c>
      <c r="B11520" t="s">
        <v>72</v>
      </c>
      <c r="C11520" t="s">
        <v>117</v>
      </c>
      <c r="D11520" t="s">
        <v>118</v>
      </c>
      <c r="E11520">
        <v>2017</v>
      </c>
      <c r="F11520">
        <v>2017</v>
      </c>
      <c r="G11520" t="s">
        <v>126</v>
      </c>
      <c r="H11520" t="s">
        <v>123</v>
      </c>
      <c r="I11520" t="s">
        <v>15</v>
      </c>
      <c r="J11520" s="10">
        <v>17.61883654</v>
      </c>
    </row>
    <row r="11521" spans="1:10" x14ac:dyDescent="0.35">
      <c r="A11521" t="s">
        <v>20</v>
      </c>
      <c r="B11521" t="s">
        <v>72</v>
      </c>
      <c r="C11521" t="s">
        <v>117</v>
      </c>
      <c r="D11521" t="s">
        <v>118</v>
      </c>
      <c r="E11521">
        <v>2017</v>
      </c>
      <c r="F11521">
        <v>2017</v>
      </c>
      <c r="G11521" t="s">
        <v>126</v>
      </c>
      <c r="H11521" t="s">
        <v>124</v>
      </c>
      <c r="I11521" t="s">
        <v>15</v>
      </c>
      <c r="J11521" s="10">
        <v>2.3467445439999999</v>
      </c>
    </row>
    <row r="11522" spans="1:10" x14ac:dyDescent="0.35">
      <c r="A11522" t="s">
        <v>20</v>
      </c>
      <c r="B11522" t="s">
        <v>72</v>
      </c>
      <c r="C11522" t="s">
        <v>117</v>
      </c>
      <c r="D11522" t="s">
        <v>118</v>
      </c>
      <c r="E11522">
        <v>2016</v>
      </c>
      <c r="F11522">
        <v>2016</v>
      </c>
      <c r="G11522" t="s">
        <v>14</v>
      </c>
      <c r="H11522" t="s">
        <v>119</v>
      </c>
      <c r="I11522" t="s">
        <v>15</v>
      </c>
      <c r="J11522" s="10">
        <v>17.761623180000001</v>
      </c>
    </row>
    <row r="11523" spans="1:10" x14ac:dyDescent="0.35">
      <c r="A11523" t="s">
        <v>20</v>
      </c>
      <c r="B11523" t="s">
        <v>72</v>
      </c>
      <c r="C11523" t="s">
        <v>117</v>
      </c>
      <c r="D11523" t="s">
        <v>118</v>
      </c>
      <c r="E11523">
        <v>2016</v>
      </c>
      <c r="F11523">
        <v>2016</v>
      </c>
      <c r="G11523" t="s">
        <v>14</v>
      </c>
      <c r="H11523" t="s">
        <v>120</v>
      </c>
      <c r="I11523" t="s">
        <v>15</v>
      </c>
      <c r="J11523" s="10">
        <v>10.36320729</v>
      </c>
    </row>
    <row r="11524" spans="1:10" x14ac:dyDescent="0.35">
      <c r="A11524" t="s">
        <v>20</v>
      </c>
      <c r="B11524" t="s">
        <v>72</v>
      </c>
      <c r="C11524" t="s">
        <v>117</v>
      </c>
      <c r="D11524" t="s">
        <v>118</v>
      </c>
      <c r="E11524">
        <v>2016</v>
      </c>
      <c r="F11524">
        <v>2016</v>
      </c>
      <c r="G11524" t="s">
        <v>14</v>
      </c>
      <c r="H11524" t="s">
        <v>121</v>
      </c>
      <c r="I11524" t="s">
        <v>15</v>
      </c>
      <c r="J11524" s="10">
        <v>32.969402700000003</v>
      </c>
    </row>
    <row r="11525" spans="1:10" x14ac:dyDescent="0.35">
      <c r="A11525" t="s">
        <v>20</v>
      </c>
      <c r="B11525" t="s">
        <v>72</v>
      </c>
      <c r="C11525" t="s">
        <v>117</v>
      </c>
      <c r="D11525" t="s">
        <v>118</v>
      </c>
      <c r="E11525">
        <v>2016</v>
      </c>
      <c r="F11525">
        <v>2016</v>
      </c>
      <c r="G11525" t="s">
        <v>14</v>
      </c>
      <c r="H11525" t="s">
        <v>122</v>
      </c>
      <c r="I11525" t="s">
        <v>15</v>
      </c>
      <c r="J11525" s="10">
        <v>20.440243039999999</v>
      </c>
    </row>
    <row r="11526" spans="1:10" x14ac:dyDescent="0.35">
      <c r="A11526" t="s">
        <v>20</v>
      </c>
      <c r="B11526" t="s">
        <v>72</v>
      </c>
      <c r="C11526" t="s">
        <v>117</v>
      </c>
      <c r="D11526" t="s">
        <v>118</v>
      </c>
      <c r="E11526">
        <v>2016</v>
      </c>
      <c r="F11526">
        <v>2016</v>
      </c>
      <c r="G11526" t="s">
        <v>14</v>
      </c>
      <c r="H11526" t="s">
        <v>123</v>
      </c>
      <c r="I11526" t="s">
        <v>15</v>
      </c>
      <c r="J11526" s="10">
        <v>16.631855909999999</v>
      </c>
    </row>
    <row r="11527" spans="1:10" x14ac:dyDescent="0.35">
      <c r="A11527" t="s">
        <v>20</v>
      </c>
      <c r="B11527" t="s">
        <v>72</v>
      </c>
      <c r="C11527" t="s">
        <v>117</v>
      </c>
      <c r="D11527" t="s">
        <v>118</v>
      </c>
      <c r="E11527">
        <v>2016</v>
      </c>
      <c r="F11527">
        <v>2016</v>
      </c>
      <c r="G11527" t="s">
        <v>14</v>
      </c>
      <c r="H11527" t="s">
        <v>124</v>
      </c>
      <c r="I11527" t="s">
        <v>15</v>
      </c>
      <c r="J11527" s="10">
        <v>1.833667878</v>
      </c>
    </row>
    <row r="11528" spans="1:10" x14ac:dyDescent="0.35">
      <c r="A11528" t="s">
        <v>20</v>
      </c>
      <c r="B11528" t="s">
        <v>72</v>
      </c>
      <c r="C11528" t="s">
        <v>117</v>
      </c>
      <c r="D11528" t="s">
        <v>118</v>
      </c>
      <c r="E11528">
        <v>2016</v>
      </c>
      <c r="F11528">
        <v>2016</v>
      </c>
      <c r="G11528" t="s">
        <v>125</v>
      </c>
      <c r="H11528" t="s">
        <v>119</v>
      </c>
      <c r="I11528" t="s">
        <v>15</v>
      </c>
      <c r="J11528" s="10">
        <v>18.634660360000002</v>
      </c>
    </row>
    <row r="11529" spans="1:10" x14ac:dyDescent="0.35">
      <c r="A11529" t="s">
        <v>20</v>
      </c>
      <c r="B11529" t="s">
        <v>72</v>
      </c>
      <c r="C11529" t="s">
        <v>117</v>
      </c>
      <c r="D11529" t="s">
        <v>118</v>
      </c>
      <c r="E11529">
        <v>2016</v>
      </c>
      <c r="F11529">
        <v>2016</v>
      </c>
      <c r="G11529" t="s">
        <v>125</v>
      </c>
      <c r="H11529" t="s">
        <v>120</v>
      </c>
      <c r="I11529" t="s">
        <v>15</v>
      </c>
      <c r="J11529" s="10">
        <v>10.75705069</v>
      </c>
    </row>
    <row r="11530" spans="1:10" x14ac:dyDescent="0.35">
      <c r="A11530" t="s">
        <v>20</v>
      </c>
      <c r="B11530" t="s">
        <v>72</v>
      </c>
      <c r="C11530" t="s">
        <v>117</v>
      </c>
      <c r="D11530" t="s">
        <v>118</v>
      </c>
      <c r="E11530">
        <v>2016</v>
      </c>
      <c r="F11530">
        <v>2016</v>
      </c>
      <c r="G11530" t="s">
        <v>125</v>
      </c>
      <c r="H11530" t="s">
        <v>121</v>
      </c>
      <c r="I11530" t="s">
        <v>15</v>
      </c>
      <c r="J11530" s="10">
        <v>33.251627079999999</v>
      </c>
    </row>
    <row r="11531" spans="1:10" x14ac:dyDescent="0.35">
      <c r="A11531" t="s">
        <v>20</v>
      </c>
      <c r="B11531" t="s">
        <v>72</v>
      </c>
      <c r="C11531" t="s">
        <v>117</v>
      </c>
      <c r="D11531" t="s">
        <v>118</v>
      </c>
      <c r="E11531">
        <v>2016</v>
      </c>
      <c r="F11531">
        <v>2016</v>
      </c>
      <c r="G11531" t="s">
        <v>125</v>
      </c>
      <c r="H11531" t="s">
        <v>122</v>
      </c>
      <c r="I11531" t="s">
        <v>15</v>
      </c>
      <c r="J11531" s="10">
        <v>20.36457893</v>
      </c>
    </row>
    <row r="11532" spans="1:10" x14ac:dyDescent="0.35">
      <c r="A11532" t="s">
        <v>20</v>
      </c>
      <c r="B11532" t="s">
        <v>72</v>
      </c>
      <c r="C11532" t="s">
        <v>117</v>
      </c>
      <c r="D11532" t="s">
        <v>118</v>
      </c>
      <c r="E11532">
        <v>2016</v>
      </c>
      <c r="F11532">
        <v>2016</v>
      </c>
      <c r="G11532" t="s">
        <v>125</v>
      </c>
      <c r="H11532" t="s">
        <v>123</v>
      </c>
      <c r="I11532" t="s">
        <v>15</v>
      </c>
      <c r="J11532" s="10">
        <v>15.72140986</v>
      </c>
    </row>
    <row r="11533" spans="1:10" x14ac:dyDescent="0.35">
      <c r="A11533" t="s">
        <v>20</v>
      </c>
      <c r="B11533" t="s">
        <v>72</v>
      </c>
      <c r="C11533" t="s">
        <v>117</v>
      </c>
      <c r="D11533" t="s">
        <v>118</v>
      </c>
      <c r="E11533">
        <v>2016</v>
      </c>
      <c r="F11533">
        <v>2016</v>
      </c>
      <c r="G11533" t="s">
        <v>125</v>
      </c>
      <c r="H11533" t="s">
        <v>124</v>
      </c>
      <c r="I11533" t="s">
        <v>15</v>
      </c>
      <c r="J11533" s="10">
        <v>1.2706730900000001</v>
      </c>
    </row>
    <row r="11534" spans="1:10" x14ac:dyDescent="0.35">
      <c r="A11534" t="s">
        <v>20</v>
      </c>
      <c r="B11534" t="s">
        <v>72</v>
      </c>
      <c r="C11534" t="s">
        <v>117</v>
      </c>
      <c r="D11534" t="s">
        <v>118</v>
      </c>
      <c r="E11534">
        <v>2016</v>
      </c>
      <c r="F11534">
        <v>2016</v>
      </c>
      <c r="G11534" t="s">
        <v>126</v>
      </c>
      <c r="H11534" t="s">
        <v>119</v>
      </c>
      <c r="I11534" t="s">
        <v>15</v>
      </c>
      <c r="J11534" s="10">
        <v>16.951280109999999</v>
      </c>
    </row>
    <row r="11535" spans="1:10" x14ac:dyDescent="0.35">
      <c r="A11535" t="s">
        <v>20</v>
      </c>
      <c r="B11535" t="s">
        <v>72</v>
      </c>
      <c r="C11535" t="s">
        <v>117</v>
      </c>
      <c r="D11535" t="s">
        <v>118</v>
      </c>
      <c r="E11535">
        <v>2016</v>
      </c>
      <c r="F11535">
        <v>2016</v>
      </c>
      <c r="G11535" t="s">
        <v>126</v>
      </c>
      <c r="H11535" t="s">
        <v>120</v>
      </c>
      <c r="I11535" t="s">
        <v>15</v>
      </c>
      <c r="J11535" s="10">
        <v>9.9976463819999992</v>
      </c>
    </row>
    <row r="11536" spans="1:10" x14ac:dyDescent="0.35">
      <c r="A11536" t="s">
        <v>20</v>
      </c>
      <c r="B11536" t="s">
        <v>72</v>
      </c>
      <c r="C11536" t="s">
        <v>117</v>
      </c>
      <c r="D11536" t="s">
        <v>118</v>
      </c>
      <c r="E11536">
        <v>2016</v>
      </c>
      <c r="F11536">
        <v>2016</v>
      </c>
      <c r="G11536" t="s">
        <v>126</v>
      </c>
      <c r="H11536" t="s">
        <v>121</v>
      </c>
      <c r="I11536" t="s">
        <v>15</v>
      </c>
      <c r="J11536" s="10">
        <v>32.707445280000002</v>
      </c>
    </row>
    <row r="11537" spans="1:10" x14ac:dyDescent="0.35">
      <c r="A11537" t="s">
        <v>20</v>
      </c>
      <c r="B11537" t="s">
        <v>72</v>
      </c>
      <c r="C11537" t="s">
        <v>117</v>
      </c>
      <c r="D11537" t="s">
        <v>118</v>
      </c>
      <c r="E11537">
        <v>2016</v>
      </c>
      <c r="F11537">
        <v>2016</v>
      </c>
      <c r="G11537" t="s">
        <v>126</v>
      </c>
      <c r="H11537" t="s">
        <v>122</v>
      </c>
      <c r="I11537" t="s">
        <v>15</v>
      </c>
      <c r="J11537" s="10">
        <v>20.510473600000001</v>
      </c>
    </row>
    <row r="11538" spans="1:10" x14ac:dyDescent="0.35">
      <c r="A11538" t="s">
        <v>20</v>
      </c>
      <c r="B11538" t="s">
        <v>72</v>
      </c>
      <c r="C11538" t="s">
        <v>117</v>
      </c>
      <c r="D11538" t="s">
        <v>118</v>
      </c>
      <c r="E11538">
        <v>2016</v>
      </c>
      <c r="F11538">
        <v>2016</v>
      </c>
      <c r="G11538" t="s">
        <v>126</v>
      </c>
      <c r="H11538" t="s">
        <v>123</v>
      </c>
      <c r="I11538" t="s">
        <v>15</v>
      </c>
      <c r="J11538" s="10">
        <v>17.476921470000001</v>
      </c>
    </row>
    <row r="11539" spans="1:10" x14ac:dyDescent="0.35">
      <c r="A11539" t="s">
        <v>20</v>
      </c>
      <c r="B11539" t="s">
        <v>72</v>
      </c>
      <c r="C11539" t="s">
        <v>117</v>
      </c>
      <c r="D11539" t="s">
        <v>118</v>
      </c>
      <c r="E11539">
        <v>2016</v>
      </c>
      <c r="F11539">
        <v>2016</v>
      </c>
      <c r="G11539" t="s">
        <v>126</v>
      </c>
      <c r="H11539" t="s">
        <v>124</v>
      </c>
      <c r="I11539" t="s">
        <v>15</v>
      </c>
      <c r="J11539" s="10">
        <v>2.3562331649999999</v>
      </c>
    </row>
    <row r="11540" spans="1:10" x14ac:dyDescent="0.35">
      <c r="A11540" t="s">
        <v>20</v>
      </c>
      <c r="B11540" t="s">
        <v>72</v>
      </c>
      <c r="C11540" t="s">
        <v>117</v>
      </c>
      <c r="D11540" t="s">
        <v>118</v>
      </c>
      <c r="E11540">
        <v>2015</v>
      </c>
      <c r="F11540">
        <v>2015</v>
      </c>
      <c r="G11540" t="s">
        <v>14</v>
      </c>
      <c r="H11540" t="s">
        <v>119</v>
      </c>
      <c r="I11540" t="s">
        <v>15</v>
      </c>
      <c r="J11540" s="10">
        <v>17.883231500000001</v>
      </c>
    </row>
    <row r="11541" spans="1:10" x14ac:dyDescent="0.35">
      <c r="A11541" t="s">
        <v>20</v>
      </c>
      <c r="B11541" t="s">
        <v>72</v>
      </c>
      <c r="C11541" t="s">
        <v>117</v>
      </c>
      <c r="D11541" t="s">
        <v>118</v>
      </c>
      <c r="E11541">
        <v>2015</v>
      </c>
      <c r="F11541">
        <v>2015</v>
      </c>
      <c r="G11541" t="s">
        <v>14</v>
      </c>
      <c r="H11541" t="s">
        <v>120</v>
      </c>
      <c r="I11541" t="s">
        <v>15</v>
      </c>
      <c r="J11541" s="10">
        <v>10.423625250000001</v>
      </c>
    </row>
    <row r="11542" spans="1:10" x14ac:dyDescent="0.35">
      <c r="A11542" t="s">
        <v>20</v>
      </c>
      <c r="B11542" t="s">
        <v>72</v>
      </c>
      <c r="C11542" t="s">
        <v>117</v>
      </c>
      <c r="D11542" t="s">
        <v>118</v>
      </c>
      <c r="E11542">
        <v>2015</v>
      </c>
      <c r="F11542">
        <v>2015</v>
      </c>
      <c r="G11542" t="s">
        <v>14</v>
      </c>
      <c r="H11542" t="s">
        <v>121</v>
      </c>
      <c r="I11542" t="s">
        <v>15</v>
      </c>
      <c r="J11542" s="10">
        <v>33.231500339999997</v>
      </c>
    </row>
    <row r="11543" spans="1:10" x14ac:dyDescent="0.35">
      <c r="A11543" t="s">
        <v>20</v>
      </c>
      <c r="B11543" t="s">
        <v>72</v>
      </c>
      <c r="C11543" t="s">
        <v>117</v>
      </c>
      <c r="D11543" t="s">
        <v>118</v>
      </c>
      <c r="E11543">
        <v>2015</v>
      </c>
      <c r="F11543">
        <v>2015</v>
      </c>
      <c r="G11543" t="s">
        <v>14</v>
      </c>
      <c r="H11543" t="s">
        <v>122</v>
      </c>
      <c r="I11543" t="s">
        <v>15</v>
      </c>
      <c r="J11543" s="10">
        <v>20.300067890000001</v>
      </c>
    </row>
    <row r="11544" spans="1:10" x14ac:dyDescent="0.35">
      <c r="A11544" t="s">
        <v>20</v>
      </c>
      <c r="B11544" t="s">
        <v>72</v>
      </c>
      <c r="C11544" t="s">
        <v>117</v>
      </c>
      <c r="D11544" t="s">
        <v>118</v>
      </c>
      <c r="E11544">
        <v>2015</v>
      </c>
      <c r="F11544">
        <v>2015</v>
      </c>
      <c r="G11544" t="s">
        <v>14</v>
      </c>
      <c r="H11544" t="s">
        <v>123</v>
      </c>
      <c r="I11544" t="s">
        <v>15</v>
      </c>
      <c r="J11544" s="10">
        <v>16.376103189999998</v>
      </c>
    </row>
    <row r="11545" spans="1:10" x14ac:dyDescent="0.35">
      <c r="A11545" t="s">
        <v>20</v>
      </c>
      <c r="B11545" t="s">
        <v>72</v>
      </c>
      <c r="C11545" t="s">
        <v>117</v>
      </c>
      <c r="D11545" t="s">
        <v>118</v>
      </c>
      <c r="E11545">
        <v>2015</v>
      </c>
      <c r="F11545">
        <v>2015</v>
      </c>
      <c r="G11545" t="s">
        <v>14</v>
      </c>
      <c r="H11545" t="s">
        <v>124</v>
      </c>
      <c r="I11545" t="s">
        <v>15</v>
      </c>
      <c r="J11545" s="10">
        <v>1.785471826</v>
      </c>
    </row>
    <row r="11546" spans="1:10" x14ac:dyDescent="0.35">
      <c r="A11546" t="s">
        <v>20</v>
      </c>
      <c r="B11546" t="s">
        <v>72</v>
      </c>
      <c r="C11546" t="s">
        <v>117</v>
      </c>
      <c r="D11546" t="s">
        <v>118</v>
      </c>
      <c r="E11546">
        <v>2015</v>
      </c>
      <c r="F11546">
        <v>2015</v>
      </c>
      <c r="G11546" t="s">
        <v>125</v>
      </c>
      <c r="H11546" t="s">
        <v>119</v>
      </c>
      <c r="I11546" t="s">
        <v>15</v>
      </c>
      <c r="J11546" s="10">
        <v>18.770098730000001</v>
      </c>
    </row>
    <row r="11547" spans="1:10" x14ac:dyDescent="0.35">
      <c r="A11547" t="s">
        <v>20</v>
      </c>
      <c r="B11547" t="s">
        <v>72</v>
      </c>
      <c r="C11547" t="s">
        <v>117</v>
      </c>
      <c r="D11547" t="s">
        <v>118</v>
      </c>
      <c r="E11547">
        <v>2015</v>
      </c>
      <c r="F11547">
        <v>2015</v>
      </c>
      <c r="G11547" t="s">
        <v>125</v>
      </c>
      <c r="H11547" t="s">
        <v>120</v>
      </c>
      <c r="I11547" t="s">
        <v>15</v>
      </c>
      <c r="J11547" s="10">
        <v>10.753173479999999</v>
      </c>
    </row>
    <row r="11548" spans="1:10" x14ac:dyDescent="0.35">
      <c r="A11548" t="s">
        <v>20</v>
      </c>
      <c r="B11548" t="s">
        <v>72</v>
      </c>
      <c r="C11548" t="s">
        <v>117</v>
      </c>
      <c r="D11548" t="s">
        <v>118</v>
      </c>
      <c r="E11548">
        <v>2015</v>
      </c>
      <c r="F11548">
        <v>2015</v>
      </c>
      <c r="G11548" t="s">
        <v>125</v>
      </c>
      <c r="H11548" t="s">
        <v>121</v>
      </c>
      <c r="I11548" t="s">
        <v>15</v>
      </c>
      <c r="J11548" s="10">
        <v>33.475317349999997</v>
      </c>
    </row>
    <row r="11549" spans="1:10" x14ac:dyDescent="0.35">
      <c r="A11549" t="s">
        <v>20</v>
      </c>
      <c r="B11549" t="s">
        <v>72</v>
      </c>
      <c r="C11549" t="s">
        <v>117</v>
      </c>
      <c r="D11549" t="s">
        <v>118</v>
      </c>
      <c r="E11549">
        <v>2015</v>
      </c>
      <c r="F11549">
        <v>2015</v>
      </c>
      <c r="G11549" t="s">
        <v>125</v>
      </c>
      <c r="H11549" t="s">
        <v>122</v>
      </c>
      <c r="I11549" t="s">
        <v>15</v>
      </c>
      <c r="J11549" s="10">
        <v>20.33004231</v>
      </c>
    </row>
    <row r="11550" spans="1:10" x14ac:dyDescent="0.35">
      <c r="A11550" t="s">
        <v>20</v>
      </c>
      <c r="B11550" t="s">
        <v>72</v>
      </c>
      <c r="C11550" t="s">
        <v>117</v>
      </c>
      <c r="D11550" t="s">
        <v>118</v>
      </c>
      <c r="E11550">
        <v>2015</v>
      </c>
      <c r="F11550">
        <v>2015</v>
      </c>
      <c r="G11550" t="s">
        <v>125</v>
      </c>
      <c r="H11550" t="s">
        <v>123</v>
      </c>
      <c r="I11550" t="s">
        <v>15</v>
      </c>
      <c r="J11550" s="10">
        <v>15.489421719999999</v>
      </c>
    </row>
    <row r="11551" spans="1:10" x14ac:dyDescent="0.35">
      <c r="A11551" t="s">
        <v>20</v>
      </c>
      <c r="B11551" t="s">
        <v>72</v>
      </c>
      <c r="C11551" t="s">
        <v>117</v>
      </c>
      <c r="D11551" t="s">
        <v>118</v>
      </c>
      <c r="E11551">
        <v>2015</v>
      </c>
      <c r="F11551">
        <v>2015</v>
      </c>
      <c r="G11551" t="s">
        <v>125</v>
      </c>
      <c r="H11551" t="s">
        <v>124</v>
      </c>
      <c r="I11551" t="s">
        <v>15</v>
      </c>
      <c r="J11551" s="10">
        <v>1.181946403</v>
      </c>
    </row>
    <row r="11552" spans="1:10" x14ac:dyDescent="0.35">
      <c r="A11552" t="s">
        <v>20</v>
      </c>
      <c r="B11552" t="s">
        <v>72</v>
      </c>
      <c r="C11552" t="s">
        <v>117</v>
      </c>
      <c r="D11552" t="s">
        <v>118</v>
      </c>
      <c r="E11552">
        <v>2015</v>
      </c>
      <c r="F11552">
        <v>2015</v>
      </c>
      <c r="G11552" t="s">
        <v>126</v>
      </c>
      <c r="H11552" t="s">
        <v>119</v>
      </c>
      <c r="I11552" t="s">
        <v>15</v>
      </c>
      <c r="J11552" s="10">
        <v>17.06020942</v>
      </c>
    </row>
    <row r="11553" spans="1:10" x14ac:dyDescent="0.35">
      <c r="A11553" t="s">
        <v>20</v>
      </c>
      <c r="B11553" t="s">
        <v>72</v>
      </c>
      <c r="C11553" t="s">
        <v>117</v>
      </c>
      <c r="D11553" t="s">
        <v>118</v>
      </c>
      <c r="E11553">
        <v>2015</v>
      </c>
      <c r="F11553">
        <v>2015</v>
      </c>
      <c r="G11553" t="s">
        <v>126</v>
      </c>
      <c r="H11553" t="s">
        <v>120</v>
      </c>
      <c r="I11553" t="s">
        <v>15</v>
      </c>
      <c r="J11553" s="10">
        <v>10.117801050000001</v>
      </c>
    </row>
    <row r="11554" spans="1:10" x14ac:dyDescent="0.35">
      <c r="A11554" t="s">
        <v>20</v>
      </c>
      <c r="B11554" t="s">
        <v>72</v>
      </c>
      <c r="C11554" t="s">
        <v>117</v>
      </c>
      <c r="D11554" t="s">
        <v>118</v>
      </c>
      <c r="E11554">
        <v>2015</v>
      </c>
      <c r="F11554">
        <v>2015</v>
      </c>
      <c r="G11554" t="s">
        <v>126</v>
      </c>
      <c r="H11554" t="s">
        <v>121</v>
      </c>
      <c r="I11554" t="s">
        <v>15</v>
      </c>
      <c r="J11554" s="10">
        <v>33.005235599999999</v>
      </c>
    </row>
    <row r="11555" spans="1:10" x14ac:dyDescent="0.35">
      <c r="A11555" t="s">
        <v>20</v>
      </c>
      <c r="B11555" t="s">
        <v>72</v>
      </c>
      <c r="C11555" t="s">
        <v>117</v>
      </c>
      <c r="D11555" t="s">
        <v>118</v>
      </c>
      <c r="E11555">
        <v>2015</v>
      </c>
      <c r="F11555">
        <v>2015</v>
      </c>
      <c r="G11555" t="s">
        <v>126</v>
      </c>
      <c r="H11555" t="s">
        <v>122</v>
      </c>
      <c r="I11555" t="s">
        <v>15</v>
      </c>
      <c r="J11555" s="10">
        <v>20.272251310000001</v>
      </c>
    </row>
    <row r="11556" spans="1:10" x14ac:dyDescent="0.35">
      <c r="A11556" t="s">
        <v>20</v>
      </c>
      <c r="B11556" t="s">
        <v>72</v>
      </c>
      <c r="C11556" t="s">
        <v>117</v>
      </c>
      <c r="D11556" t="s">
        <v>118</v>
      </c>
      <c r="E11556">
        <v>2015</v>
      </c>
      <c r="F11556">
        <v>2015</v>
      </c>
      <c r="G11556" t="s">
        <v>126</v>
      </c>
      <c r="H11556" t="s">
        <v>123</v>
      </c>
      <c r="I11556" t="s">
        <v>15</v>
      </c>
      <c r="J11556" s="10">
        <v>17.19895288</v>
      </c>
    </row>
    <row r="11557" spans="1:10" x14ac:dyDescent="0.35">
      <c r="A11557" t="s">
        <v>20</v>
      </c>
      <c r="B11557" t="s">
        <v>72</v>
      </c>
      <c r="C11557" t="s">
        <v>117</v>
      </c>
      <c r="D11557" t="s">
        <v>118</v>
      </c>
      <c r="E11557">
        <v>2015</v>
      </c>
      <c r="F11557">
        <v>2015</v>
      </c>
      <c r="G11557" t="s">
        <v>126</v>
      </c>
      <c r="H11557" t="s">
        <v>124</v>
      </c>
      <c r="I11557" t="s">
        <v>15</v>
      </c>
      <c r="J11557" s="10">
        <v>2.3455497379999999</v>
      </c>
    </row>
    <row r="11558" spans="1:10" x14ac:dyDescent="0.35">
      <c r="A11558" t="s">
        <v>20</v>
      </c>
      <c r="B11558" t="s">
        <v>72</v>
      </c>
      <c r="C11558" t="s">
        <v>117</v>
      </c>
      <c r="D11558" t="s">
        <v>118</v>
      </c>
      <c r="E11558">
        <v>2014</v>
      </c>
      <c r="F11558">
        <v>2014</v>
      </c>
      <c r="G11558" t="s">
        <v>14</v>
      </c>
      <c r="H11558" t="s">
        <v>119</v>
      </c>
      <c r="I11558" t="s">
        <v>15</v>
      </c>
      <c r="J11558" s="10">
        <v>17.930987550000001</v>
      </c>
    </row>
    <row r="11559" spans="1:10" x14ac:dyDescent="0.35">
      <c r="A11559" t="s">
        <v>20</v>
      </c>
      <c r="B11559" t="s">
        <v>72</v>
      </c>
      <c r="C11559" t="s">
        <v>117</v>
      </c>
      <c r="D11559" t="s">
        <v>118</v>
      </c>
      <c r="E11559">
        <v>2014</v>
      </c>
      <c r="F11559">
        <v>2014</v>
      </c>
      <c r="G11559" t="s">
        <v>14</v>
      </c>
      <c r="H11559" t="s">
        <v>120</v>
      </c>
      <c r="I11559" t="s">
        <v>15</v>
      </c>
      <c r="J11559" s="10">
        <v>10.42401143</v>
      </c>
    </row>
    <row r="11560" spans="1:10" x14ac:dyDescent="0.35">
      <c r="A11560" t="s">
        <v>20</v>
      </c>
      <c r="B11560" t="s">
        <v>72</v>
      </c>
      <c r="C11560" t="s">
        <v>117</v>
      </c>
      <c r="D11560" t="s">
        <v>118</v>
      </c>
      <c r="E11560">
        <v>2014</v>
      </c>
      <c r="F11560">
        <v>2014</v>
      </c>
      <c r="G11560" t="s">
        <v>14</v>
      </c>
      <c r="H11560" t="s">
        <v>121</v>
      </c>
      <c r="I11560" t="s">
        <v>15</v>
      </c>
      <c r="J11560" s="10">
        <v>33.801129789999997</v>
      </c>
    </row>
    <row r="11561" spans="1:10" x14ac:dyDescent="0.35">
      <c r="A11561" t="s">
        <v>20</v>
      </c>
      <c r="B11561" t="s">
        <v>72</v>
      </c>
      <c r="C11561" t="s">
        <v>117</v>
      </c>
      <c r="D11561" t="s">
        <v>118</v>
      </c>
      <c r="E11561">
        <v>2014</v>
      </c>
      <c r="F11561">
        <v>2014</v>
      </c>
      <c r="G11561" t="s">
        <v>14</v>
      </c>
      <c r="H11561" t="s">
        <v>122</v>
      </c>
      <c r="I11561" t="s">
        <v>15</v>
      </c>
      <c r="J11561" s="10">
        <v>20.028585039999999</v>
      </c>
    </row>
    <row r="11562" spans="1:10" x14ac:dyDescent="0.35">
      <c r="A11562" t="s">
        <v>20</v>
      </c>
      <c r="B11562" t="s">
        <v>72</v>
      </c>
      <c r="C11562" t="s">
        <v>117</v>
      </c>
      <c r="D11562" t="s">
        <v>118</v>
      </c>
      <c r="E11562">
        <v>2014</v>
      </c>
      <c r="F11562">
        <v>2014</v>
      </c>
      <c r="G11562" t="s">
        <v>14</v>
      </c>
      <c r="H11562" t="s">
        <v>123</v>
      </c>
      <c r="I11562" t="s">
        <v>15</v>
      </c>
      <c r="J11562" s="10">
        <v>16.09473899</v>
      </c>
    </row>
    <row r="11563" spans="1:10" x14ac:dyDescent="0.35">
      <c r="A11563" t="s">
        <v>20</v>
      </c>
      <c r="B11563" t="s">
        <v>72</v>
      </c>
      <c r="C11563" t="s">
        <v>117</v>
      </c>
      <c r="D11563" t="s">
        <v>118</v>
      </c>
      <c r="E11563">
        <v>2014</v>
      </c>
      <c r="F11563">
        <v>2014</v>
      </c>
      <c r="G11563" t="s">
        <v>14</v>
      </c>
      <c r="H11563" t="s">
        <v>124</v>
      </c>
      <c r="I11563" t="s">
        <v>15</v>
      </c>
      <c r="J11563" s="10">
        <v>1.7205471990000001</v>
      </c>
    </row>
    <row r="11564" spans="1:10" x14ac:dyDescent="0.35">
      <c r="A11564" t="s">
        <v>20</v>
      </c>
      <c r="B11564" t="s">
        <v>72</v>
      </c>
      <c r="C11564" t="s">
        <v>117</v>
      </c>
      <c r="D11564" t="s">
        <v>118</v>
      </c>
      <c r="E11564">
        <v>2014</v>
      </c>
      <c r="F11564">
        <v>2014</v>
      </c>
      <c r="G11564" t="s">
        <v>125</v>
      </c>
      <c r="H11564" t="s">
        <v>119</v>
      </c>
      <c r="I11564" t="s">
        <v>15</v>
      </c>
      <c r="J11564" s="10">
        <v>18.749823060000001</v>
      </c>
    </row>
    <row r="11565" spans="1:10" x14ac:dyDescent="0.35">
      <c r="A11565" t="s">
        <v>20</v>
      </c>
      <c r="B11565" t="s">
        <v>72</v>
      </c>
      <c r="C11565" t="s">
        <v>117</v>
      </c>
      <c r="D11565" t="s">
        <v>118</v>
      </c>
      <c r="E11565">
        <v>2014</v>
      </c>
      <c r="F11565">
        <v>2014</v>
      </c>
      <c r="G11565" t="s">
        <v>125</v>
      </c>
      <c r="H11565" t="s">
        <v>120</v>
      </c>
      <c r="I11565" t="s">
        <v>15</v>
      </c>
      <c r="J11565" s="10">
        <v>10.780511280000001</v>
      </c>
    </row>
    <row r="11566" spans="1:10" x14ac:dyDescent="0.35">
      <c r="A11566" t="s">
        <v>20</v>
      </c>
      <c r="B11566" t="s">
        <v>72</v>
      </c>
      <c r="C11566" t="s">
        <v>117</v>
      </c>
      <c r="D11566" t="s">
        <v>118</v>
      </c>
      <c r="E11566">
        <v>2014</v>
      </c>
      <c r="F11566">
        <v>2014</v>
      </c>
      <c r="G11566" t="s">
        <v>125</v>
      </c>
      <c r="H11566" t="s">
        <v>121</v>
      </c>
      <c r="I11566" t="s">
        <v>15</v>
      </c>
      <c r="J11566" s="10">
        <v>34.03448178</v>
      </c>
    </row>
    <row r="11567" spans="1:10" x14ac:dyDescent="0.35">
      <c r="A11567" t="s">
        <v>20</v>
      </c>
      <c r="B11567" t="s">
        <v>72</v>
      </c>
      <c r="C11567" t="s">
        <v>117</v>
      </c>
      <c r="D11567" t="s">
        <v>118</v>
      </c>
      <c r="E11567">
        <v>2014</v>
      </c>
      <c r="F11567">
        <v>2014</v>
      </c>
      <c r="G11567" t="s">
        <v>125</v>
      </c>
      <c r="H11567" t="s">
        <v>122</v>
      </c>
      <c r="I11567" t="s">
        <v>15</v>
      </c>
      <c r="J11567" s="10">
        <v>20.187979500000001</v>
      </c>
    </row>
    <row r="11568" spans="1:10" x14ac:dyDescent="0.35">
      <c r="A11568" t="s">
        <v>20</v>
      </c>
      <c r="B11568" t="s">
        <v>72</v>
      </c>
      <c r="C11568" t="s">
        <v>117</v>
      </c>
      <c r="D11568" t="s">
        <v>118</v>
      </c>
      <c r="E11568">
        <v>2014</v>
      </c>
      <c r="F11568">
        <v>2014</v>
      </c>
      <c r="G11568" t="s">
        <v>125</v>
      </c>
      <c r="H11568" t="s">
        <v>123</v>
      </c>
      <c r="I11568" t="s">
        <v>15</v>
      </c>
      <c r="J11568" s="10">
        <v>15.123290770000001</v>
      </c>
    </row>
    <row r="11569" spans="1:10" x14ac:dyDescent="0.35">
      <c r="A11569" t="s">
        <v>20</v>
      </c>
      <c r="B11569" t="s">
        <v>72</v>
      </c>
      <c r="C11569" t="s">
        <v>117</v>
      </c>
      <c r="D11569" t="s">
        <v>118</v>
      </c>
      <c r="E11569">
        <v>2014</v>
      </c>
      <c r="F11569">
        <v>2014</v>
      </c>
      <c r="G11569" t="s">
        <v>125</v>
      </c>
      <c r="H11569" t="s">
        <v>124</v>
      </c>
      <c r="I11569" t="s">
        <v>15</v>
      </c>
      <c r="J11569" s="10">
        <v>1.123913597</v>
      </c>
    </row>
    <row r="11570" spans="1:10" x14ac:dyDescent="0.35">
      <c r="A11570" t="s">
        <v>20</v>
      </c>
      <c r="B11570" t="s">
        <v>72</v>
      </c>
      <c r="C11570" t="s">
        <v>117</v>
      </c>
      <c r="D11570" t="s">
        <v>118</v>
      </c>
      <c r="E11570">
        <v>2014</v>
      </c>
      <c r="F11570">
        <v>2014</v>
      </c>
      <c r="G11570" t="s">
        <v>126</v>
      </c>
      <c r="H11570" t="s">
        <v>119</v>
      </c>
      <c r="I11570" t="s">
        <v>15</v>
      </c>
      <c r="J11570" s="10">
        <v>17.172670549999999</v>
      </c>
    </row>
    <row r="11571" spans="1:10" x14ac:dyDescent="0.35">
      <c r="A11571" t="s">
        <v>20</v>
      </c>
      <c r="B11571" t="s">
        <v>72</v>
      </c>
      <c r="C11571" t="s">
        <v>117</v>
      </c>
      <c r="D11571" t="s">
        <v>118</v>
      </c>
      <c r="E11571">
        <v>2014</v>
      </c>
      <c r="F11571">
        <v>2014</v>
      </c>
      <c r="G11571" t="s">
        <v>126</v>
      </c>
      <c r="H11571" t="s">
        <v>120</v>
      </c>
      <c r="I11571" t="s">
        <v>15</v>
      </c>
      <c r="J11571" s="10">
        <v>10.09385979</v>
      </c>
    </row>
    <row r="11572" spans="1:10" x14ac:dyDescent="0.35">
      <c r="A11572" t="s">
        <v>20</v>
      </c>
      <c r="B11572" t="s">
        <v>72</v>
      </c>
      <c r="C11572" t="s">
        <v>117</v>
      </c>
      <c r="D11572" t="s">
        <v>118</v>
      </c>
      <c r="E11572">
        <v>2014</v>
      </c>
      <c r="F11572">
        <v>2014</v>
      </c>
      <c r="G11572" t="s">
        <v>126</v>
      </c>
      <c r="H11572" t="s">
        <v>121</v>
      </c>
      <c r="I11572" t="s">
        <v>15</v>
      </c>
      <c r="J11572" s="10">
        <v>33.58502438</v>
      </c>
    </row>
    <row r="11573" spans="1:10" x14ac:dyDescent="0.35">
      <c r="A11573" t="s">
        <v>20</v>
      </c>
      <c r="B11573" t="s">
        <v>72</v>
      </c>
      <c r="C11573" t="s">
        <v>117</v>
      </c>
      <c r="D11573" t="s">
        <v>118</v>
      </c>
      <c r="E11573">
        <v>2014</v>
      </c>
      <c r="F11573">
        <v>2014</v>
      </c>
      <c r="G11573" t="s">
        <v>126</v>
      </c>
      <c r="H11573" t="s">
        <v>122</v>
      </c>
      <c r="I11573" t="s">
        <v>15</v>
      </c>
      <c r="J11573" s="10">
        <v>19.880971110000001</v>
      </c>
    </row>
    <row r="11574" spans="1:10" x14ac:dyDescent="0.35">
      <c r="A11574" t="s">
        <v>20</v>
      </c>
      <c r="B11574" t="s">
        <v>72</v>
      </c>
      <c r="C11574" t="s">
        <v>117</v>
      </c>
      <c r="D11574" t="s">
        <v>118</v>
      </c>
      <c r="E11574">
        <v>2014</v>
      </c>
      <c r="F11574">
        <v>2014</v>
      </c>
      <c r="G11574" t="s">
        <v>126</v>
      </c>
      <c r="H11574" t="s">
        <v>123</v>
      </c>
      <c r="I11574" t="s">
        <v>15</v>
      </c>
      <c r="J11574" s="10">
        <v>16.994389389999998</v>
      </c>
    </row>
    <row r="11575" spans="1:10" x14ac:dyDescent="0.35">
      <c r="A11575" t="s">
        <v>20</v>
      </c>
      <c r="B11575" t="s">
        <v>72</v>
      </c>
      <c r="C11575" t="s">
        <v>117</v>
      </c>
      <c r="D11575" t="s">
        <v>118</v>
      </c>
      <c r="E11575">
        <v>2014</v>
      </c>
      <c r="F11575">
        <v>2014</v>
      </c>
      <c r="G11575" t="s">
        <v>126</v>
      </c>
      <c r="H11575" t="s">
        <v>124</v>
      </c>
      <c r="I11575" t="s">
        <v>15</v>
      </c>
      <c r="J11575" s="10">
        <v>2.2730847879999998</v>
      </c>
    </row>
    <row r="11576" spans="1:10" x14ac:dyDescent="0.35">
      <c r="A11576" t="s">
        <v>20</v>
      </c>
      <c r="B11576" t="s">
        <v>72</v>
      </c>
      <c r="C11576" t="s">
        <v>117</v>
      </c>
      <c r="D11576" t="s">
        <v>118</v>
      </c>
      <c r="E11576">
        <v>2013</v>
      </c>
      <c r="F11576">
        <v>2013</v>
      </c>
      <c r="G11576" t="s">
        <v>14</v>
      </c>
      <c r="H11576" t="s">
        <v>119</v>
      </c>
      <c r="I11576" t="s">
        <v>15</v>
      </c>
      <c r="J11576" s="10">
        <v>17.99512799</v>
      </c>
    </row>
    <row r="11577" spans="1:10" x14ac:dyDescent="0.35">
      <c r="A11577" t="s">
        <v>20</v>
      </c>
      <c r="B11577" t="s">
        <v>72</v>
      </c>
      <c r="C11577" t="s">
        <v>117</v>
      </c>
      <c r="D11577" t="s">
        <v>118</v>
      </c>
      <c r="E11577">
        <v>2013</v>
      </c>
      <c r="F11577">
        <v>2013</v>
      </c>
      <c r="G11577" t="s">
        <v>14</v>
      </c>
      <c r="H11577" t="s">
        <v>120</v>
      </c>
      <c r="I11577" t="s">
        <v>15</v>
      </c>
      <c r="J11577" s="10">
        <v>10.352335979999999</v>
      </c>
    </row>
    <row r="11578" spans="1:10" x14ac:dyDescent="0.35">
      <c r="A11578" t="s">
        <v>20</v>
      </c>
      <c r="B11578" t="s">
        <v>72</v>
      </c>
      <c r="C11578" t="s">
        <v>117</v>
      </c>
      <c r="D11578" t="s">
        <v>118</v>
      </c>
      <c r="E11578">
        <v>2013</v>
      </c>
      <c r="F11578">
        <v>2013</v>
      </c>
      <c r="G11578" t="s">
        <v>14</v>
      </c>
      <c r="H11578" t="s">
        <v>121</v>
      </c>
      <c r="I11578" t="s">
        <v>15</v>
      </c>
      <c r="J11578" s="10">
        <v>34.48102231</v>
      </c>
    </row>
    <row r="11579" spans="1:10" x14ac:dyDescent="0.35">
      <c r="A11579" t="s">
        <v>20</v>
      </c>
      <c r="B11579" t="s">
        <v>72</v>
      </c>
      <c r="C11579" t="s">
        <v>117</v>
      </c>
      <c r="D11579" t="s">
        <v>118</v>
      </c>
      <c r="E11579">
        <v>2013</v>
      </c>
      <c r="F11579">
        <v>2013</v>
      </c>
      <c r="G11579" t="s">
        <v>14</v>
      </c>
      <c r="H11579" t="s">
        <v>122</v>
      </c>
      <c r="I11579" t="s">
        <v>15</v>
      </c>
      <c r="J11579" s="10">
        <v>19.693526219999999</v>
      </c>
    </row>
    <row r="11580" spans="1:10" x14ac:dyDescent="0.35">
      <c r="A11580" t="s">
        <v>20</v>
      </c>
      <c r="B11580" t="s">
        <v>72</v>
      </c>
      <c r="C11580" t="s">
        <v>117</v>
      </c>
      <c r="D11580" t="s">
        <v>118</v>
      </c>
      <c r="E11580">
        <v>2013</v>
      </c>
      <c r="F11580">
        <v>2013</v>
      </c>
      <c r="G11580" t="s">
        <v>14</v>
      </c>
      <c r="H11580" t="s">
        <v>123</v>
      </c>
      <c r="I11580" t="s">
        <v>15</v>
      </c>
      <c r="J11580" s="10">
        <v>15.775506590000001</v>
      </c>
    </row>
    <row r="11581" spans="1:10" x14ac:dyDescent="0.35">
      <c r="A11581" t="s">
        <v>20</v>
      </c>
      <c r="B11581" t="s">
        <v>72</v>
      </c>
      <c r="C11581" t="s">
        <v>117</v>
      </c>
      <c r="D11581" t="s">
        <v>118</v>
      </c>
      <c r="E11581">
        <v>2013</v>
      </c>
      <c r="F11581">
        <v>2013</v>
      </c>
      <c r="G11581" t="s">
        <v>14</v>
      </c>
      <c r="H11581" t="s">
        <v>124</v>
      </c>
      <c r="I11581" t="s">
        <v>15</v>
      </c>
      <c r="J11581" s="10">
        <v>1.702480913</v>
      </c>
    </row>
    <row r="11582" spans="1:10" x14ac:dyDescent="0.35">
      <c r="A11582" t="s">
        <v>20</v>
      </c>
      <c r="B11582" t="s">
        <v>72</v>
      </c>
      <c r="C11582" t="s">
        <v>117</v>
      </c>
      <c r="D11582" t="s">
        <v>118</v>
      </c>
      <c r="E11582">
        <v>2013</v>
      </c>
      <c r="F11582">
        <v>2013</v>
      </c>
      <c r="G11582" t="s">
        <v>125</v>
      </c>
      <c r="H11582" t="s">
        <v>119</v>
      </c>
      <c r="I11582" t="s">
        <v>15</v>
      </c>
      <c r="J11582" s="10">
        <v>18.920753439999999</v>
      </c>
    </row>
    <row r="11583" spans="1:10" x14ac:dyDescent="0.35">
      <c r="A11583" t="s">
        <v>20</v>
      </c>
      <c r="B11583" t="s">
        <v>72</v>
      </c>
      <c r="C11583" t="s">
        <v>117</v>
      </c>
      <c r="D11583" t="s">
        <v>118</v>
      </c>
      <c r="E11583">
        <v>2013</v>
      </c>
      <c r="F11583">
        <v>2013</v>
      </c>
      <c r="G11583" t="s">
        <v>125</v>
      </c>
      <c r="H11583" t="s">
        <v>120</v>
      </c>
      <c r="I11583" t="s">
        <v>15</v>
      </c>
      <c r="J11583" s="10">
        <v>10.62842921</v>
      </c>
    </row>
    <row r="11584" spans="1:10" x14ac:dyDescent="0.35">
      <c r="A11584" t="s">
        <v>20</v>
      </c>
      <c r="B11584" t="s">
        <v>72</v>
      </c>
      <c r="C11584" t="s">
        <v>117</v>
      </c>
      <c r="D11584" t="s">
        <v>118</v>
      </c>
      <c r="E11584">
        <v>2013</v>
      </c>
      <c r="F11584">
        <v>2013</v>
      </c>
      <c r="G11584" t="s">
        <v>125</v>
      </c>
      <c r="H11584" t="s">
        <v>121</v>
      </c>
      <c r="I11584" t="s">
        <v>15</v>
      </c>
      <c r="J11584" s="10">
        <v>34.696532609999998</v>
      </c>
    </row>
    <row r="11585" spans="1:10" x14ac:dyDescent="0.35">
      <c r="A11585" t="s">
        <v>20</v>
      </c>
      <c r="B11585" t="s">
        <v>72</v>
      </c>
      <c r="C11585" t="s">
        <v>117</v>
      </c>
      <c r="D11585" t="s">
        <v>118</v>
      </c>
      <c r="E11585">
        <v>2013</v>
      </c>
      <c r="F11585">
        <v>2013</v>
      </c>
      <c r="G11585" t="s">
        <v>125</v>
      </c>
      <c r="H11585" t="s">
        <v>122</v>
      </c>
      <c r="I11585" t="s">
        <v>15</v>
      </c>
      <c r="J11585" s="10">
        <v>19.907800210000001</v>
      </c>
    </row>
    <row r="11586" spans="1:10" x14ac:dyDescent="0.35">
      <c r="A11586" t="s">
        <v>20</v>
      </c>
      <c r="B11586" t="s">
        <v>72</v>
      </c>
      <c r="C11586" t="s">
        <v>117</v>
      </c>
      <c r="D11586" t="s">
        <v>118</v>
      </c>
      <c r="E11586">
        <v>2013</v>
      </c>
      <c r="F11586">
        <v>2013</v>
      </c>
      <c r="G11586" t="s">
        <v>125</v>
      </c>
      <c r="H11586" t="s">
        <v>123</v>
      </c>
      <c r="I11586" t="s">
        <v>15</v>
      </c>
      <c r="J11586" s="10">
        <v>14.73499632</v>
      </c>
    </row>
    <row r="11587" spans="1:10" x14ac:dyDescent="0.35">
      <c r="A11587" t="s">
        <v>20</v>
      </c>
      <c r="B11587" t="s">
        <v>72</v>
      </c>
      <c r="C11587" t="s">
        <v>117</v>
      </c>
      <c r="D11587" t="s">
        <v>118</v>
      </c>
      <c r="E11587">
        <v>2013</v>
      </c>
      <c r="F11587">
        <v>2013</v>
      </c>
      <c r="G11587" t="s">
        <v>125</v>
      </c>
      <c r="H11587" t="s">
        <v>124</v>
      </c>
      <c r="I11587" t="s">
        <v>15</v>
      </c>
      <c r="J11587" s="10">
        <v>1.111488206</v>
      </c>
    </row>
    <row r="11588" spans="1:10" x14ac:dyDescent="0.35">
      <c r="A11588" t="s">
        <v>20</v>
      </c>
      <c r="B11588" t="s">
        <v>72</v>
      </c>
      <c r="C11588" t="s">
        <v>117</v>
      </c>
      <c r="D11588" t="s">
        <v>118</v>
      </c>
      <c r="E11588">
        <v>2013</v>
      </c>
      <c r="F11588">
        <v>2013</v>
      </c>
      <c r="G11588" t="s">
        <v>126</v>
      </c>
      <c r="H11588" t="s">
        <v>119</v>
      </c>
      <c r="I11588" t="s">
        <v>15</v>
      </c>
      <c r="J11588" s="10">
        <v>17.136636679999999</v>
      </c>
    </row>
    <row r="11589" spans="1:10" x14ac:dyDescent="0.35">
      <c r="A11589" t="s">
        <v>20</v>
      </c>
      <c r="B11589" t="s">
        <v>72</v>
      </c>
      <c r="C11589" t="s">
        <v>117</v>
      </c>
      <c r="D11589" t="s">
        <v>118</v>
      </c>
      <c r="E11589">
        <v>2013</v>
      </c>
      <c r="F11589">
        <v>2013</v>
      </c>
      <c r="G11589" t="s">
        <v>126</v>
      </c>
      <c r="H11589" t="s">
        <v>120</v>
      </c>
      <c r="I11589" t="s">
        <v>15</v>
      </c>
      <c r="J11589" s="10">
        <v>10.09626735</v>
      </c>
    </row>
    <row r="11590" spans="1:10" x14ac:dyDescent="0.35">
      <c r="A11590" t="s">
        <v>20</v>
      </c>
      <c r="B11590" t="s">
        <v>72</v>
      </c>
      <c r="C11590" t="s">
        <v>117</v>
      </c>
      <c r="D11590" t="s">
        <v>118</v>
      </c>
      <c r="E11590">
        <v>2013</v>
      </c>
      <c r="F11590">
        <v>2013</v>
      </c>
      <c r="G11590" t="s">
        <v>126</v>
      </c>
      <c r="H11590" t="s">
        <v>121</v>
      </c>
      <c r="I11590" t="s">
        <v>15</v>
      </c>
      <c r="J11590" s="10">
        <v>34.281142619999997</v>
      </c>
    </row>
    <row r="11591" spans="1:10" x14ac:dyDescent="0.35">
      <c r="A11591" t="s">
        <v>20</v>
      </c>
      <c r="B11591" t="s">
        <v>72</v>
      </c>
      <c r="C11591" t="s">
        <v>117</v>
      </c>
      <c r="D11591" t="s">
        <v>118</v>
      </c>
      <c r="E11591">
        <v>2013</v>
      </c>
      <c r="F11591">
        <v>2013</v>
      </c>
      <c r="G11591" t="s">
        <v>126</v>
      </c>
      <c r="H11591" t="s">
        <v>122</v>
      </c>
      <c r="I11591" t="s">
        <v>15</v>
      </c>
      <c r="J11591" s="10">
        <v>19.494793170000001</v>
      </c>
    </row>
    <row r="11592" spans="1:10" x14ac:dyDescent="0.35">
      <c r="A11592" t="s">
        <v>20</v>
      </c>
      <c r="B11592" t="s">
        <v>72</v>
      </c>
      <c r="C11592" t="s">
        <v>117</v>
      </c>
      <c r="D11592" t="s">
        <v>118</v>
      </c>
      <c r="E11592">
        <v>2013</v>
      </c>
      <c r="F11592">
        <v>2013</v>
      </c>
      <c r="G11592" t="s">
        <v>126</v>
      </c>
      <c r="H11592" t="s">
        <v>123</v>
      </c>
      <c r="I11592" t="s">
        <v>15</v>
      </c>
      <c r="J11592" s="10">
        <v>16.740550320000001</v>
      </c>
    </row>
    <row r="11593" spans="1:10" x14ac:dyDescent="0.35">
      <c r="A11593" t="s">
        <v>20</v>
      </c>
      <c r="B11593" t="s">
        <v>72</v>
      </c>
      <c r="C11593" t="s">
        <v>117</v>
      </c>
      <c r="D11593" t="s">
        <v>118</v>
      </c>
      <c r="E11593">
        <v>2013</v>
      </c>
      <c r="F11593">
        <v>2013</v>
      </c>
      <c r="G11593" t="s">
        <v>126</v>
      </c>
      <c r="H11593" t="s">
        <v>124</v>
      </c>
      <c r="I11593" t="s">
        <v>15</v>
      </c>
      <c r="J11593" s="10">
        <v>2.2506098680000002</v>
      </c>
    </row>
    <row r="11594" spans="1:10" x14ac:dyDescent="0.35">
      <c r="A11594" t="s">
        <v>20</v>
      </c>
      <c r="B11594" t="s">
        <v>72</v>
      </c>
      <c r="C11594" t="s">
        <v>117</v>
      </c>
      <c r="D11594" t="s">
        <v>118</v>
      </c>
      <c r="E11594">
        <v>2012</v>
      </c>
      <c r="F11594">
        <v>2012</v>
      </c>
      <c r="G11594" t="s">
        <v>14</v>
      </c>
      <c r="H11594" t="s">
        <v>119</v>
      </c>
      <c r="I11594" t="s">
        <v>15</v>
      </c>
      <c r="J11594" s="10">
        <v>18.101201929999998</v>
      </c>
    </row>
    <row r="11595" spans="1:10" x14ac:dyDescent="0.35">
      <c r="A11595" t="s">
        <v>20</v>
      </c>
      <c r="B11595" t="s">
        <v>72</v>
      </c>
      <c r="C11595" t="s">
        <v>117</v>
      </c>
      <c r="D11595" t="s">
        <v>118</v>
      </c>
      <c r="E11595">
        <v>2012</v>
      </c>
      <c r="F11595">
        <v>2012</v>
      </c>
      <c r="G11595" t="s">
        <v>14</v>
      </c>
      <c r="H11595" t="s">
        <v>120</v>
      </c>
      <c r="I11595" t="s">
        <v>15</v>
      </c>
      <c r="J11595" s="10">
        <v>10.40396185</v>
      </c>
    </row>
    <row r="11596" spans="1:10" x14ac:dyDescent="0.35">
      <c r="A11596" t="s">
        <v>20</v>
      </c>
      <c r="B11596" t="s">
        <v>72</v>
      </c>
      <c r="C11596" t="s">
        <v>117</v>
      </c>
      <c r="D11596" t="s">
        <v>118</v>
      </c>
      <c r="E11596">
        <v>2012</v>
      </c>
      <c r="F11596">
        <v>2012</v>
      </c>
      <c r="G11596" t="s">
        <v>14</v>
      </c>
      <c r="H11596" t="s">
        <v>121</v>
      </c>
      <c r="I11596" t="s">
        <v>15</v>
      </c>
      <c r="J11596" s="10">
        <v>34.81630036</v>
      </c>
    </row>
    <row r="11597" spans="1:10" x14ac:dyDescent="0.35">
      <c r="A11597" t="s">
        <v>20</v>
      </c>
      <c r="B11597" t="s">
        <v>72</v>
      </c>
      <c r="C11597" t="s">
        <v>117</v>
      </c>
      <c r="D11597" t="s">
        <v>118</v>
      </c>
      <c r="E11597">
        <v>2012</v>
      </c>
      <c r="F11597">
        <v>2012</v>
      </c>
      <c r="G11597" t="s">
        <v>14</v>
      </c>
      <c r="H11597" t="s">
        <v>122</v>
      </c>
      <c r="I11597" t="s">
        <v>15</v>
      </c>
      <c r="J11597" s="10">
        <v>19.64692561</v>
      </c>
    </row>
    <row r="11598" spans="1:10" x14ac:dyDescent="0.35">
      <c r="A11598" t="s">
        <v>20</v>
      </c>
      <c r="B11598" t="s">
        <v>72</v>
      </c>
      <c r="C11598" t="s">
        <v>117</v>
      </c>
      <c r="D11598" t="s">
        <v>118</v>
      </c>
      <c r="E11598">
        <v>2012</v>
      </c>
      <c r="F11598">
        <v>2012</v>
      </c>
      <c r="G11598" t="s">
        <v>14</v>
      </c>
      <c r="H11598" t="s">
        <v>123</v>
      </c>
      <c r="I11598" t="s">
        <v>15</v>
      </c>
      <c r="J11598" s="10">
        <v>15.33172349</v>
      </c>
    </row>
    <row r="11599" spans="1:10" x14ac:dyDescent="0.35">
      <c r="A11599" t="s">
        <v>20</v>
      </c>
      <c r="B11599" t="s">
        <v>72</v>
      </c>
      <c r="C11599" t="s">
        <v>117</v>
      </c>
      <c r="D11599" t="s">
        <v>118</v>
      </c>
      <c r="E11599">
        <v>2012</v>
      </c>
      <c r="F11599">
        <v>2012</v>
      </c>
      <c r="G11599" t="s">
        <v>14</v>
      </c>
      <c r="H11599" t="s">
        <v>124</v>
      </c>
      <c r="I11599" t="s">
        <v>15</v>
      </c>
      <c r="J11599" s="10">
        <v>1.699886765</v>
      </c>
    </row>
    <row r="11600" spans="1:10" x14ac:dyDescent="0.35">
      <c r="A11600" t="s">
        <v>20</v>
      </c>
      <c r="B11600" t="s">
        <v>72</v>
      </c>
      <c r="C11600" t="s">
        <v>117</v>
      </c>
      <c r="D11600" t="s">
        <v>118</v>
      </c>
      <c r="E11600">
        <v>2012</v>
      </c>
      <c r="F11600">
        <v>2012</v>
      </c>
      <c r="G11600" t="s">
        <v>125</v>
      </c>
      <c r="H11600" t="s">
        <v>119</v>
      </c>
      <c r="I11600" t="s">
        <v>15</v>
      </c>
      <c r="J11600" s="10">
        <v>18.988025830000002</v>
      </c>
    </row>
    <row r="11601" spans="1:10" x14ac:dyDescent="0.35">
      <c r="A11601" t="s">
        <v>20</v>
      </c>
      <c r="B11601" t="s">
        <v>72</v>
      </c>
      <c r="C11601" t="s">
        <v>117</v>
      </c>
      <c r="D11601" t="s">
        <v>118</v>
      </c>
      <c r="E11601">
        <v>2012</v>
      </c>
      <c r="F11601">
        <v>2012</v>
      </c>
      <c r="G11601" t="s">
        <v>125</v>
      </c>
      <c r="H11601" t="s">
        <v>120</v>
      </c>
      <c r="I11601" t="s">
        <v>15</v>
      </c>
      <c r="J11601" s="10">
        <v>10.78244546</v>
      </c>
    </row>
    <row r="11602" spans="1:10" x14ac:dyDescent="0.35">
      <c r="A11602" t="s">
        <v>20</v>
      </c>
      <c r="B11602" t="s">
        <v>72</v>
      </c>
      <c r="C11602" t="s">
        <v>117</v>
      </c>
      <c r="D11602" t="s">
        <v>118</v>
      </c>
      <c r="E11602">
        <v>2012</v>
      </c>
      <c r="F11602">
        <v>2012</v>
      </c>
      <c r="G11602" t="s">
        <v>125</v>
      </c>
      <c r="H11602" t="s">
        <v>121</v>
      </c>
      <c r="I11602" t="s">
        <v>15</v>
      </c>
      <c r="J11602" s="10">
        <v>35.026593480000003</v>
      </c>
    </row>
    <row r="11603" spans="1:10" x14ac:dyDescent="0.35">
      <c r="A11603" t="s">
        <v>20</v>
      </c>
      <c r="B11603" t="s">
        <v>72</v>
      </c>
      <c r="C11603" t="s">
        <v>117</v>
      </c>
      <c r="D11603" t="s">
        <v>118</v>
      </c>
      <c r="E11603">
        <v>2012</v>
      </c>
      <c r="F11603">
        <v>2012</v>
      </c>
      <c r="G11603" t="s">
        <v>125</v>
      </c>
      <c r="H11603" t="s">
        <v>122</v>
      </c>
      <c r="I11603" t="s">
        <v>15</v>
      </c>
      <c r="J11603" s="10">
        <v>19.750277310000001</v>
      </c>
    </row>
    <row r="11604" spans="1:10" x14ac:dyDescent="0.35">
      <c r="A11604" t="s">
        <v>20</v>
      </c>
      <c r="B11604" t="s">
        <v>72</v>
      </c>
      <c r="C11604" t="s">
        <v>117</v>
      </c>
      <c r="D11604" t="s">
        <v>118</v>
      </c>
      <c r="E11604">
        <v>2012</v>
      </c>
      <c r="F11604">
        <v>2012</v>
      </c>
      <c r="G11604" t="s">
        <v>125</v>
      </c>
      <c r="H11604" t="s">
        <v>123</v>
      </c>
      <c r="I11604" t="s">
        <v>15</v>
      </c>
      <c r="J11604" s="10">
        <v>14.36047669</v>
      </c>
    </row>
    <row r="11605" spans="1:10" x14ac:dyDescent="0.35">
      <c r="A11605" t="s">
        <v>20</v>
      </c>
      <c r="B11605" t="s">
        <v>72</v>
      </c>
      <c r="C11605" t="s">
        <v>117</v>
      </c>
      <c r="D11605" t="s">
        <v>118</v>
      </c>
      <c r="E11605">
        <v>2012</v>
      </c>
      <c r="F11605">
        <v>2012</v>
      </c>
      <c r="G11605" t="s">
        <v>125</v>
      </c>
      <c r="H11605" t="s">
        <v>124</v>
      </c>
      <c r="I11605" t="s">
        <v>15</v>
      </c>
      <c r="J11605" s="10">
        <v>1.0921812339999999</v>
      </c>
    </row>
    <row r="11606" spans="1:10" x14ac:dyDescent="0.35">
      <c r="A11606" t="s">
        <v>20</v>
      </c>
      <c r="B11606" t="s">
        <v>72</v>
      </c>
      <c r="C11606" t="s">
        <v>117</v>
      </c>
      <c r="D11606" t="s">
        <v>118</v>
      </c>
      <c r="E11606">
        <v>2012</v>
      </c>
      <c r="F11606">
        <v>2012</v>
      </c>
      <c r="G11606" t="s">
        <v>126</v>
      </c>
      <c r="H11606" t="s">
        <v>119</v>
      </c>
      <c r="I11606" t="s">
        <v>15</v>
      </c>
      <c r="J11606" s="10">
        <v>17.283691659999999</v>
      </c>
    </row>
    <row r="11607" spans="1:10" x14ac:dyDescent="0.35">
      <c r="A11607" t="s">
        <v>20</v>
      </c>
      <c r="B11607" t="s">
        <v>72</v>
      </c>
      <c r="C11607" t="s">
        <v>117</v>
      </c>
      <c r="D11607" t="s">
        <v>118</v>
      </c>
      <c r="E11607">
        <v>2012</v>
      </c>
      <c r="F11607">
        <v>2012</v>
      </c>
      <c r="G11607" t="s">
        <v>126</v>
      </c>
      <c r="H11607" t="s">
        <v>120</v>
      </c>
      <c r="I11607" t="s">
        <v>15</v>
      </c>
      <c r="J11607" s="10">
        <v>10.055060299999999</v>
      </c>
    </row>
    <row r="11608" spans="1:10" x14ac:dyDescent="0.35">
      <c r="A11608" t="s">
        <v>20</v>
      </c>
      <c r="B11608" t="s">
        <v>72</v>
      </c>
      <c r="C11608" t="s">
        <v>117</v>
      </c>
      <c r="D11608" t="s">
        <v>118</v>
      </c>
      <c r="E11608">
        <v>2012</v>
      </c>
      <c r="F11608">
        <v>2012</v>
      </c>
      <c r="G11608" t="s">
        <v>126</v>
      </c>
      <c r="H11608" t="s">
        <v>121</v>
      </c>
      <c r="I11608" t="s">
        <v>15</v>
      </c>
      <c r="J11608" s="10">
        <v>34.622443629999999</v>
      </c>
    </row>
    <row r="11609" spans="1:10" x14ac:dyDescent="0.35">
      <c r="A11609" t="s">
        <v>20</v>
      </c>
      <c r="B11609" t="s">
        <v>72</v>
      </c>
      <c r="C11609" t="s">
        <v>117</v>
      </c>
      <c r="D11609" t="s">
        <v>118</v>
      </c>
      <c r="E11609">
        <v>2012</v>
      </c>
      <c r="F11609">
        <v>2012</v>
      </c>
      <c r="G11609" t="s">
        <v>126</v>
      </c>
      <c r="H11609" t="s">
        <v>122</v>
      </c>
      <c r="I11609" t="s">
        <v>15</v>
      </c>
      <c r="J11609" s="10">
        <v>19.551651809999999</v>
      </c>
    </row>
    <row r="11610" spans="1:10" x14ac:dyDescent="0.35">
      <c r="A11610" t="s">
        <v>20</v>
      </c>
      <c r="B11610" t="s">
        <v>72</v>
      </c>
      <c r="C11610" t="s">
        <v>117</v>
      </c>
      <c r="D11610" t="s">
        <v>118</v>
      </c>
      <c r="E11610">
        <v>2012</v>
      </c>
      <c r="F11610">
        <v>2012</v>
      </c>
      <c r="G11610" t="s">
        <v>126</v>
      </c>
      <c r="H11610" t="s">
        <v>123</v>
      </c>
      <c r="I11610" t="s">
        <v>15</v>
      </c>
      <c r="J11610" s="10">
        <v>16.227058209999999</v>
      </c>
    </row>
    <row r="11611" spans="1:10" x14ac:dyDescent="0.35">
      <c r="A11611" t="s">
        <v>20</v>
      </c>
      <c r="B11611" t="s">
        <v>72</v>
      </c>
      <c r="C11611" t="s">
        <v>117</v>
      </c>
      <c r="D11611" t="s">
        <v>118</v>
      </c>
      <c r="E11611">
        <v>2012</v>
      </c>
      <c r="F11611">
        <v>2012</v>
      </c>
      <c r="G11611" t="s">
        <v>126</v>
      </c>
      <c r="H11611" t="s">
        <v>124</v>
      </c>
      <c r="I11611" t="s">
        <v>15</v>
      </c>
      <c r="J11611" s="10">
        <v>2.2600943889999998</v>
      </c>
    </row>
    <row r="11612" spans="1:10" x14ac:dyDescent="0.35">
      <c r="A11612" t="s">
        <v>20</v>
      </c>
      <c r="B11612" t="s">
        <v>72</v>
      </c>
      <c r="C11612" t="s">
        <v>117</v>
      </c>
      <c r="D11612" t="s">
        <v>118</v>
      </c>
      <c r="E11612">
        <v>2011</v>
      </c>
      <c r="F11612">
        <v>2011</v>
      </c>
      <c r="G11612" t="s">
        <v>14</v>
      </c>
      <c r="H11612" t="s">
        <v>119</v>
      </c>
      <c r="I11612" t="s">
        <v>15</v>
      </c>
      <c r="J11612" s="10">
        <v>18.01034087</v>
      </c>
    </row>
    <row r="11613" spans="1:10" x14ac:dyDescent="0.35">
      <c r="A11613" t="s">
        <v>20</v>
      </c>
      <c r="B11613" t="s">
        <v>72</v>
      </c>
      <c r="C11613" t="s">
        <v>117</v>
      </c>
      <c r="D11613" t="s">
        <v>118</v>
      </c>
      <c r="E11613">
        <v>2011</v>
      </c>
      <c r="F11613">
        <v>2011</v>
      </c>
      <c r="G11613" t="s">
        <v>14</v>
      </c>
      <c r="H11613" t="s">
        <v>120</v>
      </c>
      <c r="I11613" t="s">
        <v>15</v>
      </c>
      <c r="J11613" s="10">
        <v>10.48585654</v>
      </c>
    </row>
    <row r="11614" spans="1:10" x14ac:dyDescent="0.35">
      <c r="A11614" t="s">
        <v>20</v>
      </c>
      <c r="B11614" t="s">
        <v>72</v>
      </c>
      <c r="C11614" t="s">
        <v>117</v>
      </c>
      <c r="D11614" t="s">
        <v>118</v>
      </c>
      <c r="E11614">
        <v>2011</v>
      </c>
      <c r="F11614">
        <v>2011</v>
      </c>
      <c r="G11614" t="s">
        <v>14</v>
      </c>
      <c r="H11614" t="s">
        <v>121</v>
      </c>
      <c r="I11614" t="s">
        <v>15</v>
      </c>
      <c r="J11614" s="10">
        <v>35.160310770000002</v>
      </c>
    </row>
    <row r="11615" spans="1:10" x14ac:dyDescent="0.35">
      <c r="A11615" t="s">
        <v>20</v>
      </c>
      <c r="B11615" t="s">
        <v>72</v>
      </c>
      <c r="C11615" t="s">
        <v>117</v>
      </c>
      <c r="D11615" t="s">
        <v>118</v>
      </c>
      <c r="E11615">
        <v>2011</v>
      </c>
      <c r="F11615">
        <v>2011</v>
      </c>
      <c r="G11615" t="s">
        <v>14</v>
      </c>
      <c r="H11615" t="s">
        <v>122</v>
      </c>
      <c r="I11615" t="s">
        <v>15</v>
      </c>
      <c r="J11615" s="10">
        <v>19.856923999999999</v>
      </c>
    </row>
    <row r="11616" spans="1:10" x14ac:dyDescent="0.35">
      <c r="A11616" t="s">
        <v>20</v>
      </c>
      <c r="B11616" t="s">
        <v>72</v>
      </c>
      <c r="C11616" t="s">
        <v>117</v>
      </c>
      <c r="D11616" t="s">
        <v>118</v>
      </c>
      <c r="E11616">
        <v>2011</v>
      </c>
      <c r="F11616">
        <v>2011</v>
      </c>
      <c r="G11616" t="s">
        <v>14</v>
      </c>
      <c r="H11616" t="s">
        <v>123</v>
      </c>
      <c r="I11616" t="s">
        <v>15</v>
      </c>
      <c r="J11616" s="10">
        <v>14.80275756</v>
      </c>
    </row>
    <row r="11617" spans="1:10" x14ac:dyDescent="0.35">
      <c r="A11617" t="s">
        <v>20</v>
      </c>
      <c r="B11617" t="s">
        <v>72</v>
      </c>
      <c r="C11617" t="s">
        <v>117</v>
      </c>
      <c r="D11617" t="s">
        <v>118</v>
      </c>
      <c r="E11617">
        <v>2011</v>
      </c>
      <c r="F11617">
        <v>2011</v>
      </c>
      <c r="G11617" t="s">
        <v>14</v>
      </c>
      <c r="H11617" t="s">
        <v>124</v>
      </c>
      <c r="I11617" t="s">
        <v>15</v>
      </c>
      <c r="J11617" s="10">
        <v>1.6838102530000001</v>
      </c>
    </row>
    <row r="11618" spans="1:10" x14ac:dyDescent="0.35">
      <c r="A11618" t="s">
        <v>20</v>
      </c>
      <c r="B11618" t="s">
        <v>72</v>
      </c>
      <c r="C11618" t="s">
        <v>117</v>
      </c>
      <c r="D11618" t="s">
        <v>118</v>
      </c>
      <c r="E11618">
        <v>2011</v>
      </c>
      <c r="F11618">
        <v>2011</v>
      </c>
      <c r="G11618" t="s">
        <v>125</v>
      </c>
      <c r="H11618" t="s">
        <v>119</v>
      </c>
      <c r="I11618" t="s">
        <v>15</v>
      </c>
      <c r="J11618" s="10">
        <v>18.828797990000002</v>
      </c>
    </row>
    <row r="11619" spans="1:10" x14ac:dyDescent="0.35">
      <c r="A11619" t="s">
        <v>20</v>
      </c>
      <c r="B11619" t="s">
        <v>72</v>
      </c>
      <c r="C11619" t="s">
        <v>117</v>
      </c>
      <c r="D11619" t="s">
        <v>118</v>
      </c>
      <c r="E11619">
        <v>2011</v>
      </c>
      <c r="F11619">
        <v>2011</v>
      </c>
      <c r="G11619" t="s">
        <v>125</v>
      </c>
      <c r="H11619" t="s">
        <v>120</v>
      </c>
      <c r="I11619" t="s">
        <v>15</v>
      </c>
      <c r="J11619" s="10">
        <v>10.81350904</v>
      </c>
    </row>
    <row r="11620" spans="1:10" x14ac:dyDescent="0.35">
      <c r="A11620" t="s">
        <v>20</v>
      </c>
      <c r="B11620" t="s">
        <v>72</v>
      </c>
      <c r="C11620" t="s">
        <v>117</v>
      </c>
      <c r="D11620" t="s">
        <v>118</v>
      </c>
      <c r="E11620">
        <v>2011</v>
      </c>
      <c r="F11620">
        <v>2011</v>
      </c>
      <c r="G11620" t="s">
        <v>125</v>
      </c>
      <c r="H11620" t="s">
        <v>121</v>
      </c>
      <c r="I11620" t="s">
        <v>15</v>
      </c>
      <c r="J11620" s="10">
        <v>35.444121170000003</v>
      </c>
    </row>
    <row r="11621" spans="1:10" x14ac:dyDescent="0.35">
      <c r="A11621" t="s">
        <v>20</v>
      </c>
      <c r="B11621" t="s">
        <v>72</v>
      </c>
      <c r="C11621" t="s">
        <v>117</v>
      </c>
      <c r="D11621" t="s">
        <v>118</v>
      </c>
      <c r="E11621">
        <v>2011</v>
      </c>
      <c r="F11621">
        <v>2011</v>
      </c>
      <c r="G11621" t="s">
        <v>125</v>
      </c>
      <c r="H11621" t="s">
        <v>122</v>
      </c>
      <c r="I11621" t="s">
        <v>15</v>
      </c>
      <c r="J11621" s="10">
        <v>19.95550231</v>
      </c>
    </row>
    <row r="11622" spans="1:10" x14ac:dyDescent="0.35">
      <c r="A11622" t="s">
        <v>20</v>
      </c>
      <c r="B11622" t="s">
        <v>72</v>
      </c>
      <c r="C11622" t="s">
        <v>117</v>
      </c>
      <c r="D11622" t="s">
        <v>118</v>
      </c>
      <c r="E11622">
        <v>2011</v>
      </c>
      <c r="F11622">
        <v>2011</v>
      </c>
      <c r="G11622" t="s">
        <v>125</v>
      </c>
      <c r="H11622" t="s">
        <v>123</v>
      </c>
      <c r="I11622" t="s">
        <v>15</v>
      </c>
      <c r="J11622" s="10">
        <v>13.88841349</v>
      </c>
    </row>
    <row r="11623" spans="1:10" x14ac:dyDescent="0.35">
      <c r="A11623" t="s">
        <v>20</v>
      </c>
      <c r="B11623" t="s">
        <v>72</v>
      </c>
      <c r="C11623" t="s">
        <v>117</v>
      </c>
      <c r="D11623" t="s">
        <v>118</v>
      </c>
      <c r="E11623">
        <v>2011</v>
      </c>
      <c r="F11623">
        <v>2011</v>
      </c>
      <c r="G11623" t="s">
        <v>125</v>
      </c>
      <c r="H11623" t="s">
        <v>124</v>
      </c>
      <c r="I11623" t="s">
        <v>15</v>
      </c>
      <c r="J11623" s="10">
        <v>1.0696559990000001</v>
      </c>
    </row>
    <row r="11624" spans="1:10" x14ac:dyDescent="0.35">
      <c r="A11624" t="s">
        <v>20</v>
      </c>
      <c r="B11624" t="s">
        <v>72</v>
      </c>
      <c r="C11624" t="s">
        <v>117</v>
      </c>
      <c r="D11624" t="s">
        <v>118</v>
      </c>
      <c r="E11624">
        <v>2011</v>
      </c>
      <c r="F11624">
        <v>2011</v>
      </c>
      <c r="G11624" t="s">
        <v>126</v>
      </c>
      <c r="H11624" t="s">
        <v>119</v>
      </c>
      <c r="I11624" t="s">
        <v>15</v>
      </c>
      <c r="J11624" s="10">
        <v>17.256241790000001</v>
      </c>
    </row>
    <row r="11625" spans="1:10" x14ac:dyDescent="0.35">
      <c r="A11625" t="s">
        <v>20</v>
      </c>
      <c r="B11625" t="s">
        <v>72</v>
      </c>
      <c r="C11625" t="s">
        <v>117</v>
      </c>
      <c r="D11625" t="s">
        <v>118</v>
      </c>
      <c r="E11625">
        <v>2011</v>
      </c>
      <c r="F11625">
        <v>2011</v>
      </c>
      <c r="G11625" t="s">
        <v>126</v>
      </c>
      <c r="H11625" t="s">
        <v>120</v>
      </c>
      <c r="I11625" t="s">
        <v>15</v>
      </c>
      <c r="J11625" s="10">
        <v>10.183968459999999</v>
      </c>
    </row>
    <row r="11626" spans="1:10" x14ac:dyDescent="0.35">
      <c r="A11626" t="s">
        <v>20</v>
      </c>
      <c r="B11626" t="s">
        <v>72</v>
      </c>
      <c r="C11626" t="s">
        <v>117</v>
      </c>
      <c r="D11626" t="s">
        <v>118</v>
      </c>
      <c r="E11626">
        <v>2011</v>
      </c>
      <c r="F11626">
        <v>2011</v>
      </c>
      <c r="G11626" t="s">
        <v>126</v>
      </c>
      <c r="H11626" t="s">
        <v>121</v>
      </c>
      <c r="I11626" t="s">
        <v>15</v>
      </c>
      <c r="J11626" s="10">
        <v>34.898817350000002</v>
      </c>
    </row>
    <row r="11627" spans="1:10" x14ac:dyDescent="0.35">
      <c r="A11627" t="s">
        <v>20</v>
      </c>
      <c r="B11627" t="s">
        <v>72</v>
      </c>
      <c r="C11627" t="s">
        <v>117</v>
      </c>
      <c r="D11627" t="s">
        <v>118</v>
      </c>
      <c r="E11627">
        <v>2011</v>
      </c>
      <c r="F11627">
        <v>2011</v>
      </c>
      <c r="G11627" t="s">
        <v>126</v>
      </c>
      <c r="H11627" t="s">
        <v>122</v>
      </c>
      <c r="I11627" t="s">
        <v>15</v>
      </c>
      <c r="J11627" s="10">
        <v>19.766097240000001</v>
      </c>
    </row>
    <row r="11628" spans="1:10" x14ac:dyDescent="0.35">
      <c r="A11628" t="s">
        <v>20</v>
      </c>
      <c r="B11628" t="s">
        <v>72</v>
      </c>
      <c r="C11628" t="s">
        <v>117</v>
      </c>
      <c r="D11628" t="s">
        <v>118</v>
      </c>
      <c r="E11628">
        <v>2011</v>
      </c>
      <c r="F11628">
        <v>2011</v>
      </c>
      <c r="G11628" t="s">
        <v>126</v>
      </c>
      <c r="H11628" t="s">
        <v>123</v>
      </c>
      <c r="I11628" t="s">
        <v>15</v>
      </c>
      <c r="J11628" s="10">
        <v>15.64520368</v>
      </c>
    </row>
    <row r="11629" spans="1:10" x14ac:dyDescent="0.35">
      <c r="A11629" t="s">
        <v>20</v>
      </c>
      <c r="B11629" t="s">
        <v>72</v>
      </c>
      <c r="C11629" t="s">
        <v>117</v>
      </c>
      <c r="D11629" t="s">
        <v>118</v>
      </c>
      <c r="E11629">
        <v>2011</v>
      </c>
      <c r="F11629">
        <v>2011</v>
      </c>
      <c r="G11629" t="s">
        <v>126</v>
      </c>
      <c r="H11629" t="s">
        <v>124</v>
      </c>
      <c r="I11629" t="s">
        <v>15</v>
      </c>
      <c r="J11629" s="10">
        <v>2.2496714849999999</v>
      </c>
    </row>
    <row r="11630" spans="1:10" x14ac:dyDescent="0.35">
      <c r="A11630" t="s">
        <v>26</v>
      </c>
      <c r="B11630" t="s">
        <v>73</v>
      </c>
      <c r="C11630" t="s">
        <v>117</v>
      </c>
      <c r="D11630" t="s">
        <v>118</v>
      </c>
      <c r="E11630">
        <v>2020</v>
      </c>
      <c r="F11630">
        <v>2020</v>
      </c>
      <c r="G11630" t="s">
        <v>14</v>
      </c>
      <c r="H11630" t="s">
        <v>119</v>
      </c>
      <c r="I11630" t="s">
        <v>15</v>
      </c>
      <c r="J11630" s="10">
        <v>17.177225880000002</v>
      </c>
    </row>
    <row r="11631" spans="1:10" x14ac:dyDescent="0.35">
      <c r="A11631" t="s">
        <v>26</v>
      </c>
      <c r="B11631" t="s">
        <v>73</v>
      </c>
      <c r="C11631" t="s">
        <v>117</v>
      </c>
      <c r="D11631" t="s">
        <v>118</v>
      </c>
      <c r="E11631">
        <v>2020</v>
      </c>
      <c r="F11631">
        <v>2020</v>
      </c>
      <c r="G11631" t="s">
        <v>14</v>
      </c>
      <c r="H11631" t="s">
        <v>120</v>
      </c>
      <c r="I11631" t="s">
        <v>15</v>
      </c>
      <c r="J11631" s="10">
        <v>9.1611871330000003</v>
      </c>
    </row>
    <row r="11632" spans="1:10" x14ac:dyDescent="0.35">
      <c r="A11632" t="s">
        <v>26</v>
      </c>
      <c r="B11632" t="s">
        <v>73</v>
      </c>
      <c r="C11632" t="s">
        <v>117</v>
      </c>
      <c r="D11632" t="s">
        <v>118</v>
      </c>
      <c r="E11632">
        <v>2020</v>
      </c>
      <c r="F11632">
        <v>2020</v>
      </c>
      <c r="G11632" t="s">
        <v>14</v>
      </c>
      <c r="H11632" t="s">
        <v>121</v>
      </c>
      <c r="I11632" t="s">
        <v>15</v>
      </c>
      <c r="J11632" s="10">
        <v>32.064154969999997</v>
      </c>
    </row>
    <row r="11633" spans="1:10" x14ac:dyDescent="0.35">
      <c r="A11633" t="s">
        <v>26</v>
      </c>
      <c r="B11633" t="s">
        <v>73</v>
      </c>
      <c r="C11633" t="s">
        <v>117</v>
      </c>
      <c r="D11633" t="s">
        <v>118</v>
      </c>
      <c r="E11633">
        <v>2020</v>
      </c>
      <c r="F11633">
        <v>2020</v>
      </c>
      <c r="G11633" t="s">
        <v>14</v>
      </c>
      <c r="H11633" t="s">
        <v>122</v>
      </c>
      <c r="I11633" t="s">
        <v>15</v>
      </c>
      <c r="J11633" s="10">
        <v>21.349075880000001</v>
      </c>
    </row>
    <row r="11634" spans="1:10" x14ac:dyDescent="0.35">
      <c r="A11634" t="s">
        <v>26</v>
      </c>
      <c r="B11634" t="s">
        <v>73</v>
      </c>
      <c r="C11634" t="s">
        <v>117</v>
      </c>
      <c r="D11634" t="s">
        <v>118</v>
      </c>
      <c r="E11634">
        <v>2020</v>
      </c>
      <c r="F11634">
        <v>2020</v>
      </c>
      <c r="G11634" t="s">
        <v>14</v>
      </c>
      <c r="H11634" t="s">
        <v>123</v>
      </c>
      <c r="I11634" t="s">
        <v>15</v>
      </c>
      <c r="J11634" s="10">
        <v>17.592633729999999</v>
      </c>
    </row>
    <row r="11635" spans="1:10" x14ac:dyDescent="0.35">
      <c r="A11635" t="s">
        <v>26</v>
      </c>
      <c r="B11635" t="s">
        <v>73</v>
      </c>
      <c r="C11635" t="s">
        <v>117</v>
      </c>
      <c r="D11635" t="s">
        <v>118</v>
      </c>
      <c r="E11635">
        <v>2020</v>
      </c>
      <c r="F11635">
        <v>2020</v>
      </c>
      <c r="G11635" t="s">
        <v>14</v>
      </c>
      <c r="H11635" t="s">
        <v>124</v>
      </c>
      <c r="I11635" t="s">
        <v>15</v>
      </c>
      <c r="J11635" s="10">
        <v>2.6557224100000001</v>
      </c>
    </row>
    <row r="11636" spans="1:10" x14ac:dyDescent="0.35">
      <c r="A11636" t="s">
        <v>26</v>
      </c>
      <c r="B11636" t="s">
        <v>73</v>
      </c>
      <c r="C11636" t="s">
        <v>117</v>
      </c>
      <c r="D11636" t="s">
        <v>118</v>
      </c>
      <c r="E11636">
        <v>2020</v>
      </c>
      <c r="F11636">
        <v>2020</v>
      </c>
      <c r="G11636" t="s">
        <v>125</v>
      </c>
      <c r="H11636" t="s">
        <v>119</v>
      </c>
      <c r="I11636" t="s">
        <v>15</v>
      </c>
      <c r="J11636" s="10">
        <v>17.800928030000001</v>
      </c>
    </row>
    <row r="11637" spans="1:10" x14ac:dyDescent="0.35">
      <c r="A11637" t="s">
        <v>26</v>
      </c>
      <c r="B11637" t="s">
        <v>73</v>
      </c>
      <c r="C11637" t="s">
        <v>117</v>
      </c>
      <c r="D11637" t="s">
        <v>118</v>
      </c>
      <c r="E11637">
        <v>2020</v>
      </c>
      <c r="F11637">
        <v>2020</v>
      </c>
      <c r="G11637" t="s">
        <v>125</v>
      </c>
      <c r="H11637" t="s">
        <v>120</v>
      </c>
      <c r="I11637" t="s">
        <v>15</v>
      </c>
      <c r="J11637" s="10">
        <v>9.9399508690000005</v>
      </c>
    </row>
    <row r="11638" spans="1:10" x14ac:dyDescent="0.35">
      <c r="A11638" t="s">
        <v>26</v>
      </c>
      <c r="B11638" t="s">
        <v>73</v>
      </c>
      <c r="C11638" t="s">
        <v>117</v>
      </c>
      <c r="D11638" t="s">
        <v>118</v>
      </c>
      <c r="E11638">
        <v>2020</v>
      </c>
      <c r="F11638">
        <v>2020</v>
      </c>
      <c r="G11638" t="s">
        <v>125</v>
      </c>
      <c r="H11638" t="s">
        <v>121</v>
      </c>
      <c r="I11638" t="s">
        <v>15</v>
      </c>
      <c r="J11638" s="10">
        <v>32.651715039999999</v>
      </c>
    </row>
    <row r="11639" spans="1:10" x14ac:dyDescent="0.35">
      <c r="A11639" t="s">
        <v>26</v>
      </c>
      <c r="B11639" t="s">
        <v>73</v>
      </c>
      <c r="C11639" t="s">
        <v>117</v>
      </c>
      <c r="D11639" t="s">
        <v>118</v>
      </c>
      <c r="E11639">
        <v>2020</v>
      </c>
      <c r="F11639">
        <v>2020</v>
      </c>
      <c r="G11639" t="s">
        <v>125</v>
      </c>
      <c r="H11639" t="s">
        <v>122</v>
      </c>
      <c r="I11639" t="s">
        <v>15</v>
      </c>
      <c r="J11639" s="10">
        <v>21.049040120000001</v>
      </c>
    </row>
    <row r="11640" spans="1:10" x14ac:dyDescent="0.35">
      <c r="A11640" t="s">
        <v>26</v>
      </c>
      <c r="B11640" t="s">
        <v>73</v>
      </c>
      <c r="C11640" t="s">
        <v>117</v>
      </c>
      <c r="D11640" t="s">
        <v>118</v>
      </c>
      <c r="E11640">
        <v>2020</v>
      </c>
      <c r="F11640">
        <v>2020</v>
      </c>
      <c r="G11640" t="s">
        <v>125</v>
      </c>
      <c r="H11640" t="s">
        <v>123</v>
      </c>
      <c r="I11640" t="s">
        <v>15</v>
      </c>
      <c r="J11640" s="10">
        <v>16.568101169999998</v>
      </c>
    </row>
    <row r="11641" spans="1:10" x14ac:dyDescent="0.35">
      <c r="A11641" t="s">
        <v>26</v>
      </c>
      <c r="B11641" t="s">
        <v>73</v>
      </c>
      <c r="C11641" t="s">
        <v>117</v>
      </c>
      <c r="D11641" t="s">
        <v>118</v>
      </c>
      <c r="E11641">
        <v>2020</v>
      </c>
      <c r="F11641">
        <v>2020</v>
      </c>
      <c r="G11641" t="s">
        <v>125</v>
      </c>
      <c r="H11641" t="s">
        <v>124</v>
      </c>
      <c r="I11641" t="s">
        <v>15</v>
      </c>
      <c r="J11641" s="10">
        <v>1.990264762</v>
      </c>
    </row>
    <row r="11642" spans="1:10" x14ac:dyDescent="0.35">
      <c r="A11642" t="s">
        <v>26</v>
      </c>
      <c r="B11642" t="s">
        <v>73</v>
      </c>
      <c r="C11642" t="s">
        <v>117</v>
      </c>
      <c r="D11642" t="s">
        <v>118</v>
      </c>
      <c r="E11642">
        <v>2020</v>
      </c>
      <c r="F11642">
        <v>2020</v>
      </c>
      <c r="G11642" t="s">
        <v>126</v>
      </c>
      <c r="H11642" t="s">
        <v>119</v>
      </c>
      <c r="I11642" t="s">
        <v>15</v>
      </c>
      <c r="J11642" s="10">
        <v>16.582009200000002</v>
      </c>
    </row>
    <row r="11643" spans="1:10" x14ac:dyDescent="0.35">
      <c r="A11643" t="s">
        <v>26</v>
      </c>
      <c r="B11643" t="s">
        <v>73</v>
      </c>
      <c r="C11643" t="s">
        <v>117</v>
      </c>
      <c r="D11643" t="s">
        <v>118</v>
      </c>
      <c r="E11643">
        <v>2020</v>
      </c>
      <c r="F11643">
        <v>2020</v>
      </c>
      <c r="G11643" t="s">
        <v>126</v>
      </c>
      <c r="H11643" t="s">
        <v>120</v>
      </c>
      <c r="I11643" t="s">
        <v>15</v>
      </c>
      <c r="J11643" s="10">
        <v>8.4179907959999998</v>
      </c>
    </row>
    <row r="11644" spans="1:10" x14ac:dyDescent="0.35">
      <c r="A11644" t="s">
        <v>26</v>
      </c>
      <c r="B11644" t="s">
        <v>73</v>
      </c>
      <c r="C11644" t="s">
        <v>117</v>
      </c>
      <c r="D11644" t="s">
        <v>118</v>
      </c>
      <c r="E11644">
        <v>2020</v>
      </c>
      <c r="F11644">
        <v>2020</v>
      </c>
      <c r="G11644" t="s">
        <v>126</v>
      </c>
      <c r="H11644" t="s">
        <v>121</v>
      </c>
      <c r="I11644" t="s">
        <v>15</v>
      </c>
      <c r="J11644" s="10">
        <v>31.503429709999999</v>
      </c>
    </row>
    <row r="11645" spans="1:10" x14ac:dyDescent="0.35">
      <c r="A11645" t="s">
        <v>26</v>
      </c>
      <c r="B11645" t="s">
        <v>73</v>
      </c>
      <c r="C11645" t="s">
        <v>117</v>
      </c>
      <c r="D11645" t="s">
        <v>118</v>
      </c>
      <c r="E11645">
        <v>2020</v>
      </c>
      <c r="F11645">
        <v>2020</v>
      </c>
      <c r="G11645" t="s">
        <v>126</v>
      </c>
      <c r="H11645" t="s">
        <v>122</v>
      </c>
      <c r="I11645" t="s">
        <v>15</v>
      </c>
      <c r="J11645" s="10">
        <v>21.635408529999999</v>
      </c>
    </row>
    <row r="11646" spans="1:10" x14ac:dyDescent="0.35">
      <c r="A11646" t="s">
        <v>26</v>
      </c>
      <c r="B11646" t="s">
        <v>73</v>
      </c>
      <c r="C11646" t="s">
        <v>117</v>
      </c>
      <c r="D11646" t="s">
        <v>118</v>
      </c>
      <c r="E11646">
        <v>2020</v>
      </c>
      <c r="F11646">
        <v>2020</v>
      </c>
      <c r="G11646" t="s">
        <v>126</v>
      </c>
      <c r="H11646" t="s">
        <v>123</v>
      </c>
      <c r="I11646" t="s">
        <v>15</v>
      </c>
      <c r="J11646" s="10">
        <v>18.570374229999999</v>
      </c>
    </row>
    <row r="11647" spans="1:10" x14ac:dyDescent="0.35">
      <c r="A11647" t="s">
        <v>26</v>
      </c>
      <c r="B11647" t="s">
        <v>73</v>
      </c>
      <c r="C11647" t="s">
        <v>117</v>
      </c>
      <c r="D11647" t="s">
        <v>118</v>
      </c>
      <c r="E11647">
        <v>2020</v>
      </c>
      <c r="F11647">
        <v>2020</v>
      </c>
      <c r="G11647" t="s">
        <v>126</v>
      </c>
      <c r="H11647" t="s">
        <v>124</v>
      </c>
      <c r="I11647" t="s">
        <v>15</v>
      </c>
      <c r="J11647" s="10">
        <v>3.2907875309999999</v>
      </c>
    </row>
    <row r="11648" spans="1:10" x14ac:dyDescent="0.35">
      <c r="A11648" t="s">
        <v>26</v>
      </c>
      <c r="B11648" t="s">
        <v>73</v>
      </c>
      <c r="C11648" t="s">
        <v>117</v>
      </c>
      <c r="D11648" t="s">
        <v>118</v>
      </c>
      <c r="E11648">
        <v>2019</v>
      </c>
      <c r="F11648">
        <v>2019</v>
      </c>
      <c r="G11648" t="s">
        <v>14</v>
      </c>
      <c r="H11648" t="s">
        <v>119</v>
      </c>
      <c r="I11648" t="s">
        <v>15</v>
      </c>
      <c r="J11648" s="10">
        <v>17.377899469999999</v>
      </c>
    </row>
    <row r="11649" spans="1:10" x14ac:dyDescent="0.35">
      <c r="A11649" t="s">
        <v>26</v>
      </c>
      <c r="B11649" t="s">
        <v>73</v>
      </c>
      <c r="C11649" t="s">
        <v>117</v>
      </c>
      <c r="D11649" t="s">
        <v>118</v>
      </c>
      <c r="E11649">
        <v>2019</v>
      </c>
      <c r="F11649">
        <v>2019</v>
      </c>
      <c r="G11649" t="s">
        <v>14</v>
      </c>
      <c r="H11649" t="s">
        <v>120</v>
      </c>
      <c r="I11649" t="s">
        <v>15</v>
      </c>
      <c r="J11649" s="10">
        <v>9.2883219799999992</v>
      </c>
    </row>
    <row r="11650" spans="1:10" x14ac:dyDescent="0.35">
      <c r="A11650" t="s">
        <v>26</v>
      </c>
      <c r="B11650" t="s">
        <v>73</v>
      </c>
      <c r="C11650" t="s">
        <v>117</v>
      </c>
      <c r="D11650" t="s">
        <v>118</v>
      </c>
      <c r="E11650">
        <v>2019</v>
      </c>
      <c r="F11650">
        <v>2019</v>
      </c>
      <c r="G11650" t="s">
        <v>14</v>
      </c>
      <c r="H11650" t="s">
        <v>121</v>
      </c>
      <c r="I11650" t="s">
        <v>15</v>
      </c>
      <c r="J11650" s="10">
        <v>32.295979699999997</v>
      </c>
    </row>
    <row r="11651" spans="1:10" x14ac:dyDescent="0.35">
      <c r="A11651" t="s">
        <v>26</v>
      </c>
      <c r="B11651" t="s">
        <v>73</v>
      </c>
      <c r="C11651" t="s">
        <v>117</v>
      </c>
      <c r="D11651" t="s">
        <v>118</v>
      </c>
      <c r="E11651">
        <v>2019</v>
      </c>
      <c r="F11651">
        <v>2019</v>
      </c>
      <c r="G11651" t="s">
        <v>14</v>
      </c>
      <c r="H11651" t="s">
        <v>122</v>
      </c>
      <c r="I11651" t="s">
        <v>15</v>
      </c>
      <c r="J11651" s="10">
        <v>21.1466542</v>
      </c>
    </row>
    <row r="11652" spans="1:10" x14ac:dyDescent="0.35">
      <c r="A11652" t="s">
        <v>26</v>
      </c>
      <c r="B11652" t="s">
        <v>73</v>
      </c>
      <c r="C11652" t="s">
        <v>117</v>
      </c>
      <c r="D11652" t="s">
        <v>118</v>
      </c>
      <c r="E11652">
        <v>2019</v>
      </c>
      <c r="F11652">
        <v>2019</v>
      </c>
      <c r="G11652" t="s">
        <v>14</v>
      </c>
      <c r="H11652" t="s">
        <v>123</v>
      </c>
      <c r="I11652" t="s">
        <v>15</v>
      </c>
      <c r="J11652" s="10">
        <v>17.265482389999999</v>
      </c>
    </row>
    <row r="11653" spans="1:10" x14ac:dyDescent="0.35">
      <c r="A11653" t="s">
        <v>26</v>
      </c>
      <c r="B11653" t="s">
        <v>73</v>
      </c>
      <c r="C11653" t="s">
        <v>117</v>
      </c>
      <c r="D11653" t="s">
        <v>118</v>
      </c>
      <c r="E11653">
        <v>2019</v>
      </c>
      <c r="F11653">
        <v>2019</v>
      </c>
      <c r="G11653" t="s">
        <v>14</v>
      </c>
      <c r="H11653" t="s">
        <v>124</v>
      </c>
      <c r="I11653" t="s">
        <v>15</v>
      </c>
      <c r="J11653" s="10">
        <v>2.6256622589999998</v>
      </c>
    </row>
    <row r="11654" spans="1:10" x14ac:dyDescent="0.35">
      <c r="A11654" t="s">
        <v>26</v>
      </c>
      <c r="B11654" t="s">
        <v>73</v>
      </c>
      <c r="C11654" t="s">
        <v>117</v>
      </c>
      <c r="D11654" t="s">
        <v>118</v>
      </c>
      <c r="E11654">
        <v>2019</v>
      </c>
      <c r="F11654">
        <v>2019</v>
      </c>
      <c r="G11654" t="s">
        <v>125</v>
      </c>
      <c r="H11654" t="s">
        <v>119</v>
      </c>
      <c r="I11654" t="s">
        <v>15</v>
      </c>
      <c r="J11654" s="10">
        <v>18.094890339999999</v>
      </c>
    </row>
    <row r="11655" spans="1:10" x14ac:dyDescent="0.35">
      <c r="A11655" t="s">
        <v>26</v>
      </c>
      <c r="B11655" t="s">
        <v>73</v>
      </c>
      <c r="C11655" t="s">
        <v>117</v>
      </c>
      <c r="D11655" t="s">
        <v>118</v>
      </c>
      <c r="E11655">
        <v>2019</v>
      </c>
      <c r="F11655">
        <v>2019</v>
      </c>
      <c r="G11655" t="s">
        <v>125</v>
      </c>
      <c r="H11655" t="s">
        <v>120</v>
      </c>
      <c r="I11655" t="s">
        <v>15</v>
      </c>
      <c r="J11655" s="10">
        <v>10.03445994</v>
      </c>
    </row>
    <row r="11656" spans="1:10" x14ac:dyDescent="0.35">
      <c r="A11656" t="s">
        <v>26</v>
      </c>
      <c r="B11656" t="s">
        <v>73</v>
      </c>
      <c r="C11656" t="s">
        <v>117</v>
      </c>
      <c r="D11656" t="s">
        <v>118</v>
      </c>
      <c r="E11656">
        <v>2019</v>
      </c>
      <c r="F11656">
        <v>2019</v>
      </c>
      <c r="G11656" t="s">
        <v>125</v>
      </c>
      <c r="H11656" t="s">
        <v>121</v>
      </c>
      <c r="I11656" t="s">
        <v>15</v>
      </c>
      <c r="J11656" s="10">
        <v>32.803121930000003</v>
      </c>
    </row>
    <row r="11657" spans="1:10" x14ac:dyDescent="0.35">
      <c r="A11657" t="s">
        <v>26</v>
      </c>
      <c r="B11657" t="s">
        <v>73</v>
      </c>
      <c r="C11657" t="s">
        <v>117</v>
      </c>
      <c r="D11657" t="s">
        <v>118</v>
      </c>
      <c r="E11657">
        <v>2019</v>
      </c>
      <c r="F11657">
        <v>2019</v>
      </c>
      <c r="G11657" t="s">
        <v>125</v>
      </c>
      <c r="H11657" t="s">
        <v>122</v>
      </c>
      <c r="I11657" t="s">
        <v>15</v>
      </c>
      <c r="J11657" s="10">
        <v>20.835710540000001</v>
      </c>
    </row>
    <row r="11658" spans="1:10" x14ac:dyDescent="0.35">
      <c r="A11658" t="s">
        <v>26</v>
      </c>
      <c r="B11658" t="s">
        <v>73</v>
      </c>
      <c r="C11658" t="s">
        <v>117</v>
      </c>
      <c r="D11658" t="s">
        <v>118</v>
      </c>
      <c r="E11658">
        <v>2019</v>
      </c>
      <c r="F11658">
        <v>2019</v>
      </c>
      <c r="G11658" t="s">
        <v>125</v>
      </c>
      <c r="H11658" t="s">
        <v>123</v>
      </c>
      <c r="I11658" t="s">
        <v>15</v>
      </c>
      <c r="J11658" s="10">
        <v>16.25778772</v>
      </c>
    </row>
    <row r="11659" spans="1:10" x14ac:dyDescent="0.35">
      <c r="A11659" t="s">
        <v>26</v>
      </c>
      <c r="B11659" t="s">
        <v>73</v>
      </c>
      <c r="C11659" t="s">
        <v>117</v>
      </c>
      <c r="D11659" t="s">
        <v>118</v>
      </c>
      <c r="E11659">
        <v>2019</v>
      </c>
      <c r="F11659">
        <v>2019</v>
      </c>
      <c r="G11659" t="s">
        <v>125</v>
      </c>
      <c r="H11659" t="s">
        <v>124</v>
      </c>
      <c r="I11659" t="s">
        <v>15</v>
      </c>
      <c r="J11659" s="10">
        <v>1.974029531</v>
      </c>
    </row>
    <row r="11660" spans="1:10" x14ac:dyDescent="0.35">
      <c r="A11660" t="s">
        <v>26</v>
      </c>
      <c r="B11660" t="s">
        <v>73</v>
      </c>
      <c r="C11660" t="s">
        <v>117</v>
      </c>
      <c r="D11660" t="s">
        <v>118</v>
      </c>
      <c r="E11660">
        <v>2019</v>
      </c>
      <c r="F11660">
        <v>2019</v>
      </c>
      <c r="G11660" t="s">
        <v>126</v>
      </c>
      <c r="H11660" t="s">
        <v>119</v>
      </c>
      <c r="I11660" t="s">
        <v>15</v>
      </c>
      <c r="J11660" s="10">
        <v>16.695274309999999</v>
      </c>
    </row>
    <row r="11661" spans="1:10" x14ac:dyDescent="0.35">
      <c r="A11661" t="s">
        <v>26</v>
      </c>
      <c r="B11661" t="s">
        <v>73</v>
      </c>
      <c r="C11661" t="s">
        <v>117</v>
      </c>
      <c r="D11661" t="s">
        <v>118</v>
      </c>
      <c r="E11661">
        <v>2019</v>
      </c>
      <c r="F11661">
        <v>2019</v>
      </c>
      <c r="G11661" t="s">
        <v>126</v>
      </c>
      <c r="H11661" t="s">
        <v>120</v>
      </c>
      <c r="I11661" t="s">
        <v>15</v>
      </c>
      <c r="J11661" s="10">
        <v>8.5779467680000003</v>
      </c>
    </row>
    <row r="11662" spans="1:10" x14ac:dyDescent="0.35">
      <c r="A11662" t="s">
        <v>26</v>
      </c>
      <c r="B11662" t="s">
        <v>73</v>
      </c>
      <c r="C11662" t="s">
        <v>117</v>
      </c>
      <c r="D11662" t="s">
        <v>118</v>
      </c>
      <c r="E11662">
        <v>2019</v>
      </c>
      <c r="F11662">
        <v>2019</v>
      </c>
      <c r="G11662" t="s">
        <v>126</v>
      </c>
      <c r="H11662" t="s">
        <v>121</v>
      </c>
      <c r="I11662" t="s">
        <v>15</v>
      </c>
      <c r="J11662" s="10">
        <v>31.813145030000001</v>
      </c>
    </row>
    <row r="11663" spans="1:10" x14ac:dyDescent="0.35">
      <c r="A11663" t="s">
        <v>26</v>
      </c>
      <c r="B11663" t="s">
        <v>73</v>
      </c>
      <c r="C11663" t="s">
        <v>117</v>
      </c>
      <c r="D11663" t="s">
        <v>118</v>
      </c>
      <c r="E11663">
        <v>2019</v>
      </c>
      <c r="F11663">
        <v>2019</v>
      </c>
      <c r="G11663" t="s">
        <v>126</v>
      </c>
      <c r="H11663" t="s">
        <v>122</v>
      </c>
      <c r="I11663" t="s">
        <v>15</v>
      </c>
      <c r="J11663" s="10">
        <v>21.442694190000001</v>
      </c>
    </row>
    <row r="11664" spans="1:10" x14ac:dyDescent="0.35">
      <c r="A11664" t="s">
        <v>26</v>
      </c>
      <c r="B11664" t="s">
        <v>73</v>
      </c>
      <c r="C11664" t="s">
        <v>117</v>
      </c>
      <c r="D11664" t="s">
        <v>118</v>
      </c>
      <c r="E11664">
        <v>2019</v>
      </c>
      <c r="F11664">
        <v>2019</v>
      </c>
      <c r="G11664" t="s">
        <v>126</v>
      </c>
      <c r="H11664" t="s">
        <v>123</v>
      </c>
      <c r="I11664" t="s">
        <v>15</v>
      </c>
      <c r="J11664" s="10">
        <v>18.22487778</v>
      </c>
    </row>
    <row r="11665" spans="1:10" x14ac:dyDescent="0.35">
      <c r="A11665" t="s">
        <v>26</v>
      </c>
      <c r="B11665" t="s">
        <v>73</v>
      </c>
      <c r="C11665" t="s">
        <v>117</v>
      </c>
      <c r="D11665" t="s">
        <v>118</v>
      </c>
      <c r="E11665">
        <v>2019</v>
      </c>
      <c r="F11665">
        <v>2019</v>
      </c>
      <c r="G11665" t="s">
        <v>126</v>
      </c>
      <c r="H11665" t="s">
        <v>124</v>
      </c>
      <c r="I11665" t="s">
        <v>15</v>
      </c>
      <c r="J11665" s="10">
        <v>3.2460619230000001</v>
      </c>
    </row>
    <row r="11666" spans="1:10" x14ac:dyDescent="0.35">
      <c r="A11666" t="s">
        <v>26</v>
      </c>
      <c r="B11666" t="s">
        <v>73</v>
      </c>
      <c r="C11666" t="s">
        <v>117</v>
      </c>
      <c r="D11666" t="s">
        <v>118</v>
      </c>
      <c r="E11666">
        <v>2018</v>
      </c>
      <c r="F11666">
        <v>2018</v>
      </c>
      <c r="G11666" t="s">
        <v>14</v>
      </c>
      <c r="H11666" t="s">
        <v>119</v>
      </c>
      <c r="I11666" t="s">
        <v>15</v>
      </c>
      <c r="J11666" s="10">
        <v>17.54776893</v>
      </c>
    </row>
    <row r="11667" spans="1:10" x14ac:dyDescent="0.35">
      <c r="A11667" t="s">
        <v>26</v>
      </c>
      <c r="B11667" t="s">
        <v>73</v>
      </c>
      <c r="C11667" t="s">
        <v>117</v>
      </c>
      <c r="D11667" t="s">
        <v>118</v>
      </c>
      <c r="E11667">
        <v>2018</v>
      </c>
      <c r="F11667">
        <v>2018</v>
      </c>
      <c r="G11667" t="s">
        <v>14</v>
      </c>
      <c r="H11667" t="s">
        <v>120</v>
      </c>
      <c r="I11667" t="s">
        <v>15</v>
      </c>
      <c r="J11667" s="10">
        <v>9.5092195420000003</v>
      </c>
    </row>
    <row r="11668" spans="1:10" x14ac:dyDescent="0.35">
      <c r="A11668" t="s">
        <v>26</v>
      </c>
      <c r="B11668" t="s">
        <v>73</v>
      </c>
      <c r="C11668" t="s">
        <v>117</v>
      </c>
      <c r="D11668" t="s">
        <v>118</v>
      </c>
      <c r="E11668">
        <v>2018</v>
      </c>
      <c r="F11668">
        <v>2018</v>
      </c>
      <c r="G11668" t="s">
        <v>14</v>
      </c>
      <c r="H11668" t="s">
        <v>121</v>
      </c>
      <c r="I11668" t="s">
        <v>15</v>
      </c>
      <c r="J11668" s="10">
        <v>32.556403539999998</v>
      </c>
    </row>
    <row r="11669" spans="1:10" x14ac:dyDescent="0.35">
      <c r="A11669" t="s">
        <v>26</v>
      </c>
      <c r="B11669" t="s">
        <v>73</v>
      </c>
      <c r="C11669" t="s">
        <v>117</v>
      </c>
      <c r="D11669" t="s">
        <v>118</v>
      </c>
      <c r="E11669">
        <v>2018</v>
      </c>
      <c r="F11669">
        <v>2018</v>
      </c>
      <c r="G11669" t="s">
        <v>14</v>
      </c>
      <c r="H11669" t="s">
        <v>122</v>
      </c>
      <c r="I11669" t="s">
        <v>15</v>
      </c>
      <c r="J11669" s="10">
        <v>21.053980280000001</v>
      </c>
    </row>
    <row r="11670" spans="1:10" x14ac:dyDescent="0.35">
      <c r="A11670" t="s">
        <v>26</v>
      </c>
      <c r="B11670" t="s">
        <v>73</v>
      </c>
      <c r="C11670" t="s">
        <v>117</v>
      </c>
      <c r="D11670" t="s">
        <v>118</v>
      </c>
      <c r="E11670">
        <v>2018</v>
      </c>
      <c r="F11670">
        <v>2018</v>
      </c>
      <c r="G11670" t="s">
        <v>14</v>
      </c>
      <c r="H11670" t="s">
        <v>123</v>
      </c>
      <c r="I11670" t="s">
        <v>15</v>
      </c>
      <c r="J11670" s="10">
        <v>16.786808529999998</v>
      </c>
    </row>
    <row r="11671" spans="1:10" x14ac:dyDescent="0.35">
      <c r="A11671" t="s">
        <v>26</v>
      </c>
      <c r="B11671" t="s">
        <v>73</v>
      </c>
      <c r="C11671" t="s">
        <v>117</v>
      </c>
      <c r="D11671" t="s">
        <v>118</v>
      </c>
      <c r="E11671">
        <v>2018</v>
      </c>
      <c r="F11671">
        <v>2018</v>
      </c>
      <c r="G11671" t="s">
        <v>14</v>
      </c>
      <c r="H11671" t="s">
        <v>124</v>
      </c>
      <c r="I11671" t="s">
        <v>15</v>
      </c>
      <c r="J11671" s="10">
        <v>2.545819174</v>
      </c>
    </row>
    <row r="11672" spans="1:10" x14ac:dyDescent="0.35">
      <c r="A11672" t="s">
        <v>26</v>
      </c>
      <c r="B11672" t="s">
        <v>73</v>
      </c>
      <c r="C11672" t="s">
        <v>117</v>
      </c>
      <c r="D11672" t="s">
        <v>118</v>
      </c>
      <c r="E11672">
        <v>2018</v>
      </c>
      <c r="F11672">
        <v>2018</v>
      </c>
      <c r="G11672" t="s">
        <v>125</v>
      </c>
      <c r="H11672" t="s">
        <v>119</v>
      </c>
      <c r="I11672" t="s">
        <v>15</v>
      </c>
      <c r="J11672" s="10">
        <v>18.201949639999999</v>
      </c>
    </row>
    <row r="11673" spans="1:10" x14ac:dyDescent="0.35">
      <c r="A11673" t="s">
        <v>26</v>
      </c>
      <c r="B11673" t="s">
        <v>73</v>
      </c>
      <c r="C11673" t="s">
        <v>117</v>
      </c>
      <c r="D11673" t="s">
        <v>118</v>
      </c>
      <c r="E11673">
        <v>2018</v>
      </c>
      <c r="F11673">
        <v>2018</v>
      </c>
      <c r="G11673" t="s">
        <v>125</v>
      </c>
      <c r="H11673" t="s">
        <v>120</v>
      </c>
      <c r="I11673" t="s">
        <v>15</v>
      </c>
      <c r="J11673" s="10">
        <v>10.35773805</v>
      </c>
    </row>
    <row r="11674" spans="1:10" x14ac:dyDescent="0.35">
      <c r="A11674" t="s">
        <v>26</v>
      </c>
      <c r="B11674" t="s">
        <v>73</v>
      </c>
      <c r="C11674" t="s">
        <v>117</v>
      </c>
      <c r="D11674" t="s">
        <v>118</v>
      </c>
      <c r="E11674">
        <v>2018</v>
      </c>
      <c r="F11674">
        <v>2018</v>
      </c>
      <c r="G11674" t="s">
        <v>125</v>
      </c>
      <c r="H11674" t="s">
        <v>121</v>
      </c>
      <c r="I11674" t="s">
        <v>15</v>
      </c>
      <c r="J11674" s="10">
        <v>32.9657786</v>
      </c>
    </row>
    <row r="11675" spans="1:10" x14ac:dyDescent="0.35">
      <c r="A11675" t="s">
        <v>26</v>
      </c>
      <c r="B11675" t="s">
        <v>73</v>
      </c>
      <c r="C11675" t="s">
        <v>117</v>
      </c>
      <c r="D11675" t="s">
        <v>118</v>
      </c>
      <c r="E11675">
        <v>2018</v>
      </c>
      <c r="F11675">
        <v>2018</v>
      </c>
      <c r="G11675" t="s">
        <v>125</v>
      </c>
      <c r="H11675" t="s">
        <v>122</v>
      </c>
      <c r="I11675" t="s">
        <v>15</v>
      </c>
      <c r="J11675" s="10">
        <v>20.795379310000001</v>
      </c>
    </row>
    <row r="11676" spans="1:10" x14ac:dyDescent="0.35">
      <c r="A11676" t="s">
        <v>26</v>
      </c>
      <c r="B11676" t="s">
        <v>73</v>
      </c>
      <c r="C11676" t="s">
        <v>117</v>
      </c>
      <c r="D11676" t="s">
        <v>118</v>
      </c>
      <c r="E11676">
        <v>2018</v>
      </c>
      <c r="F11676">
        <v>2018</v>
      </c>
      <c r="G11676" t="s">
        <v>125</v>
      </c>
      <c r="H11676" t="s">
        <v>123</v>
      </c>
      <c r="I11676" t="s">
        <v>15</v>
      </c>
      <c r="J11676" s="10">
        <v>15.802570599999999</v>
      </c>
    </row>
    <row r="11677" spans="1:10" x14ac:dyDescent="0.35">
      <c r="A11677" t="s">
        <v>26</v>
      </c>
      <c r="B11677" t="s">
        <v>73</v>
      </c>
      <c r="C11677" t="s">
        <v>117</v>
      </c>
      <c r="D11677" t="s">
        <v>118</v>
      </c>
      <c r="E11677">
        <v>2018</v>
      </c>
      <c r="F11677">
        <v>2018</v>
      </c>
      <c r="G11677" t="s">
        <v>125</v>
      </c>
      <c r="H11677" t="s">
        <v>124</v>
      </c>
      <c r="I11677" t="s">
        <v>15</v>
      </c>
      <c r="J11677" s="10">
        <v>1.876583796</v>
      </c>
    </row>
    <row r="11678" spans="1:10" x14ac:dyDescent="0.35">
      <c r="A11678" t="s">
        <v>26</v>
      </c>
      <c r="B11678" t="s">
        <v>73</v>
      </c>
      <c r="C11678" t="s">
        <v>117</v>
      </c>
      <c r="D11678" t="s">
        <v>118</v>
      </c>
      <c r="E11678">
        <v>2018</v>
      </c>
      <c r="F11678">
        <v>2018</v>
      </c>
      <c r="G11678" t="s">
        <v>126</v>
      </c>
      <c r="H11678" t="s">
        <v>119</v>
      </c>
      <c r="I11678" t="s">
        <v>15</v>
      </c>
      <c r="J11678" s="10">
        <v>16.924181749999999</v>
      </c>
    </row>
    <row r="11679" spans="1:10" x14ac:dyDescent="0.35">
      <c r="A11679" t="s">
        <v>26</v>
      </c>
      <c r="B11679" t="s">
        <v>73</v>
      </c>
      <c r="C11679" t="s">
        <v>117</v>
      </c>
      <c r="D11679" t="s">
        <v>118</v>
      </c>
      <c r="E11679">
        <v>2018</v>
      </c>
      <c r="F11679">
        <v>2018</v>
      </c>
      <c r="G11679" t="s">
        <v>126</v>
      </c>
      <c r="H11679" t="s">
        <v>120</v>
      </c>
      <c r="I11679" t="s">
        <v>15</v>
      </c>
      <c r="J11679" s="10">
        <v>8.7003830079999993</v>
      </c>
    </row>
    <row r="11680" spans="1:10" x14ac:dyDescent="0.35">
      <c r="A11680" t="s">
        <v>26</v>
      </c>
      <c r="B11680" t="s">
        <v>73</v>
      </c>
      <c r="C11680" t="s">
        <v>117</v>
      </c>
      <c r="D11680" t="s">
        <v>118</v>
      </c>
      <c r="E11680">
        <v>2018</v>
      </c>
      <c r="F11680">
        <v>2018</v>
      </c>
      <c r="G11680" t="s">
        <v>126</v>
      </c>
      <c r="H11680" t="s">
        <v>121</v>
      </c>
      <c r="I11680" t="s">
        <v>15</v>
      </c>
      <c r="J11680" s="10">
        <v>32.166173399999998</v>
      </c>
    </row>
    <row r="11681" spans="1:10" x14ac:dyDescent="0.35">
      <c r="A11681" t="s">
        <v>26</v>
      </c>
      <c r="B11681" t="s">
        <v>73</v>
      </c>
      <c r="C11681" t="s">
        <v>117</v>
      </c>
      <c r="D11681" t="s">
        <v>118</v>
      </c>
      <c r="E11681">
        <v>2018</v>
      </c>
      <c r="F11681">
        <v>2018</v>
      </c>
      <c r="G11681" t="s">
        <v>126</v>
      </c>
      <c r="H11681" t="s">
        <v>122</v>
      </c>
      <c r="I11681" t="s">
        <v>15</v>
      </c>
      <c r="J11681" s="10">
        <v>21.30048747</v>
      </c>
    </row>
    <row r="11682" spans="1:10" x14ac:dyDescent="0.35">
      <c r="A11682" t="s">
        <v>26</v>
      </c>
      <c r="B11682" t="s">
        <v>73</v>
      </c>
      <c r="C11682" t="s">
        <v>117</v>
      </c>
      <c r="D11682" t="s">
        <v>118</v>
      </c>
      <c r="E11682">
        <v>2018</v>
      </c>
      <c r="F11682">
        <v>2018</v>
      </c>
      <c r="G11682" t="s">
        <v>126</v>
      </c>
      <c r="H11682" t="s">
        <v>123</v>
      </c>
      <c r="I11682" t="s">
        <v>15</v>
      </c>
      <c r="J11682" s="10">
        <v>17.72501741</v>
      </c>
    </row>
    <row r="11683" spans="1:10" x14ac:dyDescent="0.35">
      <c r="A11683" t="s">
        <v>26</v>
      </c>
      <c r="B11683" t="s">
        <v>73</v>
      </c>
      <c r="C11683" t="s">
        <v>117</v>
      </c>
      <c r="D11683" t="s">
        <v>118</v>
      </c>
      <c r="E11683">
        <v>2018</v>
      </c>
      <c r="F11683">
        <v>2018</v>
      </c>
      <c r="G11683" t="s">
        <v>126</v>
      </c>
      <c r="H11683" t="s">
        <v>124</v>
      </c>
      <c r="I11683" t="s">
        <v>15</v>
      </c>
      <c r="J11683" s="10">
        <v>3.1837569640000001</v>
      </c>
    </row>
    <row r="11684" spans="1:10" x14ac:dyDescent="0.35">
      <c r="A11684" t="s">
        <v>26</v>
      </c>
      <c r="B11684" t="s">
        <v>73</v>
      </c>
      <c r="C11684" t="s">
        <v>117</v>
      </c>
      <c r="D11684" t="s">
        <v>118</v>
      </c>
      <c r="E11684">
        <v>2017</v>
      </c>
      <c r="F11684">
        <v>2017</v>
      </c>
      <c r="G11684" t="s">
        <v>14</v>
      </c>
      <c r="H11684" t="s">
        <v>119</v>
      </c>
      <c r="I11684" t="s">
        <v>15</v>
      </c>
      <c r="J11684" s="10">
        <v>17.657569120000002</v>
      </c>
    </row>
    <row r="11685" spans="1:10" x14ac:dyDescent="0.35">
      <c r="A11685" t="s">
        <v>26</v>
      </c>
      <c r="B11685" t="s">
        <v>73</v>
      </c>
      <c r="C11685" t="s">
        <v>117</v>
      </c>
      <c r="D11685" t="s">
        <v>118</v>
      </c>
      <c r="E11685">
        <v>2017</v>
      </c>
      <c r="F11685">
        <v>2017</v>
      </c>
      <c r="G11685" t="s">
        <v>14</v>
      </c>
      <c r="H11685" t="s">
        <v>120</v>
      </c>
      <c r="I11685" t="s">
        <v>15</v>
      </c>
      <c r="J11685" s="10">
        <v>9.5937374369999997</v>
      </c>
    </row>
    <row r="11686" spans="1:10" x14ac:dyDescent="0.35">
      <c r="A11686" t="s">
        <v>26</v>
      </c>
      <c r="B11686" t="s">
        <v>73</v>
      </c>
      <c r="C11686" t="s">
        <v>117</v>
      </c>
      <c r="D11686" t="s">
        <v>118</v>
      </c>
      <c r="E11686">
        <v>2017</v>
      </c>
      <c r="F11686">
        <v>2017</v>
      </c>
      <c r="G11686" t="s">
        <v>14</v>
      </c>
      <c r="H11686" t="s">
        <v>121</v>
      </c>
      <c r="I11686" t="s">
        <v>15</v>
      </c>
      <c r="J11686" s="10">
        <v>33.00352883</v>
      </c>
    </row>
    <row r="11687" spans="1:10" x14ac:dyDescent="0.35">
      <c r="A11687" t="s">
        <v>26</v>
      </c>
      <c r="B11687" t="s">
        <v>73</v>
      </c>
      <c r="C11687" t="s">
        <v>117</v>
      </c>
      <c r="D11687" t="s">
        <v>118</v>
      </c>
      <c r="E11687">
        <v>2017</v>
      </c>
      <c r="F11687">
        <v>2017</v>
      </c>
      <c r="G11687" t="s">
        <v>14</v>
      </c>
      <c r="H11687" t="s">
        <v>122</v>
      </c>
      <c r="I11687" t="s">
        <v>15</v>
      </c>
      <c r="J11687" s="10">
        <v>20.775450039999999</v>
      </c>
    </row>
    <row r="11688" spans="1:10" x14ac:dyDescent="0.35">
      <c r="A11688" t="s">
        <v>26</v>
      </c>
      <c r="B11688" t="s">
        <v>73</v>
      </c>
      <c r="C11688" t="s">
        <v>117</v>
      </c>
      <c r="D11688" t="s">
        <v>118</v>
      </c>
      <c r="E11688">
        <v>2017</v>
      </c>
      <c r="F11688">
        <v>2017</v>
      </c>
      <c r="G11688" t="s">
        <v>14</v>
      </c>
      <c r="H11688" t="s">
        <v>123</v>
      </c>
      <c r="I11688" t="s">
        <v>15</v>
      </c>
      <c r="J11688" s="10">
        <v>16.466029389999999</v>
      </c>
    </row>
    <row r="11689" spans="1:10" x14ac:dyDescent="0.35">
      <c r="A11689" t="s">
        <v>26</v>
      </c>
      <c r="B11689" t="s">
        <v>73</v>
      </c>
      <c r="C11689" t="s">
        <v>117</v>
      </c>
      <c r="D11689" t="s">
        <v>118</v>
      </c>
      <c r="E11689">
        <v>2017</v>
      </c>
      <c r="F11689">
        <v>2017</v>
      </c>
      <c r="G11689" t="s">
        <v>14</v>
      </c>
      <c r="H11689" t="s">
        <v>124</v>
      </c>
      <c r="I11689" t="s">
        <v>15</v>
      </c>
      <c r="J11689" s="10">
        <v>2.5036851740000001</v>
      </c>
    </row>
    <row r="11690" spans="1:10" x14ac:dyDescent="0.35">
      <c r="A11690" t="s">
        <v>26</v>
      </c>
      <c r="B11690" t="s">
        <v>73</v>
      </c>
      <c r="C11690" t="s">
        <v>117</v>
      </c>
      <c r="D11690" t="s">
        <v>118</v>
      </c>
      <c r="E11690">
        <v>2017</v>
      </c>
      <c r="F11690">
        <v>2017</v>
      </c>
      <c r="G11690" t="s">
        <v>125</v>
      </c>
      <c r="H11690" t="s">
        <v>119</v>
      </c>
      <c r="I11690" t="s">
        <v>15</v>
      </c>
      <c r="J11690" s="10">
        <v>18.3371064</v>
      </c>
    </row>
    <row r="11691" spans="1:10" x14ac:dyDescent="0.35">
      <c r="A11691" t="s">
        <v>26</v>
      </c>
      <c r="B11691" t="s">
        <v>73</v>
      </c>
      <c r="C11691" t="s">
        <v>117</v>
      </c>
      <c r="D11691" t="s">
        <v>118</v>
      </c>
      <c r="E11691">
        <v>2017</v>
      </c>
      <c r="F11691">
        <v>2017</v>
      </c>
      <c r="G11691" t="s">
        <v>125</v>
      </c>
      <c r="H11691" t="s">
        <v>120</v>
      </c>
      <c r="I11691" t="s">
        <v>15</v>
      </c>
      <c r="J11691" s="10">
        <v>10.393084999999999</v>
      </c>
    </row>
    <row r="11692" spans="1:10" x14ac:dyDescent="0.35">
      <c r="A11692" t="s">
        <v>26</v>
      </c>
      <c r="B11692" t="s">
        <v>73</v>
      </c>
      <c r="C11692" t="s">
        <v>117</v>
      </c>
      <c r="D11692" t="s">
        <v>118</v>
      </c>
      <c r="E11692">
        <v>2017</v>
      </c>
      <c r="F11692">
        <v>2017</v>
      </c>
      <c r="G11692" t="s">
        <v>125</v>
      </c>
      <c r="H11692" t="s">
        <v>121</v>
      </c>
      <c r="I11692" t="s">
        <v>15</v>
      </c>
      <c r="J11692" s="10">
        <v>33.40879468</v>
      </c>
    </row>
    <row r="11693" spans="1:10" x14ac:dyDescent="0.35">
      <c r="A11693" t="s">
        <v>26</v>
      </c>
      <c r="B11693" t="s">
        <v>73</v>
      </c>
      <c r="C11693" t="s">
        <v>117</v>
      </c>
      <c r="D11693" t="s">
        <v>118</v>
      </c>
      <c r="E11693">
        <v>2017</v>
      </c>
      <c r="F11693">
        <v>2017</v>
      </c>
      <c r="G11693" t="s">
        <v>125</v>
      </c>
      <c r="H11693" t="s">
        <v>122</v>
      </c>
      <c r="I11693" t="s">
        <v>15</v>
      </c>
      <c r="J11693" s="10">
        <v>20.575792920000001</v>
      </c>
    </row>
    <row r="11694" spans="1:10" x14ac:dyDescent="0.35">
      <c r="A11694" t="s">
        <v>26</v>
      </c>
      <c r="B11694" t="s">
        <v>73</v>
      </c>
      <c r="C11694" t="s">
        <v>117</v>
      </c>
      <c r="D11694" t="s">
        <v>118</v>
      </c>
      <c r="E11694">
        <v>2017</v>
      </c>
      <c r="F11694">
        <v>2017</v>
      </c>
      <c r="G11694" t="s">
        <v>125</v>
      </c>
      <c r="H11694" t="s">
        <v>123</v>
      </c>
      <c r="I11694" t="s">
        <v>15</v>
      </c>
      <c r="J11694" s="10">
        <v>15.451281699999999</v>
      </c>
    </row>
    <row r="11695" spans="1:10" x14ac:dyDescent="0.35">
      <c r="A11695" t="s">
        <v>26</v>
      </c>
      <c r="B11695" t="s">
        <v>73</v>
      </c>
      <c r="C11695" t="s">
        <v>117</v>
      </c>
      <c r="D11695" t="s">
        <v>118</v>
      </c>
      <c r="E11695">
        <v>2017</v>
      </c>
      <c r="F11695">
        <v>2017</v>
      </c>
      <c r="G11695" t="s">
        <v>125</v>
      </c>
      <c r="H11695" t="s">
        <v>124</v>
      </c>
      <c r="I11695" t="s">
        <v>15</v>
      </c>
      <c r="J11695" s="10">
        <v>1.833939311</v>
      </c>
    </row>
    <row r="11696" spans="1:10" x14ac:dyDescent="0.35">
      <c r="A11696" t="s">
        <v>26</v>
      </c>
      <c r="B11696" t="s">
        <v>73</v>
      </c>
      <c r="C11696" t="s">
        <v>117</v>
      </c>
      <c r="D11696" t="s">
        <v>118</v>
      </c>
      <c r="E11696">
        <v>2017</v>
      </c>
      <c r="F11696">
        <v>2017</v>
      </c>
      <c r="G11696" t="s">
        <v>126</v>
      </c>
      <c r="H11696" t="s">
        <v>119</v>
      </c>
      <c r="I11696" t="s">
        <v>15</v>
      </c>
      <c r="J11696" s="10">
        <v>17.008970470000001</v>
      </c>
    </row>
    <row r="11697" spans="1:10" x14ac:dyDescent="0.35">
      <c r="A11697" t="s">
        <v>26</v>
      </c>
      <c r="B11697" t="s">
        <v>73</v>
      </c>
      <c r="C11697" t="s">
        <v>117</v>
      </c>
      <c r="D11697" t="s">
        <v>118</v>
      </c>
      <c r="E11697">
        <v>2017</v>
      </c>
      <c r="F11697">
        <v>2017</v>
      </c>
      <c r="G11697" t="s">
        <v>126</v>
      </c>
      <c r="H11697" t="s">
        <v>120</v>
      </c>
      <c r="I11697" t="s">
        <v>15</v>
      </c>
      <c r="J11697" s="10">
        <v>8.8307833339999995</v>
      </c>
    </row>
    <row r="11698" spans="1:10" x14ac:dyDescent="0.35">
      <c r="A11698" t="s">
        <v>26</v>
      </c>
      <c r="B11698" t="s">
        <v>73</v>
      </c>
      <c r="C11698" t="s">
        <v>117</v>
      </c>
      <c r="D11698" t="s">
        <v>118</v>
      </c>
      <c r="E11698">
        <v>2017</v>
      </c>
      <c r="F11698">
        <v>2017</v>
      </c>
      <c r="G11698" t="s">
        <v>126</v>
      </c>
      <c r="H11698" t="s">
        <v>121</v>
      </c>
      <c r="I11698" t="s">
        <v>15</v>
      </c>
      <c r="J11698" s="10">
        <v>32.61671432</v>
      </c>
    </row>
    <row r="11699" spans="1:10" x14ac:dyDescent="0.35">
      <c r="A11699" t="s">
        <v>26</v>
      </c>
      <c r="B11699" t="s">
        <v>73</v>
      </c>
      <c r="C11699" t="s">
        <v>117</v>
      </c>
      <c r="D11699" t="s">
        <v>118</v>
      </c>
      <c r="E11699">
        <v>2017</v>
      </c>
      <c r="F11699">
        <v>2017</v>
      </c>
      <c r="G11699" t="s">
        <v>126</v>
      </c>
      <c r="H11699" t="s">
        <v>122</v>
      </c>
      <c r="I11699" t="s">
        <v>15</v>
      </c>
      <c r="J11699" s="10">
        <v>20.966016979999999</v>
      </c>
    </row>
    <row r="11700" spans="1:10" x14ac:dyDescent="0.35">
      <c r="A11700" t="s">
        <v>26</v>
      </c>
      <c r="B11700" t="s">
        <v>73</v>
      </c>
      <c r="C11700" t="s">
        <v>117</v>
      </c>
      <c r="D11700" t="s">
        <v>118</v>
      </c>
      <c r="E11700">
        <v>2017</v>
      </c>
      <c r="F11700">
        <v>2017</v>
      </c>
      <c r="G11700" t="s">
        <v>126</v>
      </c>
      <c r="H11700" t="s">
        <v>123</v>
      </c>
      <c r="I11700" t="s">
        <v>15</v>
      </c>
      <c r="J11700" s="10">
        <v>17.43457669</v>
      </c>
    </row>
    <row r="11701" spans="1:10" x14ac:dyDescent="0.35">
      <c r="A11701" t="s">
        <v>26</v>
      </c>
      <c r="B11701" t="s">
        <v>73</v>
      </c>
      <c r="C11701" t="s">
        <v>117</v>
      </c>
      <c r="D11701" t="s">
        <v>118</v>
      </c>
      <c r="E11701">
        <v>2017</v>
      </c>
      <c r="F11701">
        <v>2017</v>
      </c>
      <c r="G11701" t="s">
        <v>126</v>
      </c>
      <c r="H11701" t="s">
        <v>124</v>
      </c>
      <c r="I11701" t="s">
        <v>15</v>
      </c>
      <c r="J11701" s="10">
        <v>3.1429382110000001</v>
      </c>
    </row>
    <row r="11702" spans="1:10" x14ac:dyDescent="0.35">
      <c r="A11702" t="s">
        <v>26</v>
      </c>
      <c r="B11702" t="s">
        <v>73</v>
      </c>
      <c r="C11702" t="s">
        <v>117</v>
      </c>
      <c r="D11702" t="s">
        <v>118</v>
      </c>
      <c r="E11702">
        <v>2016</v>
      </c>
      <c r="F11702">
        <v>2016</v>
      </c>
      <c r="G11702" t="s">
        <v>14</v>
      </c>
      <c r="H11702" t="s">
        <v>119</v>
      </c>
      <c r="I11702" t="s">
        <v>15</v>
      </c>
      <c r="J11702" s="10">
        <v>17.82332615</v>
      </c>
    </row>
    <row r="11703" spans="1:10" x14ac:dyDescent="0.35">
      <c r="A11703" t="s">
        <v>26</v>
      </c>
      <c r="B11703" t="s">
        <v>73</v>
      </c>
      <c r="C11703" t="s">
        <v>117</v>
      </c>
      <c r="D11703" t="s">
        <v>118</v>
      </c>
      <c r="E11703">
        <v>2016</v>
      </c>
      <c r="F11703">
        <v>2016</v>
      </c>
      <c r="G11703" t="s">
        <v>14</v>
      </c>
      <c r="H11703" t="s">
        <v>120</v>
      </c>
      <c r="I11703" t="s">
        <v>15</v>
      </c>
      <c r="J11703" s="10">
        <v>9.7895350919999995</v>
      </c>
    </row>
    <row r="11704" spans="1:10" x14ac:dyDescent="0.35">
      <c r="A11704" t="s">
        <v>26</v>
      </c>
      <c r="B11704" t="s">
        <v>73</v>
      </c>
      <c r="C11704" t="s">
        <v>117</v>
      </c>
      <c r="D11704" t="s">
        <v>118</v>
      </c>
      <c r="E11704">
        <v>2016</v>
      </c>
      <c r="F11704">
        <v>2016</v>
      </c>
      <c r="G11704" t="s">
        <v>14</v>
      </c>
      <c r="H11704" t="s">
        <v>121</v>
      </c>
      <c r="I11704" t="s">
        <v>15</v>
      </c>
      <c r="J11704" s="10">
        <v>33.244704720000001</v>
      </c>
    </row>
    <row r="11705" spans="1:10" x14ac:dyDescent="0.35">
      <c r="A11705" t="s">
        <v>26</v>
      </c>
      <c r="B11705" t="s">
        <v>73</v>
      </c>
      <c r="C11705" t="s">
        <v>117</v>
      </c>
      <c r="D11705" t="s">
        <v>118</v>
      </c>
      <c r="E11705">
        <v>2016</v>
      </c>
      <c r="F11705">
        <v>2016</v>
      </c>
      <c r="G11705" t="s">
        <v>14</v>
      </c>
      <c r="H11705" t="s">
        <v>122</v>
      </c>
      <c r="I11705" t="s">
        <v>15</v>
      </c>
      <c r="J11705" s="10">
        <v>20.49452522</v>
      </c>
    </row>
    <row r="11706" spans="1:10" x14ac:dyDescent="0.35">
      <c r="A11706" t="s">
        <v>26</v>
      </c>
      <c r="B11706" t="s">
        <v>73</v>
      </c>
      <c r="C11706" t="s">
        <v>117</v>
      </c>
      <c r="D11706" t="s">
        <v>118</v>
      </c>
      <c r="E11706">
        <v>2016</v>
      </c>
      <c r="F11706">
        <v>2016</v>
      </c>
      <c r="G11706" t="s">
        <v>14</v>
      </c>
      <c r="H11706" t="s">
        <v>123</v>
      </c>
      <c r="I11706" t="s">
        <v>15</v>
      </c>
      <c r="J11706" s="10">
        <v>16.203329740000001</v>
      </c>
    </row>
    <row r="11707" spans="1:10" x14ac:dyDescent="0.35">
      <c r="A11707" t="s">
        <v>26</v>
      </c>
      <c r="B11707" t="s">
        <v>73</v>
      </c>
      <c r="C11707" t="s">
        <v>117</v>
      </c>
      <c r="D11707" t="s">
        <v>118</v>
      </c>
      <c r="E11707">
        <v>2016</v>
      </c>
      <c r="F11707">
        <v>2016</v>
      </c>
      <c r="G11707" t="s">
        <v>14</v>
      </c>
      <c r="H11707" t="s">
        <v>124</v>
      </c>
      <c r="I11707" t="s">
        <v>15</v>
      </c>
      <c r="J11707" s="10">
        <v>2.4445790700000001</v>
      </c>
    </row>
    <row r="11708" spans="1:10" x14ac:dyDescent="0.35">
      <c r="A11708" t="s">
        <v>26</v>
      </c>
      <c r="B11708" t="s">
        <v>73</v>
      </c>
      <c r="C11708" t="s">
        <v>117</v>
      </c>
      <c r="D11708" t="s">
        <v>118</v>
      </c>
      <c r="E11708">
        <v>2016</v>
      </c>
      <c r="F11708">
        <v>2016</v>
      </c>
      <c r="G11708" t="s">
        <v>125</v>
      </c>
      <c r="H11708" t="s">
        <v>119</v>
      </c>
      <c r="I11708" t="s">
        <v>15</v>
      </c>
      <c r="J11708" s="10">
        <v>18.64488669</v>
      </c>
    </row>
    <row r="11709" spans="1:10" x14ac:dyDescent="0.35">
      <c r="A11709" t="s">
        <v>26</v>
      </c>
      <c r="B11709" t="s">
        <v>73</v>
      </c>
      <c r="C11709" t="s">
        <v>117</v>
      </c>
      <c r="D11709" t="s">
        <v>118</v>
      </c>
      <c r="E11709">
        <v>2016</v>
      </c>
      <c r="F11709">
        <v>2016</v>
      </c>
      <c r="G11709" t="s">
        <v>125</v>
      </c>
      <c r="H11709" t="s">
        <v>120</v>
      </c>
      <c r="I11709" t="s">
        <v>15</v>
      </c>
      <c r="J11709" s="10">
        <v>10.4750949</v>
      </c>
    </row>
    <row r="11710" spans="1:10" x14ac:dyDescent="0.35">
      <c r="A11710" t="s">
        <v>26</v>
      </c>
      <c r="B11710" t="s">
        <v>73</v>
      </c>
      <c r="C11710" t="s">
        <v>117</v>
      </c>
      <c r="D11710" t="s">
        <v>118</v>
      </c>
      <c r="E11710">
        <v>2016</v>
      </c>
      <c r="F11710">
        <v>2016</v>
      </c>
      <c r="G11710" t="s">
        <v>125</v>
      </c>
      <c r="H11710" t="s">
        <v>121</v>
      </c>
      <c r="I11710" t="s">
        <v>15</v>
      </c>
      <c r="J11710" s="10">
        <v>33.624755550000003</v>
      </c>
    </row>
    <row r="11711" spans="1:10" x14ac:dyDescent="0.35">
      <c r="A11711" t="s">
        <v>26</v>
      </c>
      <c r="B11711" t="s">
        <v>73</v>
      </c>
      <c r="C11711" t="s">
        <v>117</v>
      </c>
      <c r="D11711" t="s">
        <v>118</v>
      </c>
      <c r="E11711">
        <v>2016</v>
      </c>
      <c r="F11711">
        <v>2016</v>
      </c>
      <c r="G11711" t="s">
        <v>125</v>
      </c>
      <c r="H11711" t="s">
        <v>122</v>
      </c>
      <c r="I11711" t="s">
        <v>15</v>
      </c>
      <c r="J11711" s="10">
        <v>20.310594729999998</v>
      </c>
    </row>
    <row r="11712" spans="1:10" x14ac:dyDescent="0.35">
      <c r="A11712" t="s">
        <v>26</v>
      </c>
      <c r="B11712" t="s">
        <v>73</v>
      </c>
      <c r="C11712" t="s">
        <v>117</v>
      </c>
      <c r="D11712" t="s">
        <v>118</v>
      </c>
      <c r="E11712">
        <v>2016</v>
      </c>
      <c r="F11712">
        <v>2016</v>
      </c>
      <c r="G11712" t="s">
        <v>125</v>
      </c>
      <c r="H11712" t="s">
        <v>123</v>
      </c>
      <c r="I11712" t="s">
        <v>15</v>
      </c>
      <c r="J11712" s="10">
        <v>15.177729210000001</v>
      </c>
    </row>
    <row r="11713" spans="1:10" x14ac:dyDescent="0.35">
      <c r="A11713" t="s">
        <v>26</v>
      </c>
      <c r="B11713" t="s">
        <v>73</v>
      </c>
      <c r="C11713" t="s">
        <v>117</v>
      </c>
      <c r="D11713" t="s">
        <v>118</v>
      </c>
      <c r="E11713">
        <v>2016</v>
      </c>
      <c r="F11713">
        <v>2016</v>
      </c>
      <c r="G11713" t="s">
        <v>125</v>
      </c>
      <c r="H11713" t="s">
        <v>124</v>
      </c>
      <c r="I11713" t="s">
        <v>15</v>
      </c>
      <c r="J11713" s="10">
        <v>1.766938916</v>
      </c>
    </row>
    <row r="11714" spans="1:10" x14ac:dyDescent="0.35">
      <c r="A11714" t="s">
        <v>26</v>
      </c>
      <c r="B11714" t="s">
        <v>73</v>
      </c>
      <c r="C11714" t="s">
        <v>117</v>
      </c>
      <c r="D11714" t="s">
        <v>118</v>
      </c>
      <c r="E11714">
        <v>2016</v>
      </c>
      <c r="F11714">
        <v>2016</v>
      </c>
      <c r="G11714" t="s">
        <v>126</v>
      </c>
      <c r="H11714" t="s">
        <v>119</v>
      </c>
      <c r="I11714" t="s">
        <v>15</v>
      </c>
      <c r="J11714" s="10">
        <v>17.041448620000001</v>
      </c>
    </row>
    <row r="11715" spans="1:10" x14ac:dyDescent="0.35">
      <c r="A11715" t="s">
        <v>26</v>
      </c>
      <c r="B11715" t="s">
        <v>73</v>
      </c>
      <c r="C11715" t="s">
        <v>117</v>
      </c>
      <c r="D11715" t="s">
        <v>118</v>
      </c>
      <c r="E11715">
        <v>2016</v>
      </c>
      <c r="F11715">
        <v>2016</v>
      </c>
      <c r="G11715" t="s">
        <v>126</v>
      </c>
      <c r="H11715" t="s">
        <v>120</v>
      </c>
      <c r="I11715" t="s">
        <v>15</v>
      </c>
      <c r="J11715" s="10">
        <v>9.1370891810000003</v>
      </c>
    </row>
    <row r="11716" spans="1:10" x14ac:dyDescent="0.35">
      <c r="A11716" t="s">
        <v>26</v>
      </c>
      <c r="B11716" t="s">
        <v>73</v>
      </c>
      <c r="C11716" t="s">
        <v>117</v>
      </c>
      <c r="D11716" t="s">
        <v>118</v>
      </c>
      <c r="E11716">
        <v>2016</v>
      </c>
      <c r="F11716">
        <v>2016</v>
      </c>
      <c r="G11716" t="s">
        <v>126</v>
      </c>
      <c r="H11716" t="s">
        <v>121</v>
      </c>
      <c r="I11716" t="s">
        <v>15</v>
      </c>
      <c r="J11716" s="10">
        <v>32.883011099999997</v>
      </c>
    </row>
    <row r="11717" spans="1:10" x14ac:dyDescent="0.35">
      <c r="A11717" t="s">
        <v>26</v>
      </c>
      <c r="B11717" t="s">
        <v>73</v>
      </c>
      <c r="C11717" t="s">
        <v>117</v>
      </c>
      <c r="D11717" t="s">
        <v>118</v>
      </c>
      <c r="E11717">
        <v>2016</v>
      </c>
      <c r="F11717">
        <v>2016</v>
      </c>
      <c r="G11717" t="s">
        <v>126</v>
      </c>
      <c r="H11717" t="s">
        <v>122</v>
      </c>
      <c r="I11717" t="s">
        <v>15</v>
      </c>
      <c r="J11717" s="10">
        <v>20.6695715</v>
      </c>
    </row>
    <row r="11718" spans="1:10" x14ac:dyDescent="0.35">
      <c r="A11718" t="s">
        <v>26</v>
      </c>
      <c r="B11718" t="s">
        <v>73</v>
      </c>
      <c r="C11718" t="s">
        <v>117</v>
      </c>
      <c r="D11718" t="s">
        <v>118</v>
      </c>
      <c r="E11718">
        <v>2016</v>
      </c>
      <c r="F11718">
        <v>2016</v>
      </c>
      <c r="G11718" t="s">
        <v>126</v>
      </c>
      <c r="H11718" t="s">
        <v>123</v>
      </c>
      <c r="I11718" t="s">
        <v>15</v>
      </c>
      <c r="J11718" s="10">
        <v>17.17939174</v>
      </c>
    </row>
    <row r="11719" spans="1:10" x14ac:dyDescent="0.35">
      <c r="A11719" t="s">
        <v>26</v>
      </c>
      <c r="B11719" t="s">
        <v>73</v>
      </c>
      <c r="C11719" t="s">
        <v>117</v>
      </c>
      <c r="D11719" t="s">
        <v>118</v>
      </c>
      <c r="E11719">
        <v>2016</v>
      </c>
      <c r="F11719">
        <v>2016</v>
      </c>
      <c r="G11719" t="s">
        <v>126</v>
      </c>
      <c r="H11719" t="s">
        <v>124</v>
      </c>
      <c r="I11719" t="s">
        <v>15</v>
      </c>
      <c r="J11719" s="10">
        <v>3.0894878590000001</v>
      </c>
    </row>
    <row r="11720" spans="1:10" x14ac:dyDescent="0.35">
      <c r="A11720" t="s">
        <v>26</v>
      </c>
      <c r="B11720" t="s">
        <v>73</v>
      </c>
      <c r="C11720" t="s">
        <v>117</v>
      </c>
      <c r="D11720" t="s">
        <v>118</v>
      </c>
      <c r="E11720">
        <v>2015</v>
      </c>
      <c r="F11720">
        <v>2015</v>
      </c>
      <c r="G11720" t="s">
        <v>14</v>
      </c>
      <c r="H11720" t="s">
        <v>119</v>
      </c>
      <c r="I11720" t="s">
        <v>15</v>
      </c>
      <c r="J11720" s="10">
        <v>17.722972970000001</v>
      </c>
    </row>
    <row r="11721" spans="1:10" x14ac:dyDescent="0.35">
      <c r="A11721" t="s">
        <v>26</v>
      </c>
      <c r="B11721" t="s">
        <v>73</v>
      </c>
      <c r="C11721" t="s">
        <v>117</v>
      </c>
      <c r="D11721" t="s">
        <v>118</v>
      </c>
      <c r="E11721">
        <v>2015</v>
      </c>
      <c r="F11721">
        <v>2015</v>
      </c>
      <c r="G11721" t="s">
        <v>14</v>
      </c>
      <c r="H11721" t="s">
        <v>120</v>
      </c>
      <c r="I11721" t="s">
        <v>15</v>
      </c>
      <c r="J11721" s="10">
        <v>10.052927929999999</v>
      </c>
    </row>
    <row r="11722" spans="1:10" x14ac:dyDescent="0.35">
      <c r="A11722" t="s">
        <v>26</v>
      </c>
      <c r="B11722" t="s">
        <v>73</v>
      </c>
      <c r="C11722" t="s">
        <v>117</v>
      </c>
      <c r="D11722" t="s">
        <v>118</v>
      </c>
      <c r="E11722">
        <v>2015</v>
      </c>
      <c r="F11722">
        <v>2015</v>
      </c>
      <c r="G11722" t="s">
        <v>14</v>
      </c>
      <c r="H11722" t="s">
        <v>121</v>
      </c>
      <c r="I11722" t="s">
        <v>15</v>
      </c>
      <c r="J11722" s="10">
        <v>33.619369370000001</v>
      </c>
    </row>
    <row r="11723" spans="1:10" x14ac:dyDescent="0.35">
      <c r="A11723" t="s">
        <v>26</v>
      </c>
      <c r="B11723" t="s">
        <v>73</v>
      </c>
      <c r="C11723" t="s">
        <v>117</v>
      </c>
      <c r="D11723" t="s">
        <v>118</v>
      </c>
      <c r="E11723">
        <v>2015</v>
      </c>
      <c r="F11723">
        <v>2015</v>
      </c>
      <c r="G11723" t="s">
        <v>14</v>
      </c>
      <c r="H11723" t="s">
        <v>122</v>
      </c>
      <c r="I11723" t="s">
        <v>15</v>
      </c>
      <c r="J11723" s="10">
        <v>20.25788288</v>
      </c>
    </row>
    <row r="11724" spans="1:10" x14ac:dyDescent="0.35">
      <c r="A11724" t="s">
        <v>26</v>
      </c>
      <c r="B11724" t="s">
        <v>73</v>
      </c>
      <c r="C11724" t="s">
        <v>117</v>
      </c>
      <c r="D11724" t="s">
        <v>118</v>
      </c>
      <c r="E11724">
        <v>2015</v>
      </c>
      <c r="F11724">
        <v>2015</v>
      </c>
      <c r="G11724" t="s">
        <v>14</v>
      </c>
      <c r="H11724" t="s">
        <v>123</v>
      </c>
      <c r="I11724" t="s">
        <v>15</v>
      </c>
      <c r="J11724" s="10">
        <v>15.947072070000001</v>
      </c>
    </row>
    <row r="11725" spans="1:10" x14ac:dyDescent="0.35">
      <c r="A11725" t="s">
        <v>26</v>
      </c>
      <c r="B11725" t="s">
        <v>73</v>
      </c>
      <c r="C11725" t="s">
        <v>117</v>
      </c>
      <c r="D11725" t="s">
        <v>118</v>
      </c>
      <c r="E11725">
        <v>2015</v>
      </c>
      <c r="F11725">
        <v>2015</v>
      </c>
      <c r="G11725" t="s">
        <v>14</v>
      </c>
      <c r="H11725" t="s">
        <v>124</v>
      </c>
      <c r="I11725" t="s">
        <v>15</v>
      </c>
      <c r="J11725" s="10">
        <v>2.399774775</v>
      </c>
    </row>
    <row r="11726" spans="1:10" x14ac:dyDescent="0.35">
      <c r="A11726" t="s">
        <v>26</v>
      </c>
      <c r="B11726" t="s">
        <v>73</v>
      </c>
      <c r="C11726" t="s">
        <v>117</v>
      </c>
      <c r="D11726" t="s">
        <v>118</v>
      </c>
      <c r="E11726">
        <v>2015</v>
      </c>
      <c r="F11726">
        <v>2015</v>
      </c>
      <c r="G11726" t="s">
        <v>125</v>
      </c>
      <c r="H11726" t="s">
        <v>119</v>
      </c>
      <c r="I11726" t="s">
        <v>15</v>
      </c>
      <c r="J11726" s="10">
        <v>18.44687025</v>
      </c>
    </row>
    <row r="11727" spans="1:10" x14ac:dyDescent="0.35">
      <c r="A11727" t="s">
        <v>26</v>
      </c>
      <c r="B11727" t="s">
        <v>73</v>
      </c>
      <c r="C11727" t="s">
        <v>117</v>
      </c>
      <c r="D11727" t="s">
        <v>118</v>
      </c>
      <c r="E11727">
        <v>2015</v>
      </c>
      <c r="F11727">
        <v>2015</v>
      </c>
      <c r="G11727" t="s">
        <v>125</v>
      </c>
      <c r="H11727" t="s">
        <v>120</v>
      </c>
      <c r="I11727" t="s">
        <v>15</v>
      </c>
      <c r="J11727" s="10">
        <v>10.651282760000001</v>
      </c>
    </row>
    <row r="11728" spans="1:10" x14ac:dyDescent="0.35">
      <c r="A11728" t="s">
        <v>26</v>
      </c>
      <c r="B11728" t="s">
        <v>73</v>
      </c>
      <c r="C11728" t="s">
        <v>117</v>
      </c>
      <c r="D11728" t="s">
        <v>118</v>
      </c>
      <c r="E11728">
        <v>2015</v>
      </c>
      <c r="F11728">
        <v>2015</v>
      </c>
      <c r="G11728" t="s">
        <v>125</v>
      </c>
      <c r="H11728" t="s">
        <v>121</v>
      </c>
      <c r="I11728" t="s">
        <v>15</v>
      </c>
      <c r="J11728" s="10">
        <v>34.219980649999997</v>
      </c>
    </row>
    <row r="11729" spans="1:10" x14ac:dyDescent="0.35">
      <c r="A11729" t="s">
        <v>26</v>
      </c>
      <c r="B11729" t="s">
        <v>73</v>
      </c>
      <c r="C11729" t="s">
        <v>117</v>
      </c>
      <c r="D11729" t="s">
        <v>118</v>
      </c>
      <c r="E11729">
        <v>2015</v>
      </c>
      <c r="F11729">
        <v>2015</v>
      </c>
      <c r="G11729" t="s">
        <v>125</v>
      </c>
      <c r="H11729" t="s">
        <v>122</v>
      </c>
      <c r="I11729" t="s">
        <v>15</v>
      </c>
      <c r="J11729" s="10">
        <v>20.072774169999999</v>
      </c>
    </row>
    <row r="11730" spans="1:10" x14ac:dyDescent="0.35">
      <c r="A11730" t="s">
        <v>26</v>
      </c>
      <c r="B11730" t="s">
        <v>73</v>
      </c>
      <c r="C11730" t="s">
        <v>117</v>
      </c>
      <c r="D11730" t="s">
        <v>118</v>
      </c>
      <c r="E11730">
        <v>2015</v>
      </c>
      <c r="F11730">
        <v>2015</v>
      </c>
      <c r="G11730" t="s">
        <v>125</v>
      </c>
      <c r="H11730" t="s">
        <v>123</v>
      </c>
      <c r="I11730" t="s">
        <v>15</v>
      </c>
      <c r="J11730" s="10">
        <v>14.881857119999999</v>
      </c>
    </row>
    <row r="11731" spans="1:10" x14ac:dyDescent="0.35">
      <c r="A11731" t="s">
        <v>26</v>
      </c>
      <c r="B11731" t="s">
        <v>73</v>
      </c>
      <c r="C11731" t="s">
        <v>117</v>
      </c>
      <c r="D11731" t="s">
        <v>118</v>
      </c>
      <c r="E11731">
        <v>2015</v>
      </c>
      <c r="F11731">
        <v>2015</v>
      </c>
      <c r="G11731" t="s">
        <v>125</v>
      </c>
      <c r="H11731" t="s">
        <v>124</v>
      </c>
      <c r="I11731" t="s">
        <v>15</v>
      </c>
      <c r="J11731" s="10">
        <v>1.727235042</v>
      </c>
    </row>
    <row r="11732" spans="1:10" x14ac:dyDescent="0.35">
      <c r="A11732" t="s">
        <v>26</v>
      </c>
      <c r="B11732" t="s">
        <v>73</v>
      </c>
      <c r="C11732" t="s">
        <v>117</v>
      </c>
      <c r="D11732" t="s">
        <v>118</v>
      </c>
      <c r="E11732">
        <v>2015</v>
      </c>
      <c r="F11732">
        <v>2015</v>
      </c>
      <c r="G11732" t="s">
        <v>126</v>
      </c>
      <c r="H11732" t="s">
        <v>119</v>
      </c>
      <c r="I11732" t="s">
        <v>15</v>
      </c>
      <c r="J11732" s="10">
        <v>17.030278989999999</v>
      </c>
    </row>
    <row r="11733" spans="1:10" x14ac:dyDescent="0.35">
      <c r="A11733" t="s">
        <v>26</v>
      </c>
      <c r="B11733" t="s">
        <v>73</v>
      </c>
      <c r="C11733" t="s">
        <v>117</v>
      </c>
      <c r="D11733" t="s">
        <v>118</v>
      </c>
      <c r="E11733">
        <v>2015</v>
      </c>
      <c r="F11733">
        <v>2015</v>
      </c>
      <c r="G11733" t="s">
        <v>126</v>
      </c>
      <c r="H11733" t="s">
        <v>120</v>
      </c>
      <c r="I11733" t="s">
        <v>15</v>
      </c>
      <c r="J11733" s="10">
        <v>9.4803649350000008</v>
      </c>
    </row>
    <row r="11734" spans="1:10" x14ac:dyDescent="0.35">
      <c r="A11734" t="s">
        <v>26</v>
      </c>
      <c r="B11734" t="s">
        <v>73</v>
      </c>
      <c r="C11734" t="s">
        <v>117</v>
      </c>
      <c r="D11734" t="s">
        <v>118</v>
      </c>
      <c r="E11734">
        <v>2015</v>
      </c>
      <c r="F11734">
        <v>2015</v>
      </c>
      <c r="G11734" t="s">
        <v>126</v>
      </c>
      <c r="H11734" t="s">
        <v>121</v>
      </c>
      <c r="I11734" t="s">
        <v>15</v>
      </c>
      <c r="J11734" s="10">
        <v>33.044647189999999</v>
      </c>
    </row>
    <row r="11735" spans="1:10" x14ac:dyDescent="0.35">
      <c r="A11735" t="s">
        <v>26</v>
      </c>
      <c r="B11735" t="s">
        <v>73</v>
      </c>
      <c r="C11735" t="s">
        <v>117</v>
      </c>
      <c r="D11735" t="s">
        <v>118</v>
      </c>
      <c r="E11735">
        <v>2015</v>
      </c>
      <c r="F11735">
        <v>2015</v>
      </c>
      <c r="G11735" t="s">
        <v>126</v>
      </c>
      <c r="H11735" t="s">
        <v>122</v>
      </c>
      <c r="I11735" t="s">
        <v>15</v>
      </c>
      <c r="J11735" s="10">
        <v>20.435012560000001</v>
      </c>
    </row>
    <row r="11736" spans="1:10" x14ac:dyDescent="0.35">
      <c r="A11736" t="s">
        <v>26</v>
      </c>
      <c r="B11736" t="s">
        <v>73</v>
      </c>
      <c r="C11736" t="s">
        <v>117</v>
      </c>
      <c r="D11736" t="s">
        <v>118</v>
      </c>
      <c r="E11736">
        <v>2015</v>
      </c>
      <c r="F11736">
        <v>2015</v>
      </c>
      <c r="G11736" t="s">
        <v>126</v>
      </c>
      <c r="H11736" t="s">
        <v>123</v>
      </c>
      <c r="I11736" t="s">
        <v>15</v>
      </c>
      <c r="J11736" s="10">
        <v>16.966371370000001</v>
      </c>
    </row>
    <row r="11737" spans="1:10" x14ac:dyDescent="0.35">
      <c r="A11737" t="s">
        <v>26</v>
      </c>
      <c r="B11737" t="s">
        <v>73</v>
      </c>
      <c r="C11737" t="s">
        <v>117</v>
      </c>
      <c r="D11737" t="s">
        <v>118</v>
      </c>
      <c r="E11737">
        <v>2015</v>
      </c>
      <c r="F11737">
        <v>2015</v>
      </c>
      <c r="G11737" t="s">
        <v>126</v>
      </c>
      <c r="H11737" t="s">
        <v>124</v>
      </c>
      <c r="I11737" t="s">
        <v>15</v>
      </c>
      <c r="J11737" s="10">
        <v>3.043324959</v>
      </c>
    </row>
    <row r="11738" spans="1:10" x14ac:dyDescent="0.35">
      <c r="A11738" t="s">
        <v>26</v>
      </c>
      <c r="B11738" t="s">
        <v>73</v>
      </c>
      <c r="C11738" t="s">
        <v>117</v>
      </c>
      <c r="D11738" t="s">
        <v>118</v>
      </c>
      <c r="E11738">
        <v>2014</v>
      </c>
      <c r="F11738">
        <v>2014</v>
      </c>
      <c r="G11738" t="s">
        <v>14</v>
      </c>
      <c r="H11738" t="s">
        <v>119</v>
      </c>
      <c r="I11738" t="s">
        <v>15</v>
      </c>
      <c r="J11738" s="10">
        <v>17.787527140000002</v>
      </c>
    </row>
    <row r="11739" spans="1:10" x14ac:dyDescent="0.35">
      <c r="A11739" t="s">
        <v>26</v>
      </c>
      <c r="B11739" t="s">
        <v>73</v>
      </c>
      <c r="C11739" t="s">
        <v>117</v>
      </c>
      <c r="D11739" t="s">
        <v>118</v>
      </c>
      <c r="E11739">
        <v>2014</v>
      </c>
      <c r="F11739">
        <v>2014</v>
      </c>
      <c r="G11739" t="s">
        <v>14</v>
      </c>
      <c r="H11739" t="s">
        <v>120</v>
      </c>
      <c r="I11739" t="s">
        <v>15</v>
      </c>
      <c r="J11739" s="10">
        <v>9.9871566099999995</v>
      </c>
    </row>
    <row r="11740" spans="1:10" x14ac:dyDescent="0.35">
      <c r="A11740" t="s">
        <v>26</v>
      </c>
      <c r="B11740" t="s">
        <v>73</v>
      </c>
      <c r="C11740" t="s">
        <v>117</v>
      </c>
      <c r="D11740" t="s">
        <v>118</v>
      </c>
      <c r="E11740">
        <v>2014</v>
      </c>
      <c r="F11740">
        <v>2014</v>
      </c>
      <c r="G11740" t="s">
        <v>14</v>
      </c>
      <c r="H11740" t="s">
        <v>121</v>
      </c>
      <c r="I11740" t="s">
        <v>15</v>
      </c>
      <c r="J11740" s="10">
        <v>34.032710860000002</v>
      </c>
    </row>
    <row r="11741" spans="1:10" x14ac:dyDescent="0.35">
      <c r="A11741" t="s">
        <v>26</v>
      </c>
      <c r="B11741" t="s">
        <v>73</v>
      </c>
      <c r="C11741" t="s">
        <v>117</v>
      </c>
      <c r="D11741" t="s">
        <v>118</v>
      </c>
      <c r="E11741">
        <v>2014</v>
      </c>
      <c r="F11741">
        <v>2014</v>
      </c>
      <c r="G11741" t="s">
        <v>14</v>
      </c>
      <c r="H11741" t="s">
        <v>122</v>
      </c>
      <c r="I11741" t="s">
        <v>15</v>
      </c>
      <c r="J11741" s="10">
        <v>20.022049710000001</v>
      </c>
    </row>
    <row r="11742" spans="1:10" x14ac:dyDescent="0.35">
      <c r="A11742" t="s">
        <v>26</v>
      </c>
      <c r="B11742" t="s">
        <v>73</v>
      </c>
      <c r="C11742" t="s">
        <v>117</v>
      </c>
      <c r="D11742" t="s">
        <v>118</v>
      </c>
      <c r="E11742">
        <v>2014</v>
      </c>
      <c r="F11742">
        <v>2014</v>
      </c>
      <c r="G11742" t="s">
        <v>14</v>
      </c>
      <c r="H11742" t="s">
        <v>123</v>
      </c>
      <c r="I11742" t="s">
        <v>15</v>
      </c>
      <c r="J11742" s="10">
        <v>15.84396986</v>
      </c>
    </row>
    <row r="11743" spans="1:10" x14ac:dyDescent="0.35">
      <c r="A11743" t="s">
        <v>26</v>
      </c>
      <c r="B11743" t="s">
        <v>73</v>
      </c>
      <c r="C11743" t="s">
        <v>117</v>
      </c>
      <c r="D11743" t="s">
        <v>118</v>
      </c>
      <c r="E11743">
        <v>2014</v>
      </c>
      <c r="F11743">
        <v>2014</v>
      </c>
      <c r="G11743" t="s">
        <v>14</v>
      </c>
      <c r="H11743" t="s">
        <v>124</v>
      </c>
      <c r="I11743" t="s">
        <v>15</v>
      </c>
      <c r="J11743" s="10">
        <v>2.3265858179999999</v>
      </c>
    </row>
    <row r="11744" spans="1:10" x14ac:dyDescent="0.35">
      <c r="A11744" t="s">
        <v>26</v>
      </c>
      <c r="B11744" t="s">
        <v>73</v>
      </c>
      <c r="C11744" t="s">
        <v>117</v>
      </c>
      <c r="D11744" t="s">
        <v>118</v>
      </c>
      <c r="E11744">
        <v>2014</v>
      </c>
      <c r="F11744">
        <v>2014</v>
      </c>
      <c r="G11744" t="s">
        <v>125</v>
      </c>
      <c r="H11744" t="s">
        <v>119</v>
      </c>
      <c r="I11744" t="s">
        <v>15</v>
      </c>
      <c r="J11744" s="10">
        <v>18.705874130000002</v>
      </c>
    </row>
    <row r="11745" spans="1:10" x14ac:dyDescent="0.35">
      <c r="A11745" t="s">
        <v>26</v>
      </c>
      <c r="B11745" t="s">
        <v>73</v>
      </c>
      <c r="C11745" t="s">
        <v>117</v>
      </c>
      <c r="D11745" t="s">
        <v>118</v>
      </c>
      <c r="E11745">
        <v>2014</v>
      </c>
      <c r="F11745">
        <v>2014</v>
      </c>
      <c r="G11745" t="s">
        <v>125</v>
      </c>
      <c r="H11745" t="s">
        <v>120</v>
      </c>
      <c r="I11745" t="s">
        <v>15</v>
      </c>
      <c r="J11745" s="10">
        <v>10.54127735</v>
      </c>
    </row>
    <row r="11746" spans="1:10" x14ac:dyDescent="0.35">
      <c r="A11746" t="s">
        <v>26</v>
      </c>
      <c r="B11746" t="s">
        <v>73</v>
      </c>
      <c r="C11746" t="s">
        <v>117</v>
      </c>
      <c r="D11746" t="s">
        <v>118</v>
      </c>
      <c r="E11746">
        <v>2014</v>
      </c>
      <c r="F11746">
        <v>2014</v>
      </c>
      <c r="G11746" t="s">
        <v>125</v>
      </c>
      <c r="H11746" t="s">
        <v>121</v>
      </c>
      <c r="I11746" t="s">
        <v>15</v>
      </c>
      <c r="J11746" s="10">
        <v>34.403616280000001</v>
      </c>
    </row>
    <row r="11747" spans="1:10" x14ac:dyDescent="0.35">
      <c r="A11747" t="s">
        <v>26</v>
      </c>
      <c r="B11747" t="s">
        <v>73</v>
      </c>
      <c r="C11747" t="s">
        <v>117</v>
      </c>
      <c r="D11747" t="s">
        <v>118</v>
      </c>
      <c r="E11747">
        <v>2014</v>
      </c>
      <c r="F11747">
        <v>2014</v>
      </c>
      <c r="G11747" t="s">
        <v>125</v>
      </c>
      <c r="H11747" t="s">
        <v>122</v>
      </c>
      <c r="I11747" t="s">
        <v>15</v>
      </c>
      <c r="J11747" s="10">
        <v>20.031689069999999</v>
      </c>
    </row>
    <row r="11748" spans="1:10" x14ac:dyDescent="0.35">
      <c r="A11748" t="s">
        <v>26</v>
      </c>
      <c r="B11748" t="s">
        <v>73</v>
      </c>
      <c r="C11748" t="s">
        <v>117</v>
      </c>
      <c r="D11748" t="s">
        <v>118</v>
      </c>
      <c r="E11748">
        <v>2014</v>
      </c>
      <c r="F11748">
        <v>2014</v>
      </c>
      <c r="G11748" t="s">
        <v>125</v>
      </c>
      <c r="H11748" t="s">
        <v>123</v>
      </c>
      <c r="I11748" t="s">
        <v>15</v>
      </c>
      <c r="J11748" s="10">
        <v>14.73308945</v>
      </c>
    </row>
    <row r="11749" spans="1:10" x14ac:dyDescent="0.35">
      <c r="A11749" t="s">
        <v>26</v>
      </c>
      <c r="B11749" t="s">
        <v>73</v>
      </c>
      <c r="C11749" t="s">
        <v>117</v>
      </c>
      <c r="D11749" t="s">
        <v>118</v>
      </c>
      <c r="E11749">
        <v>2014</v>
      </c>
      <c r="F11749">
        <v>2014</v>
      </c>
      <c r="G11749" t="s">
        <v>125</v>
      </c>
      <c r="H11749" t="s">
        <v>124</v>
      </c>
      <c r="I11749" t="s">
        <v>15</v>
      </c>
      <c r="J11749" s="10">
        <v>1.584453713</v>
      </c>
    </row>
    <row r="11750" spans="1:10" x14ac:dyDescent="0.35">
      <c r="A11750" t="s">
        <v>26</v>
      </c>
      <c r="B11750" t="s">
        <v>73</v>
      </c>
      <c r="C11750" t="s">
        <v>117</v>
      </c>
      <c r="D11750" t="s">
        <v>118</v>
      </c>
      <c r="E11750">
        <v>2014</v>
      </c>
      <c r="F11750">
        <v>2014</v>
      </c>
      <c r="G11750" t="s">
        <v>126</v>
      </c>
      <c r="H11750" t="s">
        <v>119</v>
      </c>
      <c r="I11750" t="s">
        <v>15</v>
      </c>
      <c r="J11750" s="10">
        <v>16.91297209</v>
      </c>
    </row>
    <row r="11751" spans="1:10" x14ac:dyDescent="0.35">
      <c r="A11751" t="s">
        <v>26</v>
      </c>
      <c r="B11751" t="s">
        <v>73</v>
      </c>
      <c r="C11751" t="s">
        <v>117</v>
      </c>
      <c r="D11751" t="s">
        <v>118</v>
      </c>
      <c r="E11751">
        <v>2014</v>
      </c>
      <c r="F11751">
        <v>2014</v>
      </c>
      <c r="G11751" t="s">
        <v>126</v>
      </c>
      <c r="H11751" t="s">
        <v>120</v>
      </c>
      <c r="I11751" t="s">
        <v>15</v>
      </c>
      <c r="J11751" s="10">
        <v>9.4594594589999996</v>
      </c>
    </row>
    <row r="11752" spans="1:10" x14ac:dyDescent="0.35">
      <c r="A11752" t="s">
        <v>26</v>
      </c>
      <c r="B11752" t="s">
        <v>73</v>
      </c>
      <c r="C11752" t="s">
        <v>117</v>
      </c>
      <c r="D11752" t="s">
        <v>118</v>
      </c>
      <c r="E11752">
        <v>2014</v>
      </c>
      <c r="F11752">
        <v>2014</v>
      </c>
      <c r="G11752" t="s">
        <v>126</v>
      </c>
      <c r="H11752" t="s">
        <v>121</v>
      </c>
      <c r="I11752" t="s">
        <v>15</v>
      </c>
      <c r="J11752" s="10">
        <v>33.6794923</v>
      </c>
    </row>
    <row r="11753" spans="1:10" x14ac:dyDescent="0.35">
      <c r="A11753" t="s">
        <v>26</v>
      </c>
      <c r="B11753" t="s">
        <v>73</v>
      </c>
      <c r="C11753" t="s">
        <v>117</v>
      </c>
      <c r="D11753" t="s">
        <v>118</v>
      </c>
      <c r="E11753">
        <v>2014</v>
      </c>
      <c r="F11753">
        <v>2014</v>
      </c>
      <c r="G11753" t="s">
        <v>126</v>
      </c>
      <c r="H11753" t="s">
        <v>122</v>
      </c>
      <c r="I11753" t="s">
        <v>15</v>
      </c>
      <c r="J11753" s="10">
        <v>20.01287001</v>
      </c>
    </row>
    <row r="11754" spans="1:10" x14ac:dyDescent="0.35">
      <c r="A11754" t="s">
        <v>26</v>
      </c>
      <c r="B11754" t="s">
        <v>73</v>
      </c>
      <c r="C11754" t="s">
        <v>117</v>
      </c>
      <c r="D11754" t="s">
        <v>118</v>
      </c>
      <c r="E11754">
        <v>2014</v>
      </c>
      <c r="F11754">
        <v>2014</v>
      </c>
      <c r="G11754" t="s">
        <v>126</v>
      </c>
      <c r="H11754" t="s">
        <v>123</v>
      </c>
      <c r="I11754" t="s">
        <v>15</v>
      </c>
      <c r="J11754" s="10">
        <v>16.901877249999998</v>
      </c>
    </row>
    <row r="11755" spans="1:10" x14ac:dyDescent="0.35">
      <c r="A11755" t="s">
        <v>26</v>
      </c>
      <c r="B11755" t="s">
        <v>73</v>
      </c>
      <c r="C11755" t="s">
        <v>117</v>
      </c>
      <c r="D11755" t="s">
        <v>118</v>
      </c>
      <c r="E11755">
        <v>2014</v>
      </c>
      <c r="F11755">
        <v>2014</v>
      </c>
      <c r="G11755" t="s">
        <v>126</v>
      </c>
      <c r="H11755" t="s">
        <v>124</v>
      </c>
      <c r="I11755" t="s">
        <v>15</v>
      </c>
      <c r="J11755" s="10">
        <v>3.0333288949999999</v>
      </c>
    </row>
    <row r="11756" spans="1:10" x14ac:dyDescent="0.35">
      <c r="A11756" t="s">
        <v>26</v>
      </c>
      <c r="B11756" t="s">
        <v>73</v>
      </c>
      <c r="C11756" t="s">
        <v>117</v>
      </c>
      <c r="D11756" t="s">
        <v>118</v>
      </c>
      <c r="E11756">
        <v>2013</v>
      </c>
      <c r="F11756">
        <v>2013</v>
      </c>
      <c r="G11756" t="s">
        <v>14</v>
      </c>
      <c r="H11756" t="s">
        <v>119</v>
      </c>
      <c r="I11756" t="s">
        <v>15</v>
      </c>
      <c r="J11756" s="10">
        <v>17.953932640000001</v>
      </c>
    </row>
    <row r="11757" spans="1:10" x14ac:dyDescent="0.35">
      <c r="A11757" t="s">
        <v>26</v>
      </c>
      <c r="B11757" t="s">
        <v>73</v>
      </c>
      <c r="C11757" t="s">
        <v>117</v>
      </c>
      <c r="D11757" t="s">
        <v>118</v>
      </c>
      <c r="E11757">
        <v>2013</v>
      </c>
      <c r="F11757">
        <v>2013</v>
      </c>
      <c r="G11757" t="s">
        <v>14</v>
      </c>
      <c r="H11757" t="s">
        <v>120</v>
      </c>
      <c r="I11757" t="s">
        <v>15</v>
      </c>
      <c r="J11757" s="10">
        <v>10.022393859999999</v>
      </c>
    </row>
    <row r="11758" spans="1:10" x14ac:dyDescent="0.35">
      <c r="A11758" t="s">
        <v>26</v>
      </c>
      <c r="B11758" t="s">
        <v>73</v>
      </c>
      <c r="C11758" t="s">
        <v>117</v>
      </c>
      <c r="D11758" t="s">
        <v>118</v>
      </c>
      <c r="E11758">
        <v>2013</v>
      </c>
      <c r="F11758">
        <v>2013</v>
      </c>
      <c r="G11758" t="s">
        <v>14</v>
      </c>
      <c r="H11758" t="s">
        <v>121</v>
      </c>
      <c r="I11758" t="s">
        <v>15</v>
      </c>
      <c r="J11758" s="10">
        <v>34.524244779999997</v>
      </c>
    </row>
    <row r="11759" spans="1:10" x14ac:dyDescent="0.35">
      <c r="A11759" t="s">
        <v>26</v>
      </c>
      <c r="B11759" t="s">
        <v>73</v>
      </c>
      <c r="C11759" t="s">
        <v>117</v>
      </c>
      <c r="D11759" t="s">
        <v>118</v>
      </c>
      <c r="E11759">
        <v>2013</v>
      </c>
      <c r="F11759">
        <v>2013</v>
      </c>
      <c r="G11759" t="s">
        <v>14</v>
      </c>
      <c r="H11759" t="s">
        <v>122</v>
      </c>
      <c r="I11759" t="s">
        <v>15</v>
      </c>
      <c r="J11759" s="10">
        <v>19.783145189999999</v>
      </c>
    </row>
    <row r="11760" spans="1:10" x14ac:dyDescent="0.35">
      <c r="A11760" t="s">
        <v>26</v>
      </c>
      <c r="B11760" t="s">
        <v>73</v>
      </c>
      <c r="C11760" t="s">
        <v>117</v>
      </c>
      <c r="D11760" t="s">
        <v>118</v>
      </c>
      <c r="E11760">
        <v>2013</v>
      </c>
      <c r="F11760">
        <v>2013</v>
      </c>
      <c r="G11760" t="s">
        <v>14</v>
      </c>
      <c r="H11760" t="s">
        <v>123</v>
      </c>
      <c r="I11760" t="s">
        <v>15</v>
      </c>
      <c r="J11760" s="10">
        <v>15.521456969999999</v>
      </c>
    </row>
    <row r="11761" spans="1:10" x14ac:dyDescent="0.35">
      <c r="A11761" t="s">
        <v>26</v>
      </c>
      <c r="B11761" t="s">
        <v>73</v>
      </c>
      <c r="C11761" t="s">
        <v>117</v>
      </c>
      <c r="D11761" t="s">
        <v>118</v>
      </c>
      <c r="E11761">
        <v>2013</v>
      </c>
      <c r="F11761">
        <v>2013</v>
      </c>
      <c r="G11761" t="s">
        <v>14</v>
      </c>
      <c r="H11761" t="s">
        <v>124</v>
      </c>
      <c r="I11761" t="s">
        <v>15</v>
      </c>
      <c r="J11761" s="10">
        <v>2.1948265619999998</v>
      </c>
    </row>
    <row r="11762" spans="1:10" x14ac:dyDescent="0.35">
      <c r="A11762" t="s">
        <v>26</v>
      </c>
      <c r="B11762" t="s">
        <v>73</v>
      </c>
      <c r="C11762" t="s">
        <v>117</v>
      </c>
      <c r="D11762" t="s">
        <v>118</v>
      </c>
      <c r="E11762">
        <v>2013</v>
      </c>
      <c r="F11762">
        <v>2013</v>
      </c>
      <c r="G11762" t="s">
        <v>125</v>
      </c>
      <c r="H11762" t="s">
        <v>119</v>
      </c>
      <c r="I11762" t="s">
        <v>15</v>
      </c>
      <c r="J11762" s="10">
        <v>18.95707964</v>
      </c>
    </row>
    <row r="11763" spans="1:10" x14ac:dyDescent="0.35">
      <c r="A11763" t="s">
        <v>26</v>
      </c>
      <c r="B11763" t="s">
        <v>73</v>
      </c>
      <c r="C11763" t="s">
        <v>117</v>
      </c>
      <c r="D11763" t="s">
        <v>118</v>
      </c>
      <c r="E11763">
        <v>2013</v>
      </c>
      <c r="F11763">
        <v>2013</v>
      </c>
      <c r="G11763" t="s">
        <v>125</v>
      </c>
      <c r="H11763" t="s">
        <v>120</v>
      </c>
      <c r="I11763" t="s">
        <v>15</v>
      </c>
      <c r="J11763" s="10">
        <v>10.55096354</v>
      </c>
    </row>
    <row r="11764" spans="1:10" x14ac:dyDescent="0.35">
      <c r="A11764" t="s">
        <v>26</v>
      </c>
      <c r="B11764" t="s">
        <v>73</v>
      </c>
      <c r="C11764" t="s">
        <v>117</v>
      </c>
      <c r="D11764" t="s">
        <v>118</v>
      </c>
      <c r="E11764">
        <v>2013</v>
      </c>
      <c r="F11764">
        <v>2013</v>
      </c>
      <c r="G11764" t="s">
        <v>125</v>
      </c>
      <c r="H11764" t="s">
        <v>121</v>
      </c>
      <c r="I11764" t="s">
        <v>15</v>
      </c>
      <c r="J11764" s="10">
        <v>34.785866489999997</v>
      </c>
    </row>
    <row r="11765" spans="1:10" x14ac:dyDescent="0.35">
      <c r="A11765" t="s">
        <v>26</v>
      </c>
      <c r="B11765" t="s">
        <v>73</v>
      </c>
      <c r="C11765" t="s">
        <v>117</v>
      </c>
      <c r="D11765" t="s">
        <v>118</v>
      </c>
      <c r="E11765">
        <v>2013</v>
      </c>
      <c r="F11765">
        <v>2013</v>
      </c>
      <c r="G11765" t="s">
        <v>125</v>
      </c>
      <c r="H11765" t="s">
        <v>122</v>
      </c>
      <c r="I11765" t="s">
        <v>15</v>
      </c>
      <c r="J11765" s="10">
        <v>19.917109610000001</v>
      </c>
    </row>
    <row r="11766" spans="1:10" x14ac:dyDescent="0.35">
      <c r="A11766" t="s">
        <v>26</v>
      </c>
      <c r="B11766" t="s">
        <v>73</v>
      </c>
      <c r="C11766" t="s">
        <v>117</v>
      </c>
      <c r="D11766" t="s">
        <v>118</v>
      </c>
      <c r="E11766">
        <v>2013</v>
      </c>
      <c r="F11766">
        <v>2013</v>
      </c>
      <c r="G11766" t="s">
        <v>125</v>
      </c>
      <c r="H11766" t="s">
        <v>123</v>
      </c>
      <c r="I11766" t="s">
        <v>15</v>
      </c>
      <c r="J11766" s="10">
        <v>14.33254502</v>
      </c>
    </row>
    <row r="11767" spans="1:10" x14ac:dyDescent="0.35">
      <c r="A11767" t="s">
        <v>26</v>
      </c>
      <c r="B11767" t="s">
        <v>73</v>
      </c>
      <c r="C11767" t="s">
        <v>117</v>
      </c>
      <c r="D11767" t="s">
        <v>118</v>
      </c>
      <c r="E11767">
        <v>2013</v>
      </c>
      <c r="F11767">
        <v>2013</v>
      </c>
      <c r="G11767" t="s">
        <v>125</v>
      </c>
      <c r="H11767" t="s">
        <v>124</v>
      </c>
      <c r="I11767" t="s">
        <v>15</v>
      </c>
      <c r="J11767" s="10">
        <v>1.4564357130000001</v>
      </c>
    </row>
    <row r="11768" spans="1:10" x14ac:dyDescent="0.35">
      <c r="A11768" t="s">
        <v>26</v>
      </c>
      <c r="B11768" t="s">
        <v>73</v>
      </c>
      <c r="C11768" t="s">
        <v>117</v>
      </c>
      <c r="D11768" t="s">
        <v>118</v>
      </c>
      <c r="E11768">
        <v>2013</v>
      </c>
      <c r="F11768">
        <v>2013</v>
      </c>
      <c r="G11768" t="s">
        <v>126</v>
      </c>
      <c r="H11768" t="s">
        <v>119</v>
      </c>
      <c r="I11768" t="s">
        <v>15</v>
      </c>
      <c r="J11768" s="10">
        <v>16.998014149999999</v>
      </c>
    </row>
    <row r="11769" spans="1:10" x14ac:dyDescent="0.35">
      <c r="A11769" t="s">
        <v>26</v>
      </c>
      <c r="B11769" t="s">
        <v>73</v>
      </c>
      <c r="C11769" t="s">
        <v>117</v>
      </c>
      <c r="D11769" t="s">
        <v>118</v>
      </c>
      <c r="E11769">
        <v>2013</v>
      </c>
      <c r="F11769">
        <v>2013</v>
      </c>
      <c r="G11769" t="s">
        <v>126</v>
      </c>
      <c r="H11769" t="s">
        <v>120</v>
      </c>
      <c r="I11769" t="s">
        <v>15</v>
      </c>
      <c r="J11769" s="10">
        <v>9.5187094180000003</v>
      </c>
    </row>
    <row r="11770" spans="1:10" x14ac:dyDescent="0.35">
      <c r="A11770" t="s">
        <v>26</v>
      </c>
      <c r="B11770" t="s">
        <v>73</v>
      </c>
      <c r="C11770" t="s">
        <v>117</v>
      </c>
      <c r="D11770" t="s">
        <v>118</v>
      </c>
      <c r="E11770">
        <v>2013</v>
      </c>
      <c r="F11770">
        <v>2013</v>
      </c>
      <c r="G11770" t="s">
        <v>126</v>
      </c>
      <c r="H11770" t="s">
        <v>121</v>
      </c>
      <c r="I11770" t="s">
        <v>15</v>
      </c>
      <c r="J11770" s="10">
        <v>34.274940309999998</v>
      </c>
    </row>
    <row r="11771" spans="1:10" x14ac:dyDescent="0.35">
      <c r="A11771" t="s">
        <v>26</v>
      </c>
      <c r="B11771" t="s">
        <v>73</v>
      </c>
      <c r="C11771" t="s">
        <v>117</v>
      </c>
      <c r="D11771" t="s">
        <v>118</v>
      </c>
      <c r="E11771">
        <v>2013</v>
      </c>
      <c r="F11771">
        <v>2013</v>
      </c>
      <c r="G11771" t="s">
        <v>126</v>
      </c>
      <c r="H11771" t="s">
        <v>122</v>
      </c>
      <c r="I11771" t="s">
        <v>15</v>
      </c>
      <c r="J11771" s="10">
        <v>19.655487870000002</v>
      </c>
    </row>
    <row r="11772" spans="1:10" x14ac:dyDescent="0.35">
      <c r="A11772" t="s">
        <v>26</v>
      </c>
      <c r="B11772" t="s">
        <v>73</v>
      </c>
      <c r="C11772" t="s">
        <v>117</v>
      </c>
      <c r="D11772" t="s">
        <v>118</v>
      </c>
      <c r="E11772">
        <v>2013</v>
      </c>
      <c r="F11772">
        <v>2013</v>
      </c>
      <c r="G11772" t="s">
        <v>126</v>
      </c>
      <c r="H11772" t="s">
        <v>123</v>
      </c>
      <c r="I11772" t="s">
        <v>15</v>
      </c>
      <c r="J11772" s="10">
        <v>16.654394539999998</v>
      </c>
    </row>
    <row r="11773" spans="1:10" x14ac:dyDescent="0.35">
      <c r="A11773" t="s">
        <v>26</v>
      </c>
      <c r="B11773" t="s">
        <v>73</v>
      </c>
      <c r="C11773" t="s">
        <v>117</v>
      </c>
      <c r="D11773" t="s">
        <v>118</v>
      </c>
      <c r="E11773">
        <v>2013</v>
      </c>
      <c r="F11773">
        <v>2013</v>
      </c>
      <c r="G11773" t="s">
        <v>126</v>
      </c>
      <c r="H11773" t="s">
        <v>124</v>
      </c>
      <c r="I11773" t="s">
        <v>15</v>
      </c>
      <c r="J11773" s="10">
        <v>2.8984537119999998</v>
      </c>
    </row>
    <row r="11774" spans="1:10" x14ac:dyDescent="0.35">
      <c r="A11774" t="s">
        <v>26</v>
      </c>
      <c r="B11774" t="s">
        <v>73</v>
      </c>
      <c r="C11774" t="s">
        <v>117</v>
      </c>
      <c r="D11774" t="s">
        <v>118</v>
      </c>
      <c r="E11774">
        <v>2012</v>
      </c>
      <c r="F11774">
        <v>2012</v>
      </c>
      <c r="G11774" t="s">
        <v>14</v>
      </c>
      <c r="H11774" t="s">
        <v>119</v>
      </c>
      <c r="I11774" t="s">
        <v>15</v>
      </c>
      <c r="J11774" s="10">
        <v>18.05393402</v>
      </c>
    </row>
    <row r="11775" spans="1:10" x14ac:dyDescent="0.35">
      <c r="A11775" t="s">
        <v>26</v>
      </c>
      <c r="B11775" t="s">
        <v>73</v>
      </c>
      <c r="C11775" t="s">
        <v>117</v>
      </c>
      <c r="D11775" t="s">
        <v>118</v>
      </c>
      <c r="E11775">
        <v>2012</v>
      </c>
      <c r="F11775">
        <v>2012</v>
      </c>
      <c r="G11775" t="s">
        <v>14</v>
      </c>
      <c r="H11775" t="s">
        <v>120</v>
      </c>
      <c r="I11775" t="s">
        <v>15</v>
      </c>
      <c r="J11775" s="10">
        <v>10.1435341</v>
      </c>
    </row>
    <row r="11776" spans="1:10" x14ac:dyDescent="0.35">
      <c r="A11776" t="s">
        <v>26</v>
      </c>
      <c r="B11776" t="s">
        <v>73</v>
      </c>
      <c r="C11776" t="s">
        <v>117</v>
      </c>
      <c r="D11776" t="s">
        <v>118</v>
      </c>
      <c r="E11776">
        <v>2012</v>
      </c>
      <c r="F11776">
        <v>2012</v>
      </c>
      <c r="G11776" t="s">
        <v>14</v>
      </c>
      <c r="H11776" t="s">
        <v>121</v>
      </c>
      <c r="I11776" t="s">
        <v>15</v>
      </c>
      <c r="J11776" s="10">
        <v>34.906027520000002</v>
      </c>
    </row>
    <row r="11777" spans="1:10" x14ac:dyDescent="0.35">
      <c r="A11777" t="s">
        <v>26</v>
      </c>
      <c r="B11777" t="s">
        <v>73</v>
      </c>
      <c r="C11777" t="s">
        <v>117</v>
      </c>
      <c r="D11777" t="s">
        <v>118</v>
      </c>
      <c r="E11777">
        <v>2012</v>
      </c>
      <c r="F11777">
        <v>2012</v>
      </c>
      <c r="G11777" t="s">
        <v>14</v>
      </c>
      <c r="H11777" t="s">
        <v>122</v>
      </c>
      <c r="I11777" t="s">
        <v>15</v>
      </c>
      <c r="J11777" s="10">
        <v>19.72277545</v>
      </c>
    </row>
    <row r="11778" spans="1:10" x14ac:dyDescent="0.35">
      <c r="A11778" t="s">
        <v>26</v>
      </c>
      <c r="B11778" t="s">
        <v>73</v>
      </c>
      <c r="C11778" t="s">
        <v>117</v>
      </c>
      <c r="D11778" t="s">
        <v>118</v>
      </c>
      <c r="E11778">
        <v>2012</v>
      </c>
      <c r="F11778">
        <v>2012</v>
      </c>
      <c r="G11778" t="s">
        <v>14</v>
      </c>
      <c r="H11778" t="s">
        <v>123</v>
      </c>
      <c r="I11778" t="s">
        <v>15</v>
      </c>
      <c r="J11778" s="10">
        <v>14.995536019999999</v>
      </c>
    </row>
    <row r="11779" spans="1:10" x14ac:dyDescent="0.35">
      <c r="A11779" t="s">
        <v>26</v>
      </c>
      <c r="B11779" t="s">
        <v>73</v>
      </c>
      <c r="C11779" t="s">
        <v>117</v>
      </c>
      <c r="D11779" t="s">
        <v>118</v>
      </c>
      <c r="E11779">
        <v>2012</v>
      </c>
      <c r="F11779">
        <v>2012</v>
      </c>
      <c r="G11779" t="s">
        <v>14</v>
      </c>
      <c r="H11779" t="s">
        <v>124</v>
      </c>
      <c r="I11779" t="s">
        <v>15</v>
      </c>
      <c r="J11779" s="10">
        <v>2.17819289</v>
      </c>
    </row>
    <row r="11780" spans="1:10" x14ac:dyDescent="0.35">
      <c r="A11780" t="s">
        <v>26</v>
      </c>
      <c r="B11780" t="s">
        <v>73</v>
      </c>
      <c r="C11780" t="s">
        <v>117</v>
      </c>
      <c r="D11780" t="s">
        <v>118</v>
      </c>
      <c r="E11780">
        <v>2012</v>
      </c>
      <c r="F11780">
        <v>2012</v>
      </c>
      <c r="G11780" t="s">
        <v>125</v>
      </c>
      <c r="H11780" t="s">
        <v>119</v>
      </c>
      <c r="I11780" t="s">
        <v>15</v>
      </c>
      <c r="J11780" s="10">
        <v>19.16713536</v>
      </c>
    </row>
    <row r="11781" spans="1:10" x14ac:dyDescent="0.35">
      <c r="A11781" t="s">
        <v>26</v>
      </c>
      <c r="B11781" t="s">
        <v>73</v>
      </c>
      <c r="C11781" t="s">
        <v>117</v>
      </c>
      <c r="D11781" t="s">
        <v>118</v>
      </c>
      <c r="E11781">
        <v>2012</v>
      </c>
      <c r="F11781">
        <v>2012</v>
      </c>
      <c r="G11781" t="s">
        <v>125</v>
      </c>
      <c r="H11781" t="s">
        <v>120</v>
      </c>
      <c r="I11781" t="s">
        <v>15</v>
      </c>
      <c r="J11781" s="10">
        <v>10.66741657</v>
      </c>
    </row>
    <row r="11782" spans="1:10" x14ac:dyDescent="0.35">
      <c r="A11782" t="s">
        <v>26</v>
      </c>
      <c r="B11782" t="s">
        <v>73</v>
      </c>
      <c r="C11782" t="s">
        <v>117</v>
      </c>
      <c r="D11782" t="s">
        <v>118</v>
      </c>
      <c r="E11782">
        <v>2012</v>
      </c>
      <c r="F11782">
        <v>2012</v>
      </c>
      <c r="G11782" t="s">
        <v>125</v>
      </c>
      <c r="H11782" t="s">
        <v>121</v>
      </c>
      <c r="I11782" t="s">
        <v>15</v>
      </c>
      <c r="J11782" s="10">
        <v>35.076865390000002</v>
      </c>
    </row>
    <row r="11783" spans="1:10" x14ac:dyDescent="0.35">
      <c r="A11783" t="s">
        <v>26</v>
      </c>
      <c r="B11783" t="s">
        <v>73</v>
      </c>
      <c r="C11783" t="s">
        <v>117</v>
      </c>
      <c r="D11783" t="s">
        <v>118</v>
      </c>
      <c r="E11783">
        <v>2012</v>
      </c>
      <c r="F11783">
        <v>2012</v>
      </c>
      <c r="G11783" t="s">
        <v>125</v>
      </c>
      <c r="H11783" t="s">
        <v>122</v>
      </c>
      <c r="I11783" t="s">
        <v>15</v>
      </c>
      <c r="J11783" s="10">
        <v>19.867829019999999</v>
      </c>
    </row>
    <row r="11784" spans="1:10" x14ac:dyDescent="0.35">
      <c r="A11784" t="s">
        <v>26</v>
      </c>
      <c r="B11784" t="s">
        <v>73</v>
      </c>
      <c r="C11784" t="s">
        <v>117</v>
      </c>
      <c r="D11784" t="s">
        <v>118</v>
      </c>
      <c r="E11784">
        <v>2012</v>
      </c>
      <c r="F11784">
        <v>2012</v>
      </c>
      <c r="G11784" t="s">
        <v>125</v>
      </c>
      <c r="H11784" t="s">
        <v>123</v>
      </c>
      <c r="I11784" t="s">
        <v>15</v>
      </c>
      <c r="J11784" s="10">
        <v>13.781871020000001</v>
      </c>
    </row>
    <row r="11785" spans="1:10" x14ac:dyDescent="0.35">
      <c r="A11785" t="s">
        <v>26</v>
      </c>
      <c r="B11785" t="s">
        <v>73</v>
      </c>
      <c r="C11785" t="s">
        <v>117</v>
      </c>
      <c r="D11785" t="s">
        <v>118</v>
      </c>
      <c r="E11785">
        <v>2012</v>
      </c>
      <c r="F11785">
        <v>2012</v>
      </c>
      <c r="G11785" t="s">
        <v>125</v>
      </c>
      <c r="H11785" t="s">
        <v>124</v>
      </c>
      <c r="I11785" t="s">
        <v>15</v>
      </c>
      <c r="J11785" s="10">
        <v>1.4388826400000001</v>
      </c>
    </row>
    <row r="11786" spans="1:10" x14ac:dyDescent="0.35">
      <c r="A11786" t="s">
        <v>26</v>
      </c>
      <c r="B11786" t="s">
        <v>73</v>
      </c>
      <c r="C11786" t="s">
        <v>117</v>
      </c>
      <c r="D11786" t="s">
        <v>118</v>
      </c>
      <c r="E11786">
        <v>2012</v>
      </c>
      <c r="F11786">
        <v>2012</v>
      </c>
      <c r="G11786" t="s">
        <v>126</v>
      </c>
      <c r="H11786" t="s">
        <v>119</v>
      </c>
      <c r="I11786" t="s">
        <v>15</v>
      </c>
      <c r="J11786" s="10">
        <v>16.991095000000001</v>
      </c>
    </row>
    <row r="11787" spans="1:10" x14ac:dyDescent="0.35">
      <c r="A11787" t="s">
        <v>26</v>
      </c>
      <c r="B11787" t="s">
        <v>73</v>
      </c>
      <c r="C11787" t="s">
        <v>117</v>
      </c>
      <c r="D11787" t="s">
        <v>118</v>
      </c>
      <c r="E11787">
        <v>2012</v>
      </c>
      <c r="F11787">
        <v>2012</v>
      </c>
      <c r="G11787" t="s">
        <v>126</v>
      </c>
      <c r="H11787" t="s">
        <v>120</v>
      </c>
      <c r="I11787" t="s">
        <v>15</v>
      </c>
      <c r="J11787" s="10">
        <v>9.6433525749999998</v>
      </c>
    </row>
    <row r="11788" spans="1:10" x14ac:dyDescent="0.35">
      <c r="A11788" t="s">
        <v>26</v>
      </c>
      <c r="B11788" t="s">
        <v>73</v>
      </c>
      <c r="C11788" t="s">
        <v>117</v>
      </c>
      <c r="D11788" t="s">
        <v>118</v>
      </c>
      <c r="E11788">
        <v>2012</v>
      </c>
      <c r="F11788">
        <v>2012</v>
      </c>
      <c r="G11788" t="s">
        <v>126</v>
      </c>
      <c r="H11788" t="s">
        <v>121</v>
      </c>
      <c r="I11788" t="s">
        <v>15</v>
      </c>
      <c r="J11788" s="10">
        <v>34.742918510000003</v>
      </c>
    </row>
    <row r="11789" spans="1:10" x14ac:dyDescent="0.35">
      <c r="A11789" t="s">
        <v>26</v>
      </c>
      <c r="B11789" t="s">
        <v>73</v>
      </c>
      <c r="C11789" t="s">
        <v>117</v>
      </c>
      <c r="D11789" t="s">
        <v>118</v>
      </c>
      <c r="E11789">
        <v>2012</v>
      </c>
      <c r="F11789">
        <v>2012</v>
      </c>
      <c r="G11789" t="s">
        <v>126</v>
      </c>
      <c r="H11789" t="s">
        <v>122</v>
      </c>
      <c r="I11789" t="s">
        <v>15</v>
      </c>
      <c r="J11789" s="10">
        <v>19.584284239999999</v>
      </c>
    </row>
    <row r="11790" spans="1:10" x14ac:dyDescent="0.35">
      <c r="A11790" t="s">
        <v>26</v>
      </c>
      <c r="B11790" t="s">
        <v>73</v>
      </c>
      <c r="C11790" t="s">
        <v>117</v>
      </c>
      <c r="D11790" t="s">
        <v>118</v>
      </c>
      <c r="E11790">
        <v>2012</v>
      </c>
      <c r="F11790">
        <v>2012</v>
      </c>
      <c r="G11790" t="s">
        <v>126</v>
      </c>
      <c r="H11790" t="s">
        <v>123</v>
      </c>
      <c r="I11790" t="s">
        <v>15</v>
      </c>
      <c r="J11790" s="10">
        <v>16.154293639999999</v>
      </c>
    </row>
    <row r="11791" spans="1:10" x14ac:dyDescent="0.35">
      <c r="A11791" t="s">
        <v>26</v>
      </c>
      <c r="B11791" t="s">
        <v>73</v>
      </c>
      <c r="C11791" t="s">
        <v>117</v>
      </c>
      <c r="D11791" t="s">
        <v>118</v>
      </c>
      <c r="E11791">
        <v>2012</v>
      </c>
      <c r="F11791">
        <v>2012</v>
      </c>
      <c r="G11791" t="s">
        <v>126</v>
      </c>
      <c r="H11791" t="s">
        <v>124</v>
      </c>
      <c r="I11791" t="s">
        <v>15</v>
      </c>
      <c r="J11791" s="10">
        <v>2.884056025</v>
      </c>
    </row>
    <row r="11792" spans="1:10" x14ac:dyDescent="0.35">
      <c r="A11792" t="s">
        <v>26</v>
      </c>
      <c r="B11792" t="s">
        <v>73</v>
      </c>
      <c r="C11792" t="s">
        <v>117</v>
      </c>
      <c r="D11792" t="s">
        <v>118</v>
      </c>
      <c r="E11792">
        <v>2011</v>
      </c>
      <c r="F11792">
        <v>2011</v>
      </c>
      <c r="G11792" t="s">
        <v>14</v>
      </c>
      <c r="H11792" t="s">
        <v>119</v>
      </c>
      <c r="I11792" t="s">
        <v>15</v>
      </c>
      <c r="J11792" s="10">
        <v>18.16052629</v>
      </c>
    </row>
    <row r="11793" spans="1:10" x14ac:dyDescent="0.35">
      <c r="A11793" t="s">
        <v>26</v>
      </c>
      <c r="B11793" t="s">
        <v>73</v>
      </c>
      <c r="C11793" t="s">
        <v>117</v>
      </c>
      <c r="D11793" t="s">
        <v>118</v>
      </c>
      <c r="E11793">
        <v>2011</v>
      </c>
      <c r="F11793">
        <v>2011</v>
      </c>
      <c r="G11793" t="s">
        <v>14</v>
      </c>
      <c r="H11793" t="s">
        <v>120</v>
      </c>
      <c r="I11793" t="s">
        <v>15</v>
      </c>
      <c r="J11793" s="10">
        <v>10.21457848</v>
      </c>
    </row>
    <row r="11794" spans="1:10" x14ac:dyDescent="0.35">
      <c r="A11794" t="s">
        <v>26</v>
      </c>
      <c r="B11794" t="s">
        <v>73</v>
      </c>
      <c r="C11794" t="s">
        <v>117</v>
      </c>
      <c r="D11794" t="s">
        <v>118</v>
      </c>
      <c r="E11794">
        <v>2011</v>
      </c>
      <c r="F11794">
        <v>2011</v>
      </c>
      <c r="G11794" t="s">
        <v>14</v>
      </c>
      <c r="H11794" t="s">
        <v>121</v>
      </c>
      <c r="I11794" t="s">
        <v>15</v>
      </c>
      <c r="J11794" s="10">
        <v>35.170663939999997</v>
      </c>
    </row>
    <row r="11795" spans="1:10" x14ac:dyDescent="0.35">
      <c r="A11795" t="s">
        <v>26</v>
      </c>
      <c r="B11795" t="s">
        <v>73</v>
      </c>
      <c r="C11795" t="s">
        <v>117</v>
      </c>
      <c r="D11795" t="s">
        <v>118</v>
      </c>
      <c r="E11795">
        <v>2011</v>
      </c>
      <c r="F11795">
        <v>2011</v>
      </c>
      <c r="G11795" t="s">
        <v>14</v>
      </c>
      <c r="H11795" t="s">
        <v>122</v>
      </c>
      <c r="I11795" t="s">
        <v>15</v>
      </c>
      <c r="J11795" s="10">
        <v>19.78048472</v>
      </c>
    </row>
    <row r="11796" spans="1:10" x14ac:dyDescent="0.35">
      <c r="A11796" t="s">
        <v>26</v>
      </c>
      <c r="B11796" t="s">
        <v>73</v>
      </c>
      <c r="C11796" t="s">
        <v>117</v>
      </c>
      <c r="D11796" t="s">
        <v>118</v>
      </c>
      <c r="E11796">
        <v>2011</v>
      </c>
      <c r="F11796">
        <v>2011</v>
      </c>
      <c r="G11796" t="s">
        <v>14</v>
      </c>
      <c r="H11796" t="s">
        <v>123</v>
      </c>
      <c r="I11796" t="s">
        <v>15</v>
      </c>
      <c r="J11796" s="10">
        <v>14.5417389</v>
      </c>
    </row>
    <row r="11797" spans="1:10" x14ac:dyDescent="0.35">
      <c r="A11797" t="s">
        <v>26</v>
      </c>
      <c r="B11797" t="s">
        <v>73</v>
      </c>
      <c r="C11797" t="s">
        <v>117</v>
      </c>
      <c r="D11797" t="s">
        <v>118</v>
      </c>
      <c r="E11797">
        <v>2011</v>
      </c>
      <c r="F11797">
        <v>2011</v>
      </c>
      <c r="G11797" t="s">
        <v>14</v>
      </c>
      <c r="H11797" t="s">
        <v>124</v>
      </c>
      <c r="I11797" t="s">
        <v>15</v>
      </c>
      <c r="J11797" s="10">
        <v>2.132007669</v>
      </c>
    </row>
    <row r="11798" spans="1:10" x14ac:dyDescent="0.35">
      <c r="A11798" t="s">
        <v>26</v>
      </c>
      <c r="B11798" t="s">
        <v>73</v>
      </c>
      <c r="C11798" t="s">
        <v>117</v>
      </c>
      <c r="D11798" t="s">
        <v>118</v>
      </c>
      <c r="E11798">
        <v>2011</v>
      </c>
      <c r="F11798">
        <v>2011</v>
      </c>
      <c r="G11798" t="s">
        <v>125</v>
      </c>
      <c r="H11798" t="s">
        <v>119</v>
      </c>
      <c r="I11798" t="s">
        <v>15</v>
      </c>
      <c r="J11798" s="10">
        <v>19.29114401</v>
      </c>
    </row>
    <row r="11799" spans="1:10" x14ac:dyDescent="0.35">
      <c r="A11799" t="s">
        <v>26</v>
      </c>
      <c r="B11799" t="s">
        <v>73</v>
      </c>
      <c r="C11799" t="s">
        <v>117</v>
      </c>
      <c r="D11799" t="s">
        <v>118</v>
      </c>
      <c r="E11799">
        <v>2011</v>
      </c>
      <c r="F11799">
        <v>2011</v>
      </c>
      <c r="G11799" t="s">
        <v>125</v>
      </c>
      <c r="H11799" t="s">
        <v>120</v>
      </c>
      <c r="I11799" t="s">
        <v>15</v>
      </c>
      <c r="J11799" s="10">
        <v>10.72462404</v>
      </c>
    </row>
    <row r="11800" spans="1:10" x14ac:dyDescent="0.35">
      <c r="A11800" t="s">
        <v>26</v>
      </c>
      <c r="B11800" t="s">
        <v>73</v>
      </c>
      <c r="C11800" t="s">
        <v>117</v>
      </c>
      <c r="D11800" t="s">
        <v>118</v>
      </c>
      <c r="E11800">
        <v>2011</v>
      </c>
      <c r="F11800">
        <v>2011</v>
      </c>
      <c r="G11800" t="s">
        <v>125</v>
      </c>
      <c r="H11800" t="s">
        <v>121</v>
      </c>
      <c r="I11800" t="s">
        <v>15</v>
      </c>
      <c r="J11800" s="10">
        <v>35.339248310000002</v>
      </c>
    </row>
    <row r="11801" spans="1:10" x14ac:dyDescent="0.35">
      <c r="A11801" t="s">
        <v>26</v>
      </c>
      <c r="B11801" t="s">
        <v>73</v>
      </c>
      <c r="C11801" t="s">
        <v>117</v>
      </c>
      <c r="D11801" t="s">
        <v>118</v>
      </c>
      <c r="E11801">
        <v>2011</v>
      </c>
      <c r="F11801">
        <v>2011</v>
      </c>
      <c r="G11801" t="s">
        <v>125</v>
      </c>
      <c r="H11801" t="s">
        <v>122</v>
      </c>
      <c r="I11801" t="s">
        <v>15</v>
      </c>
      <c r="J11801" s="10">
        <v>19.865383260000002</v>
      </c>
    </row>
    <row r="11802" spans="1:10" x14ac:dyDescent="0.35">
      <c r="A11802" t="s">
        <v>26</v>
      </c>
      <c r="B11802" t="s">
        <v>73</v>
      </c>
      <c r="C11802" t="s">
        <v>117</v>
      </c>
      <c r="D11802" t="s">
        <v>118</v>
      </c>
      <c r="E11802">
        <v>2011</v>
      </c>
      <c r="F11802">
        <v>2011</v>
      </c>
      <c r="G11802" t="s">
        <v>125</v>
      </c>
      <c r="H11802" t="s">
        <v>123</v>
      </c>
      <c r="I11802" t="s">
        <v>15</v>
      </c>
      <c r="J11802" s="10">
        <v>13.36518322</v>
      </c>
    </row>
    <row r="11803" spans="1:10" x14ac:dyDescent="0.35">
      <c r="A11803" t="s">
        <v>26</v>
      </c>
      <c r="B11803" t="s">
        <v>73</v>
      </c>
      <c r="C11803" t="s">
        <v>117</v>
      </c>
      <c r="D11803" t="s">
        <v>118</v>
      </c>
      <c r="E11803">
        <v>2011</v>
      </c>
      <c r="F11803">
        <v>2011</v>
      </c>
      <c r="G11803" t="s">
        <v>125</v>
      </c>
      <c r="H11803" t="s">
        <v>124</v>
      </c>
      <c r="I11803" t="s">
        <v>15</v>
      </c>
      <c r="J11803" s="10">
        <v>1.414417171</v>
      </c>
    </row>
    <row r="11804" spans="1:10" x14ac:dyDescent="0.35">
      <c r="A11804" t="s">
        <v>26</v>
      </c>
      <c r="B11804" t="s">
        <v>73</v>
      </c>
      <c r="C11804" t="s">
        <v>117</v>
      </c>
      <c r="D11804" t="s">
        <v>118</v>
      </c>
      <c r="E11804">
        <v>2011</v>
      </c>
      <c r="F11804">
        <v>2011</v>
      </c>
      <c r="G11804" t="s">
        <v>126</v>
      </c>
      <c r="H11804" t="s">
        <v>119</v>
      </c>
      <c r="I11804" t="s">
        <v>15</v>
      </c>
      <c r="J11804" s="10">
        <v>17.083613540000002</v>
      </c>
    </row>
    <row r="11805" spans="1:10" x14ac:dyDescent="0.35">
      <c r="A11805" t="s">
        <v>26</v>
      </c>
      <c r="B11805" t="s">
        <v>73</v>
      </c>
      <c r="C11805" t="s">
        <v>117</v>
      </c>
      <c r="D11805" t="s">
        <v>118</v>
      </c>
      <c r="E11805">
        <v>2011</v>
      </c>
      <c r="F11805">
        <v>2011</v>
      </c>
      <c r="G11805" t="s">
        <v>126</v>
      </c>
      <c r="H11805" t="s">
        <v>120</v>
      </c>
      <c r="I11805" t="s">
        <v>15</v>
      </c>
      <c r="J11805" s="10">
        <v>9.7287603679999997</v>
      </c>
    </row>
    <row r="11806" spans="1:10" x14ac:dyDescent="0.35">
      <c r="A11806" t="s">
        <v>26</v>
      </c>
      <c r="B11806" t="s">
        <v>73</v>
      </c>
      <c r="C11806" t="s">
        <v>117</v>
      </c>
      <c r="D11806" t="s">
        <v>118</v>
      </c>
      <c r="E11806">
        <v>2011</v>
      </c>
      <c r="F11806">
        <v>2011</v>
      </c>
      <c r="G11806" t="s">
        <v>126</v>
      </c>
      <c r="H11806" t="s">
        <v>121</v>
      </c>
      <c r="I11806" t="s">
        <v>15</v>
      </c>
      <c r="J11806" s="10">
        <v>35.010087419999998</v>
      </c>
    </row>
    <row r="11807" spans="1:10" x14ac:dyDescent="0.35">
      <c r="A11807" t="s">
        <v>26</v>
      </c>
      <c r="B11807" t="s">
        <v>73</v>
      </c>
      <c r="C11807" t="s">
        <v>117</v>
      </c>
      <c r="D11807" t="s">
        <v>118</v>
      </c>
      <c r="E11807">
        <v>2011</v>
      </c>
      <c r="F11807">
        <v>2011</v>
      </c>
      <c r="G11807" t="s">
        <v>126</v>
      </c>
      <c r="H11807" t="s">
        <v>122</v>
      </c>
      <c r="I11807" t="s">
        <v>15</v>
      </c>
      <c r="J11807" s="10">
        <v>19.699618919999999</v>
      </c>
    </row>
    <row r="11808" spans="1:10" x14ac:dyDescent="0.35">
      <c r="A11808" t="s">
        <v>26</v>
      </c>
      <c r="B11808" t="s">
        <v>73</v>
      </c>
      <c r="C11808" t="s">
        <v>117</v>
      </c>
      <c r="D11808" t="s">
        <v>118</v>
      </c>
      <c r="E11808">
        <v>2011</v>
      </c>
      <c r="F11808">
        <v>2011</v>
      </c>
      <c r="G11808" t="s">
        <v>126</v>
      </c>
      <c r="H11808" t="s">
        <v>123</v>
      </c>
      <c r="I11808" t="s">
        <v>15</v>
      </c>
      <c r="J11808" s="10">
        <v>15.662407529999999</v>
      </c>
    </row>
    <row r="11809" spans="1:10" x14ac:dyDescent="0.35">
      <c r="A11809" t="s">
        <v>26</v>
      </c>
      <c r="B11809" t="s">
        <v>73</v>
      </c>
      <c r="C11809" t="s">
        <v>117</v>
      </c>
      <c r="D11809" t="s">
        <v>118</v>
      </c>
      <c r="E11809">
        <v>2011</v>
      </c>
      <c r="F11809">
        <v>2011</v>
      </c>
      <c r="G11809" t="s">
        <v>126</v>
      </c>
      <c r="H11809" t="s">
        <v>124</v>
      </c>
      <c r="I11809" t="s">
        <v>15</v>
      </c>
      <c r="J11809" s="10">
        <v>2.8155122170000002</v>
      </c>
    </row>
    <row r="11810" spans="1:10" x14ac:dyDescent="0.35">
      <c r="A11810" t="s">
        <v>28</v>
      </c>
      <c r="B11810" t="s">
        <v>74</v>
      </c>
      <c r="C11810" t="s">
        <v>117</v>
      </c>
      <c r="D11810" t="s">
        <v>118</v>
      </c>
      <c r="E11810">
        <v>2020</v>
      </c>
      <c r="F11810">
        <v>2020</v>
      </c>
      <c r="G11810" t="s">
        <v>14</v>
      </c>
      <c r="H11810" t="s">
        <v>119</v>
      </c>
      <c r="I11810" t="s">
        <v>15</v>
      </c>
      <c r="J11810" s="10">
        <v>17.271313339999999</v>
      </c>
    </row>
    <row r="11811" spans="1:10" x14ac:dyDescent="0.35">
      <c r="A11811" t="s">
        <v>28</v>
      </c>
      <c r="B11811" t="s">
        <v>74</v>
      </c>
      <c r="C11811" t="s">
        <v>117</v>
      </c>
      <c r="D11811" t="s">
        <v>118</v>
      </c>
      <c r="E11811">
        <v>2020</v>
      </c>
      <c r="F11811">
        <v>2020</v>
      </c>
      <c r="G11811" t="s">
        <v>14</v>
      </c>
      <c r="H11811" t="s">
        <v>120</v>
      </c>
      <c r="I11811" t="s">
        <v>15</v>
      </c>
      <c r="J11811" s="10">
        <v>9.562218927</v>
      </c>
    </row>
    <row r="11812" spans="1:10" x14ac:dyDescent="0.35">
      <c r="A11812" t="s">
        <v>28</v>
      </c>
      <c r="B11812" t="s">
        <v>74</v>
      </c>
      <c r="C11812" t="s">
        <v>117</v>
      </c>
      <c r="D11812" t="s">
        <v>118</v>
      </c>
      <c r="E11812">
        <v>2020</v>
      </c>
      <c r="F11812">
        <v>2020</v>
      </c>
      <c r="G11812" t="s">
        <v>14</v>
      </c>
      <c r="H11812" t="s">
        <v>121</v>
      </c>
      <c r="I11812" t="s">
        <v>15</v>
      </c>
      <c r="J11812" s="10">
        <v>31.10644916</v>
      </c>
    </row>
    <row r="11813" spans="1:10" x14ac:dyDescent="0.35">
      <c r="A11813" t="s">
        <v>28</v>
      </c>
      <c r="B11813" t="s">
        <v>74</v>
      </c>
      <c r="C11813" t="s">
        <v>117</v>
      </c>
      <c r="D11813" t="s">
        <v>118</v>
      </c>
      <c r="E11813">
        <v>2020</v>
      </c>
      <c r="F11813">
        <v>2020</v>
      </c>
      <c r="G11813" t="s">
        <v>14</v>
      </c>
      <c r="H11813" t="s">
        <v>122</v>
      </c>
      <c r="I11813" t="s">
        <v>15</v>
      </c>
      <c r="J11813" s="10">
        <v>21.97224533</v>
      </c>
    </row>
    <row r="11814" spans="1:10" x14ac:dyDescent="0.35">
      <c r="A11814" t="s">
        <v>28</v>
      </c>
      <c r="B11814" t="s">
        <v>74</v>
      </c>
      <c r="C11814" t="s">
        <v>117</v>
      </c>
      <c r="D11814" t="s">
        <v>118</v>
      </c>
      <c r="E11814">
        <v>2020</v>
      </c>
      <c r="F11814">
        <v>2020</v>
      </c>
      <c r="G11814" t="s">
        <v>14</v>
      </c>
      <c r="H11814" t="s">
        <v>123</v>
      </c>
      <c r="I11814" t="s">
        <v>15</v>
      </c>
      <c r="J11814" s="10">
        <v>17.891030969999999</v>
      </c>
    </row>
    <row r="11815" spans="1:10" x14ac:dyDescent="0.35">
      <c r="A11815" t="s">
        <v>28</v>
      </c>
      <c r="B11815" t="s">
        <v>74</v>
      </c>
      <c r="C11815" t="s">
        <v>117</v>
      </c>
      <c r="D11815" t="s">
        <v>118</v>
      </c>
      <c r="E11815">
        <v>2020</v>
      </c>
      <c r="F11815">
        <v>2020</v>
      </c>
      <c r="G11815" t="s">
        <v>14</v>
      </c>
      <c r="H11815" t="s">
        <v>124</v>
      </c>
      <c r="I11815" t="s">
        <v>15</v>
      </c>
      <c r="J11815" s="10">
        <v>2.196742263</v>
      </c>
    </row>
    <row r="11816" spans="1:10" x14ac:dyDescent="0.35">
      <c r="A11816" t="s">
        <v>28</v>
      </c>
      <c r="B11816" t="s">
        <v>74</v>
      </c>
      <c r="C11816" t="s">
        <v>117</v>
      </c>
      <c r="D11816" t="s">
        <v>118</v>
      </c>
      <c r="E11816">
        <v>2020</v>
      </c>
      <c r="F11816">
        <v>2020</v>
      </c>
      <c r="G11816" t="s">
        <v>125</v>
      </c>
      <c r="H11816" t="s">
        <v>119</v>
      </c>
      <c r="I11816" t="s">
        <v>15</v>
      </c>
      <c r="J11816" s="10">
        <v>18.453971190000001</v>
      </c>
    </row>
    <row r="11817" spans="1:10" x14ac:dyDescent="0.35">
      <c r="A11817" t="s">
        <v>28</v>
      </c>
      <c r="B11817" t="s">
        <v>74</v>
      </c>
      <c r="C11817" t="s">
        <v>117</v>
      </c>
      <c r="D11817" t="s">
        <v>118</v>
      </c>
      <c r="E11817">
        <v>2020</v>
      </c>
      <c r="F11817">
        <v>2020</v>
      </c>
      <c r="G11817" t="s">
        <v>125</v>
      </c>
      <c r="H11817" t="s">
        <v>120</v>
      </c>
      <c r="I11817" t="s">
        <v>15</v>
      </c>
      <c r="J11817" s="10">
        <v>9.9123617389999996</v>
      </c>
    </row>
    <row r="11818" spans="1:10" x14ac:dyDescent="0.35">
      <c r="A11818" t="s">
        <v>28</v>
      </c>
      <c r="B11818" t="s">
        <v>74</v>
      </c>
      <c r="C11818" t="s">
        <v>117</v>
      </c>
      <c r="D11818" t="s">
        <v>118</v>
      </c>
      <c r="E11818">
        <v>2020</v>
      </c>
      <c r="F11818">
        <v>2020</v>
      </c>
      <c r="G11818" t="s">
        <v>125</v>
      </c>
      <c r="H11818" t="s">
        <v>121</v>
      </c>
      <c r="I11818" t="s">
        <v>15</v>
      </c>
      <c r="J11818" s="10">
        <v>31.010461660000001</v>
      </c>
    </row>
    <row r="11819" spans="1:10" x14ac:dyDescent="0.35">
      <c r="A11819" t="s">
        <v>28</v>
      </c>
      <c r="B11819" t="s">
        <v>74</v>
      </c>
      <c r="C11819" t="s">
        <v>117</v>
      </c>
      <c r="D11819" t="s">
        <v>118</v>
      </c>
      <c r="E11819">
        <v>2020</v>
      </c>
      <c r="F11819">
        <v>2020</v>
      </c>
      <c r="G11819" t="s">
        <v>125</v>
      </c>
      <c r="H11819" t="s">
        <v>122</v>
      </c>
      <c r="I11819" t="s">
        <v>15</v>
      </c>
      <c r="J11819" s="10">
        <v>21.847144889999999</v>
      </c>
    </row>
    <row r="11820" spans="1:10" x14ac:dyDescent="0.35">
      <c r="A11820" t="s">
        <v>28</v>
      </c>
      <c r="B11820" t="s">
        <v>74</v>
      </c>
      <c r="C11820" t="s">
        <v>117</v>
      </c>
      <c r="D11820" t="s">
        <v>118</v>
      </c>
      <c r="E11820">
        <v>2020</v>
      </c>
      <c r="F11820">
        <v>2020</v>
      </c>
      <c r="G11820" t="s">
        <v>125</v>
      </c>
      <c r="H11820" t="s">
        <v>123</v>
      </c>
      <c r="I11820" t="s">
        <v>15</v>
      </c>
      <c r="J11820" s="10">
        <v>17.170607480000001</v>
      </c>
    </row>
    <row r="11821" spans="1:10" x14ac:dyDescent="0.35">
      <c r="A11821" t="s">
        <v>28</v>
      </c>
      <c r="B11821" t="s">
        <v>74</v>
      </c>
      <c r="C11821" t="s">
        <v>117</v>
      </c>
      <c r="D11821" t="s">
        <v>118</v>
      </c>
      <c r="E11821">
        <v>2020</v>
      </c>
      <c r="F11821">
        <v>2020</v>
      </c>
      <c r="G11821" t="s">
        <v>125</v>
      </c>
      <c r="H11821" t="s">
        <v>124</v>
      </c>
      <c r="I11821" t="s">
        <v>15</v>
      </c>
      <c r="J11821" s="10">
        <v>1.6054530469999999</v>
      </c>
    </row>
    <row r="11822" spans="1:10" x14ac:dyDescent="0.35">
      <c r="A11822" t="s">
        <v>28</v>
      </c>
      <c r="B11822" t="s">
        <v>74</v>
      </c>
      <c r="C11822" t="s">
        <v>117</v>
      </c>
      <c r="D11822" t="s">
        <v>118</v>
      </c>
      <c r="E11822">
        <v>2020</v>
      </c>
      <c r="F11822">
        <v>2020</v>
      </c>
      <c r="G11822" t="s">
        <v>126</v>
      </c>
      <c r="H11822" t="s">
        <v>119</v>
      </c>
      <c r="I11822" t="s">
        <v>15</v>
      </c>
      <c r="J11822" s="10">
        <v>16.166938680000001</v>
      </c>
    </row>
    <row r="11823" spans="1:10" x14ac:dyDescent="0.35">
      <c r="A11823" t="s">
        <v>28</v>
      </c>
      <c r="B11823" t="s">
        <v>74</v>
      </c>
      <c r="C11823" t="s">
        <v>117</v>
      </c>
      <c r="D11823" t="s">
        <v>118</v>
      </c>
      <c r="E11823">
        <v>2020</v>
      </c>
      <c r="F11823">
        <v>2020</v>
      </c>
      <c r="G11823" t="s">
        <v>126</v>
      </c>
      <c r="H11823" t="s">
        <v>120</v>
      </c>
      <c r="I11823" t="s">
        <v>15</v>
      </c>
      <c r="J11823" s="10">
        <v>9.2352529729999997</v>
      </c>
    </row>
    <row r="11824" spans="1:10" x14ac:dyDescent="0.35">
      <c r="A11824" t="s">
        <v>28</v>
      </c>
      <c r="B11824" t="s">
        <v>74</v>
      </c>
      <c r="C11824" t="s">
        <v>117</v>
      </c>
      <c r="D11824" t="s">
        <v>118</v>
      </c>
      <c r="E11824">
        <v>2020</v>
      </c>
      <c r="F11824">
        <v>2020</v>
      </c>
      <c r="G11824" t="s">
        <v>126</v>
      </c>
      <c r="H11824" t="s">
        <v>121</v>
      </c>
      <c r="I11824" t="s">
        <v>15</v>
      </c>
      <c r="J11824" s="10">
        <v>31.196083000000002</v>
      </c>
    </row>
    <row r="11825" spans="1:10" x14ac:dyDescent="0.35">
      <c r="A11825" t="s">
        <v>28</v>
      </c>
      <c r="B11825" t="s">
        <v>74</v>
      </c>
      <c r="C11825" t="s">
        <v>117</v>
      </c>
      <c r="D11825" t="s">
        <v>118</v>
      </c>
      <c r="E11825">
        <v>2020</v>
      </c>
      <c r="F11825">
        <v>2020</v>
      </c>
      <c r="G11825" t="s">
        <v>126</v>
      </c>
      <c r="H11825" t="s">
        <v>122</v>
      </c>
      <c r="I11825" t="s">
        <v>15</v>
      </c>
      <c r="J11825" s="10">
        <v>22.089065049999999</v>
      </c>
    </row>
    <row r="11826" spans="1:10" x14ac:dyDescent="0.35">
      <c r="A11826" t="s">
        <v>28</v>
      </c>
      <c r="B11826" t="s">
        <v>74</v>
      </c>
      <c r="C11826" t="s">
        <v>117</v>
      </c>
      <c r="D11826" t="s">
        <v>118</v>
      </c>
      <c r="E11826">
        <v>2020</v>
      </c>
      <c r="F11826">
        <v>2020</v>
      </c>
      <c r="G11826" t="s">
        <v>126</v>
      </c>
      <c r="H11826" t="s">
        <v>123</v>
      </c>
      <c r="I11826" t="s">
        <v>15</v>
      </c>
      <c r="J11826" s="10">
        <v>18.563767779999999</v>
      </c>
    </row>
    <row r="11827" spans="1:10" x14ac:dyDescent="0.35">
      <c r="A11827" t="s">
        <v>28</v>
      </c>
      <c r="B11827" t="s">
        <v>74</v>
      </c>
      <c r="C11827" t="s">
        <v>117</v>
      </c>
      <c r="D11827" t="s">
        <v>118</v>
      </c>
      <c r="E11827">
        <v>2020</v>
      </c>
      <c r="F11827">
        <v>2020</v>
      </c>
      <c r="G11827" t="s">
        <v>126</v>
      </c>
      <c r="H11827" t="s">
        <v>124</v>
      </c>
      <c r="I11827" t="s">
        <v>15</v>
      </c>
      <c r="J11827" s="10">
        <v>2.7488925160000002</v>
      </c>
    </row>
    <row r="11828" spans="1:10" x14ac:dyDescent="0.35">
      <c r="A11828" t="s">
        <v>28</v>
      </c>
      <c r="B11828" t="s">
        <v>74</v>
      </c>
      <c r="C11828" t="s">
        <v>117</v>
      </c>
      <c r="D11828" t="s">
        <v>118</v>
      </c>
      <c r="E11828">
        <v>2019</v>
      </c>
      <c r="F11828">
        <v>2019</v>
      </c>
      <c r="G11828" t="s">
        <v>14</v>
      </c>
      <c r="H11828" t="s">
        <v>119</v>
      </c>
      <c r="I11828" t="s">
        <v>15</v>
      </c>
      <c r="J11828" s="10">
        <v>17.369034880000001</v>
      </c>
    </row>
    <row r="11829" spans="1:10" x14ac:dyDescent="0.35">
      <c r="A11829" t="s">
        <v>28</v>
      </c>
      <c r="B11829" t="s">
        <v>74</v>
      </c>
      <c r="C11829" t="s">
        <v>117</v>
      </c>
      <c r="D11829" t="s">
        <v>118</v>
      </c>
      <c r="E11829">
        <v>2019</v>
      </c>
      <c r="F11829">
        <v>2019</v>
      </c>
      <c r="G11829" t="s">
        <v>14</v>
      </c>
      <c r="H11829" t="s">
        <v>120</v>
      </c>
      <c r="I11829" t="s">
        <v>15</v>
      </c>
      <c r="J11829" s="10">
        <v>9.6439864859999993</v>
      </c>
    </row>
    <row r="11830" spans="1:10" x14ac:dyDescent="0.35">
      <c r="A11830" t="s">
        <v>28</v>
      </c>
      <c r="B11830" t="s">
        <v>74</v>
      </c>
      <c r="C11830" t="s">
        <v>117</v>
      </c>
      <c r="D11830" t="s">
        <v>118</v>
      </c>
      <c r="E11830">
        <v>2019</v>
      </c>
      <c r="F11830">
        <v>2019</v>
      </c>
      <c r="G11830" t="s">
        <v>14</v>
      </c>
      <c r="H11830" t="s">
        <v>121</v>
      </c>
      <c r="I11830" t="s">
        <v>15</v>
      </c>
      <c r="J11830" s="10">
        <v>31.299371180000001</v>
      </c>
    </row>
    <row r="11831" spans="1:10" x14ac:dyDescent="0.35">
      <c r="A11831" t="s">
        <v>28</v>
      </c>
      <c r="B11831" t="s">
        <v>74</v>
      </c>
      <c r="C11831" t="s">
        <v>117</v>
      </c>
      <c r="D11831" t="s">
        <v>118</v>
      </c>
      <c r="E11831">
        <v>2019</v>
      </c>
      <c r="F11831">
        <v>2019</v>
      </c>
      <c r="G11831" t="s">
        <v>14</v>
      </c>
      <c r="H11831" t="s">
        <v>122</v>
      </c>
      <c r="I11831" t="s">
        <v>15</v>
      </c>
      <c r="J11831" s="10">
        <v>21.866996910000001</v>
      </c>
    </row>
    <row r="11832" spans="1:10" x14ac:dyDescent="0.35">
      <c r="A11832" t="s">
        <v>28</v>
      </c>
      <c r="B11832" t="s">
        <v>74</v>
      </c>
      <c r="C11832" t="s">
        <v>117</v>
      </c>
      <c r="D11832" t="s">
        <v>118</v>
      </c>
      <c r="E11832">
        <v>2019</v>
      </c>
      <c r="F11832">
        <v>2019</v>
      </c>
      <c r="G11832" t="s">
        <v>14</v>
      </c>
      <c r="H11832" t="s">
        <v>123</v>
      </c>
      <c r="I11832" t="s">
        <v>15</v>
      </c>
      <c r="J11832" s="10">
        <v>17.632347809999999</v>
      </c>
    </row>
    <row r="11833" spans="1:10" x14ac:dyDescent="0.35">
      <c r="A11833" t="s">
        <v>28</v>
      </c>
      <c r="B11833" t="s">
        <v>74</v>
      </c>
      <c r="C11833" t="s">
        <v>117</v>
      </c>
      <c r="D11833" t="s">
        <v>118</v>
      </c>
      <c r="E11833">
        <v>2019</v>
      </c>
      <c r="F11833">
        <v>2019</v>
      </c>
      <c r="G11833" t="s">
        <v>14</v>
      </c>
      <c r="H11833" t="s">
        <v>124</v>
      </c>
      <c r="I11833" t="s">
        <v>15</v>
      </c>
      <c r="J11833" s="10">
        <v>2.188262736</v>
      </c>
    </row>
    <row r="11834" spans="1:10" x14ac:dyDescent="0.35">
      <c r="A11834" t="s">
        <v>28</v>
      </c>
      <c r="B11834" t="s">
        <v>74</v>
      </c>
      <c r="C11834" t="s">
        <v>117</v>
      </c>
      <c r="D11834" t="s">
        <v>118</v>
      </c>
      <c r="E11834">
        <v>2019</v>
      </c>
      <c r="F11834">
        <v>2019</v>
      </c>
      <c r="G11834" t="s">
        <v>125</v>
      </c>
      <c r="H11834" t="s">
        <v>119</v>
      </c>
      <c r="I11834" t="s">
        <v>15</v>
      </c>
      <c r="J11834" s="10">
        <v>18.57977863</v>
      </c>
    </row>
    <row r="11835" spans="1:10" x14ac:dyDescent="0.35">
      <c r="A11835" t="s">
        <v>28</v>
      </c>
      <c r="B11835" t="s">
        <v>74</v>
      </c>
      <c r="C11835" t="s">
        <v>117</v>
      </c>
      <c r="D11835" t="s">
        <v>118</v>
      </c>
      <c r="E11835">
        <v>2019</v>
      </c>
      <c r="F11835">
        <v>2019</v>
      </c>
      <c r="G11835" t="s">
        <v>125</v>
      </c>
      <c r="H11835" t="s">
        <v>120</v>
      </c>
      <c r="I11835" t="s">
        <v>15</v>
      </c>
      <c r="J11835" s="10">
        <v>10.013679890000001</v>
      </c>
    </row>
    <row r="11836" spans="1:10" x14ac:dyDescent="0.35">
      <c r="A11836" t="s">
        <v>28</v>
      </c>
      <c r="B11836" t="s">
        <v>74</v>
      </c>
      <c r="C11836" t="s">
        <v>117</v>
      </c>
      <c r="D11836" t="s">
        <v>118</v>
      </c>
      <c r="E11836">
        <v>2019</v>
      </c>
      <c r="F11836">
        <v>2019</v>
      </c>
      <c r="G11836" t="s">
        <v>125</v>
      </c>
      <c r="H11836" t="s">
        <v>121</v>
      </c>
      <c r="I11836" t="s">
        <v>15</v>
      </c>
      <c r="J11836" s="10">
        <v>31.110558390000001</v>
      </c>
    </row>
    <row r="11837" spans="1:10" x14ac:dyDescent="0.35">
      <c r="A11837" t="s">
        <v>28</v>
      </c>
      <c r="B11837" t="s">
        <v>74</v>
      </c>
      <c r="C11837" t="s">
        <v>117</v>
      </c>
      <c r="D11837" t="s">
        <v>118</v>
      </c>
      <c r="E11837">
        <v>2019</v>
      </c>
      <c r="F11837">
        <v>2019</v>
      </c>
      <c r="G11837" t="s">
        <v>125</v>
      </c>
      <c r="H11837" t="s">
        <v>122</v>
      </c>
      <c r="I11837" t="s">
        <v>15</v>
      </c>
      <c r="J11837" s="10">
        <v>21.79330929</v>
      </c>
    </row>
    <row r="11838" spans="1:10" x14ac:dyDescent="0.35">
      <c r="A11838" t="s">
        <v>28</v>
      </c>
      <c r="B11838" t="s">
        <v>74</v>
      </c>
      <c r="C11838" t="s">
        <v>117</v>
      </c>
      <c r="D11838" t="s">
        <v>118</v>
      </c>
      <c r="E11838">
        <v>2019</v>
      </c>
      <c r="F11838">
        <v>2019</v>
      </c>
      <c r="G11838" t="s">
        <v>125</v>
      </c>
      <c r="H11838" t="s">
        <v>123</v>
      </c>
      <c r="I11838" t="s">
        <v>15</v>
      </c>
      <c r="J11838" s="10">
        <v>16.933217259999999</v>
      </c>
    </row>
    <row r="11839" spans="1:10" x14ac:dyDescent="0.35">
      <c r="A11839" t="s">
        <v>28</v>
      </c>
      <c r="B11839" t="s">
        <v>74</v>
      </c>
      <c r="C11839" t="s">
        <v>117</v>
      </c>
      <c r="D11839" t="s">
        <v>118</v>
      </c>
      <c r="E11839">
        <v>2019</v>
      </c>
      <c r="F11839">
        <v>2019</v>
      </c>
      <c r="G11839" t="s">
        <v>125</v>
      </c>
      <c r="H11839" t="s">
        <v>124</v>
      </c>
      <c r="I11839" t="s">
        <v>15</v>
      </c>
      <c r="J11839" s="10">
        <v>1.569456535</v>
      </c>
    </row>
    <row r="11840" spans="1:10" x14ac:dyDescent="0.35">
      <c r="A11840" t="s">
        <v>28</v>
      </c>
      <c r="B11840" t="s">
        <v>74</v>
      </c>
      <c r="C11840" t="s">
        <v>117</v>
      </c>
      <c r="D11840" t="s">
        <v>118</v>
      </c>
      <c r="E11840">
        <v>2019</v>
      </c>
      <c r="F11840">
        <v>2019</v>
      </c>
      <c r="G11840" t="s">
        <v>126</v>
      </c>
      <c r="H11840" t="s">
        <v>119</v>
      </c>
      <c r="I11840" t="s">
        <v>15</v>
      </c>
      <c r="J11840" s="10">
        <v>16.236093660000002</v>
      </c>
    </row>
    <row r="11841" spans="1:10" x14ac:dyDescent="0.35">
      <c r="A11841" t="s">
        <v>28</v>
      </c>
      <c r="B11841" t="s">
        <v>74</v>
      </c>
      <c r="C11841" t="s">
        <v>117</v>
      </c>
      <c r="D11841" t="s">
        <v>118</v>
      </c>
      <c r="E11841">
        <v>2019</v>
      </c>
      <c r="F11841">
        <v>2019</v>
      </c>
      <c r="G11841" t="s">
        <v>126</v>
      </c>
      <c r="H11841" t="s">
        <v>120</v>
      </c>
      <c r="I11841" t="s">
        <v>15</v>
      </c>
      <c r="J11841" s="10">
        <v>9.2980496210000005</v>
      </c>
    </row>
    <row r="11842" spans="1:10" x14ac:dyDescent="0.35">
      <c r="A11842" t="s">
        <v>28</v>
      </c>
      <c r="B11842" t="s">
        <v>74</v>
      </c>
      <c r="C11842" t="s">
        <v>117</v>
      </c>
      <c r="D11842" t="s">
        <v>118</v>
      </c>
      <c r="E11842">
        <v>2019</v>
      </c>
      <c r="F11842">
        <v>2019</v>
      </c>
      <c r="G11842" t="s">
        <v>126</v>
      </c>
      <c r="H11842" t="s">
        <v>121</v>
      </c>
      <c r="I11842" t="s">
        <v>15</v>
      </c>
      <c r="J11842" s="10">
        <v>31.476050829999998</v>
      </c>
    </row>
    <row r="11843" spans="1:10" x14ac:dyDescent="0.35">
      <c r="A11843" t="s">
        <v>28</v>
      </c>
      <c r="B11843" t="s">
        <v>74</v>
      </c>
      <c r="C11843" t="s">
        <v>117</v>
      </c>
      <c r="D11843" t="s">
        <v>118</v>
      </c>
      <c r="E11843">
        <v>2019</v>
      </c>
      <c r="F11843">
        <v>2019</v>
      </c>
      <c r="G11843" t="s">
        <v>126</v>
      </c>
      <c r="H11843" t="s">
        <v>122</v>
      </c>
      <c r="I11843" t="s">
        <v>15</v>
      </c>
      <c r="J11843" s="10">
        <v>21.935949359999999</v>
      </c>
    </row>
    <row r="11844" spans="1:10" x14ac:dyDescent="0.35">
      <c r="A11844" t="s">
        <v>28</v>
      </c>
      <c r="B11844" t="s">
        <v>74</v>
      </c>
      <c r="C11844" t="s">
        <v>117</v>
      </c>
      <c r="D11844" t="s">
        <v>118</v>
      </c>
      <c r="E11844">
        <v>2019</v>
      </c>
      <c r="F11844">
        <v>2019</v>
      </c>
      <c r="G11844" t="s">
        <v>126</v>
      </c>
      <c r="H11844" t="s">
        <v>123</v>
      </c>
      <c r="I11844" t="s">
        <v>15</v>
      </c>
      <c r="J11844" s="10">
        <v>18.286552159999999</v>
      </c>
    </row>
    <row r="11845" spans="1:10" x14ac:dyDescent="0.35">
      <c r="A11845" t="s">
        <v>28</v>
      </c>
      <c r="B11845" t="s">
        <v>74</v>
      </c>
      <c r="C11845" t="s">
        <v>117</v>
      </c>
      <c r="D11845" t="s">
        <v>118</v>
      </c>
      <c r="E11845">
        <v>2019</v>
      </c>
      <c r="F11845">
        <v>2019</v>
      </c>
      <c r="G11845" t="s">
        <v>126</v>
      </c>
      <c r="H11845" t="s">
        <v>124</v>
      </c>
      <c r="I11845" t="s">
        <v>15</v>
      </c>
      <c r="J11845" s="10">
        <v>2.7673043800000001</v>
      </c>
    </row>
    <row r="11846" spans="1:10" x14ac:dyDescent="0.35">
      <c r="A11846" t="s">
        <v>28</v>
      </c>
      <c r="B11846" t="s">
        <v>74</v>
      </c>
      <c r="C11846" t="s">
        <v>117</v>
      </c>
      <c r="D11846" t="s">
        <v>118</v>
      </c>
      <c r="E11846">
        <v>2018</v>
      </c>
      <c r="F11846">
        <v>2018</v>
      </c>
      <c r="G11846" t="s">
        <v>14</v>
      </c>
      <c r="H11846" t="s">
        <v>119</v>
      </c>
      <c r="I11846" t="s">
        <v>15</v>
      </c>
      <c r="J11846" s="10">
        <v>17.503379030000001</v>
      </c>
    </row>
    <row r="11847" spans="1:10" x14ac:dyDescent="0.35">
      <c r="A11847" t="s">
        <v>28</v>
      </c>
      <c r="B11847" t="s">
        <v>74</v>
      </c>
      <c r="C11847" t="s">
        <v>117</v>
      </c>
      <c r="D11847" t="s">
        <v>118</v>
      </c>
      <c r="E11847">
        <v>2018</v>
      </c>
      <c r="F11847">
        <v>2018</v>
      </c>
      <c r="G11847" t="s">
        <v>14</v>
      </c>
      <c r="H11847" t="s">
        <v>120</v>
      </c>
      <c r="I11847" t="s">
        <v>15</v>
      </c>
      <c r="J11847" s="10">
        <v>9.8909055800000001</v>
      </c>
    </row>
    <row r="11848" spans="1:10" x14ac:dyDescent="0.35">
      <c r="A11848" t="s">
        <v>28</v>
      </c>
      <c r="B11848" t="s">
        <v>74</v>
      </c>
      <c r="C11848" t="s">
        <v>117</v>
      </c>
      <c r="D11848" t="s">
        <v>118</v>
      </c>
      <c r="E11848">
        <v>2018</v>
      </c>
      <c r="F11848">
        <v>2018</v>
      </c>
      <c r="G11848" t="s">
        <v>14</v>
      </c>
      <c r="H11848" t="s">
        <v>121</v>
      </c>
      <c r="I11848" t="s">
        <v>15</v>
      </c>
      <c r="J11848" s="10">
        <v>31.42015833</v>
      </c>
    </row>
    <row r="11849" spans="1:10" x14ac:dyDescent="0.35">
      <c r="A11849" t="s">
        <v>28</v>
      </c>
      <c r="B11849" t="s">
        <v>74</v>
      </c>
      <c r="C11849" t="s">
        <v>117</v>
      </c>
      <c r="D11849" t="s">
        <v>118</v>
      </c>
      <c r="E11849">
        <v>2018</v>
      </c>
      <c r="F11849">
        <v>2018</v>
      </c>
      <c r="G11849" t="s">
        <v>14</v>
      </c>
      <c r="H11849" t="s">
        <v>122</v>
      </c>
      <c r="I11849" t="s">
        <v>15</v>
      </c>
      <c r="J11849" s="10">
        <v>21.62700328</v>
      </c>
    </row>
    <row r="11850" spans="1:10" x14ac:dyDescent="0.35">
      <c r="A11850" t="s">
        <v>28</v>
      </c>
      <c r="B11850" t="s">
        <v>74</v>
      </c>
      <c r="C11850" t="s">
        <v>117</v>
      </c>
      <c r="D11850" t="s">
        <v>118</v>
      </c>
      <c r="E11850">
        <v>2018</v>
      </c>
      <c r="F11850">
        <v>2018</v>
      </c>
      <c r="G11850" t="s">
        <v>14</v>
      </c>
      <c r="H11850" t="s">
        <v>123</v>
      </c>
      <c r="I11850" t="s">
        <v>15</v>
      </c>
      <c r="J11850" s="10">
        <v>17.453900369999999</v>
      </c>
    </row>
    <row r="11851" spans="1:10" x14ac:dyDescent="0.35">
      <c r="A11851" t="s">
        <v>28</v>
      </c>
      <c r="B11851" t="s">
        <v>74</v>
      </c>
      <c r="C11851" t="s">
        <v>117</v>
      </c>
      <c r="D11851" t="s">
        <v>118</v>
      </c>
      <c r="E11851">
        <v>2018</v>
      </c>
      <c r="F11851">
        <v>2018</v>
      </c>
      <c r="G11851" t="s">
        <v>14</v>
      </c>
      <c r="H11851" t="s">
        <v>124</v>
      </c>
      <c r="I11851" t="s">
        <v>15</v>
      </c>
      <c r="J11851" s="10">
        <v>2.1046534079999999</v>
      </c>
    </row>
    <row r="11852" spans="1:10" x14ac:dyDescent="0.35">
      <c r="A11852" t="s">
        <v>28</v>
      </c>
      <c r="B11852" t="s">
        <v>74</v>
      </c>
      <c r="C11852" t="s">
        <v>117</v>
      </c>
      <c r="D11852" t="s">
        <v>118</v>
      </c>
      <c r="E11852">
        <v>2018</v>
      </c>
      <c r="F11852">
        <v>2018</v>
      </c>
      <c r="G11852" t="s">
        <v>125</v>
      </c>
      <c r="H11852" t="s">
        <v>119</v>
      </c>
      <c r="I11852" t="s">
        <v>15</v>
      </c>
      <c r="J11852" s="10">
        <v>18.728921530000001</v>
      </c>
    </row>
    <row r="11853" spans="1:10" x14ac:dyDescent="0.35">
      <c r="A11853" t="s">
        <v>28</v>
      </c>
      <c r="B11853" t="s">
        <v>74</v>
      </c>
      <c r="C11853" t="s">
        <v>117</v>
      </c>
      <c r="D11853" t="s">
        <v>118</v>
      </c>
      <c r="E11853">
        <v>2018</v>
      </c>
      <c r="F11853">
        <v>2018</v>
      </c>
      <c r="G11853" t="s">
        <v>125</v>
      </c>
      <c r="H11853" t="s">
        <v>120</v>
      </c>
      <c r="I11853" t="s">
        <v>15</v>
      </c>
      <c r="J11853" s="10">
        <v>10.379974519999999</v>
      </c>
    </row>
    <row r="11854" spans="1:10" x14ac:dyDescent="0.35">
      <c r="A11854" t="s">
        <v>28</v>
      </c>
      <c r="B11854" t="s">
        <v>74</v>
      </c>
      <c r="C11854" t="s">
        <v>117</v>
      </c>
      <c r="D11854" t="s">
        <v>118</v>
      </c>
      <c r="E11854">
        <v>2018</v>
      </c>
      <c r="F11854">
        <v>2018</v>
      </c>
      <c r="G11854" t="s">
        <v>125</v>
      </c>
      <c r="H11854" t="s">
        <v>121</v>
      </c>
      <c r="I11854" t="s">
        <v>15</v>
      </c>
      <c r="J11854" s="10">
        <v>31.167403629999999</v>
      </c>
    </row>
    <row r="11855" spans="1:10" x14ac:dyDescent="0.35">
      <c r="A11855" t="s">
        <v>28</v>
      </c>
      <c r="B11855" t="s">
        <v>74</v>
      </c>
      <c r="C11855" t="s">
        <v>117</v>
      </c>
      <c r="D11855" t="s">
        <v>118</v>
      </c>
      <c r="E11855">
        <v>2018</v>
      </c>
      <c r="F11855">
        <v>2018</v>
      </c>
      <c r="G11855" t="s">
        <v>125</v>
      </c>
      <c r="H11855" t="s">
        <v>122</v>
      </c>
      <c r="I11855" t="s">
        <v>15</v>
      </c>
      <c r="J11855" s="10">
        <v>21.531889379999999</v>
      </c>
    </row>
    <row r="11856" spans="1:10" x14ac:dyDescent="0.35">
      <c r="A11856" t="s">
        <v>28</v>
      </c>
      <c r="B11856" t="s">
        <v>74</v>
      </c>
      <c r="C11856" t="s">
        <v>117</v>
      </c>
      <c r="D11856" t="s">
        <v>118</v>
      </c>
      <c r="E11856">
        <v>2018</v>
      </c>
      <c r="F11856">
        <v>2018</v>
      </c>
      <c r="G11856" t="s">
        <v>125</v>
      </c>
      <c r="H11856" t="s">
        <v>123</v>
      </c>
      <c r="I11856" t="s">
        <v>15</v>
      </c>
      <c r="J11856" s="10">
        <v>16.657923010000001</v>
      </c>
    </row>
    <row r="11857" spans="1:10" x14ac:dyDescent="0.35">
      <c r="A11857" t="s">
        <v>28</v>
      </c>
      <c r="B11857" t="s">
        <v>74</v>
      </c>
      <c r="C11857" t="s">
        <v>117</v>
      </c>
      <c r="D11857" t="s">
        <v>118</v>
      </c>
      <c r="E11857">
        <v>2018</v>
      </c>
      <c r="F11857">
        <v>2018</v>
      </c>
      <c r="G11857" t="s">
        <v>125</v>
      </c>
      <c r="H11857" t="s">
        <v>124</v>
      </c>
      <c r="I11857" t="s">
        <v>15</v>
      </c>
      <c r="J11857" s="10">
        <v>1.533887931</v>
      </c>
    </row>
    <row r="11858" spans="1:10" x14ac:dyDescent="0.35">
      <c r="A11858" t="s">
        <v>28</v>
      </c>
      <c r="B11858" t="s">
        <v>74</v>
      </c>
      <c r="C11858" t="s">
        <v>117</v>
      </c>
      <c r="D11858" t="s">
        <v>118</v>
      </c>
      <c r="E11858">
        <v>2018</v>
      </c>
      <c r="F11858">
        <v>2018</v>
      </c>
      <c r="G11858" t="s">
        <v>126</v>
      </c>
      <c r="H11858" t="s">
        <v>119</v>
      </c>
      <c r="I11858" t="s">
        <v>15</v>
      </c>
      <c r="J11858" s="10">
        <v>16.358118359999999</v>
      </c>
    </row>
    <row r="11859" spans="1:10" x14ac:dyDescent="0.35">
      <c r="A11859" t="s">
        <v>28</v>
      </c>
      <c r="B11859" t="s">
        <v>74</v>
      </c>
      <c r="C11859" t="s">
        <v>117</v>
      </c>
      <c r="D11859" t="s">
        <v>118</v>
      </c>
      <c r="E11859">
        <v>2018</v>
      </c>
      <c r="F11859">
        <v>2018</v>
      </c>
      <c r="G11859" t="s">
        <v>126</v>
      </c>
      <c r="H11859" t="s">
        <v>120</v>
      </c>
      <c r="I11859" t="s">
        <v>15</v>
      </c>
      <c r="J11859" s="10">
        <v>9.4338741679999991</v>
      </c>
    </row>
    <row r="11860" spans="1:10" x14ac:dyDescent="0.35">
      <c r="A11860" t="s">
        <v>28</v>
      </c>
      <c r="B11860" t="s">
        <v>74</v>
      </c>
      <c r="C11860" t="s">
        <v>117</v>
      </c>
      <c r="D11860" t="s">
        <v>118</v>
      </c>
      <c r="E11860">
        <v>2018</v>
      </c>
      <c r="F11860">
        <v>2018</v>
      </c>
      <c r="G11860" t="s">
        <v>126</v>
      </c>
      <c r="H11860" t="s">
        <v>121</v>
      </c>
      <c r="I11860" t="s">
        <v>15</v>
      </c>
      <c r="J11860" s="10">
        <v>31.656355779999998</v>
      </c>
    </row>
    <row r="11861" spans="1:10" x14ac:dyDescent="0.35">
      <c r="A11861" t="s">
        <v>28</v>
      </c>
      <c r="B11861" t="s">
        <v>74</v>
      </c>
      <c r="C11861" t="s">
        <v>117</v>
      </c>
      <c r="D11861" t="s">
        <v>118</v>
      </c>
      <c r="E11861">
        <v>2018</v>
      </c>
      <c r="F11861">
        <v>2018</v>
      </c>
      <c r="G11861" t="s">
        <v>126</v>
      </c>
      <c r="H11861" t="s">
        <v>122</v>
      </c>
      <c r="I11861" t="s">
        <v>15</v>
      </c>
      <c r="J11861" s="10">
        <v>21.71588654</v>
      </c>
    </row>
    <row r="11862" spans="1:10" x14ac:dyDescent="0.35">
      <c r="A11862" t="s">
        <v>28</v>
      </c>
      <c r="B11862" t="s">
        <v>74</v>
      </c>
      <c r="C11862" t="s">
        <v>117</v>
      </c>
      <c r="D11862" t="s">
        <v>118</v>
      </c>
      <c r="E11862">
        <v>2018</v>
      </c>
      <c r="F11862">
        <v>2018</v>
      </c>
      <c r="G11862" t="s">
        <v>126</v>
      </c>
      <c r="H11862" t="s">
        <v>123</v>
      </c>
      <c r="I11862" t="s">
        <v>15</v>
      </c>
      <c r="J11862" s="10">
        <v>18.1977355</v>
      </c>
    </row>
    <row r="11863" spans="1:10" x14ac:dyDescent="0.35">
      <c r="A11863" t="s">
        <v>28</v>
      </c>
      <c r="B11863" t="s">
        <v>74</v>
      </c>
      <c r="C11863" t="s">
        <v>117</v>
      </c>
      <c r="D11863" t="s">
        <v>118</v>
      </c>
      <c r="E11863">
        <v>2018</v>
      </c>
      <c r="F11863">
        <v>2018</v>
      </c>
      <c r="G11863" t="s">
        <v>126</v>
      </c>
      <c r="H11863" t="s">
        <v>124</v>
      </c>
      <c r="I11863" t="s">
        <v>15</v>
      </c>
      <c r="J11863" s="10">
        <v>2.6380296489999999</v>
      </c>
    </row>
    <row r="11864" spans="1:10" x14ac:dyDescent="0.35">
      <c r="A11864" t="s">
        <v>28</v>
      </c>
      <c r="B11864" t="s">
        <v>74</v>
      </c>
      <c r="C11864" t="s">
        <v>117</v>
      </c>
      <c r="D11864" t="s">
        <v>118</v>
      </c>
      <c r="E11864">
        <v>2017</v>
      </c>
      <c r="F11864">
        <v>2017</v>
      </c>
      <c r="G11864" t="s">
        <v>14</v>
      </c>
      <c r="H11864" t="s">
        <v>119</v>
      </c>
      <c r="I11864" t="s">
        <v>15</v>
      </c>
      <c r="J11864" s="10">
        <v>17.533974950000001</v>
      </c>
    </row>
    <row r="11865" spans="1:10" x14ac:dyDescent="0.35">
      <c r="A11865" t="s">
        <v>28</v>
      </c>
      <c r="B11865" t="s">
        <v>74</v>
      </c>
      <c r="C11865" t="s">
        <v>117</v>
      </c>
      <c r="D11865" t="s">
        <v>118</v>
      </c>
      <c r="E11865">
        <v>2017</v>
      </c>
      <c r="F11865">
        <v>2017</v>
      </c>
      <c r="G11865" t="s">
        <v>14</v>
      </c>
      <c r="H11865" t="s">
        <v>120</v>
      </c>
      <c r="I11865" t="s">
        <v>15</v>
      </c>
      <c r="J11865" s="10">
        <v>10.048604729999999</v>
      </c>
    </row>
    <row r="11866" spans="1:10" x14ac:dyDescent="0.35">
      <c r="A11866" t="s">
        <v>28</v>
      </c>
      <c r="B11866" t="s">
        <v>74</v>
      </c>
      <c r="C11866" t="s">
        <v>117</v>
      </c>
      <c r="D11866" t="s">
        <v>118</v>
      </c>
      <c r="E11866">
        <v>2017</v>
      </c>
      <c r="F11866">
        <v>2017</v>
      </c>
      <c r="G11866" t="s">
        <v>14</v>
      </c>
      <c r="H11866" t="s">
        <v>121</v>
      </c>
      <c r="I11866" t="s">
        <v>15</v>
      </c>
      <c r="J11866" s="10">
        <v>31.745417610000001</v>
      </c>
    </row>
    <row r="11867" spans="1:10" x14ac:dyDescent="0.35">
      <c r="A11867" t="s">
        <v>28</v>
      </c>
      <c r="B11867" t="s">
        <v>74</v>
      </c>
      <c r="C11867" t="s">
        <v>117</v>
      </c>
      <c r="D11867" t="s">
        <v>118</v>
      </c>
      <c r="E11867">
        <v>2017</v>
      </c>
      <c r="F11867">
        <v>2017</v>
      </c>
      <c r="G11867" t="s">
        <v>14</v>
      </c>
      <c r="H11867" t="s">
        <v>122</v>
      </c>
      <c r="I11867" t="s">
        <v>15</v>
      </c>
      <c r="J11867" s="10">
        <v>21.394544660000001</v>
      </c>
    </row>
    <row r="11868" spans="1:10" x14ac:dyDescent="0.35">
      <c r="A11868" t="s">
        <v>28</v>
      </c>
      <c r="B11868" t="s">
        <v>74</v>
      </c>
      <c r="C11868" t="s">
        <v>117</v>
      </c>
      <c r="D11868" t="s">
        <v>118</v>
      </c>
      <c r="E11868">
        <v>2017</v>
      </c>
      <c r="F11868">
        <v>2017</v>
      </c>
      <c r="G11868" t="s">
        <v>14</v>
      </c>
      <c r="H11868" t="s">
        <v>123</v>
      </c>
      <c r="I11868" t="s">
        <v>15</v>
      </c>
      <c r="J11868" s="10">
        <v>17.174880300000002</v>
      </c>
    </row>
    <row r="11869" spans="1:10" x14ac:dyDescent="0.35">
      <c r="A11869" t="s">
        <v>28</v>
      </c>
      <c r="B11869" t="s">
        <v>74</v>
      </c>
      <c r="C11869" t="s">
        <v>117</v>
      </c>
      <c r="D11869" t="s">
        <v>118</v>
      </c>
      <c r="E11869">
        <v>2017</v>
      </c>
      <c r="F11869">
        <v>2017</v>
      </c>
      <c r="G11869" t="s">
        <v>14</v>
      </c>
      <c r="H11869" t="s">
        <v>124</v>
      </c>
      <c r="I11869" t="s">
        <v>15</v>
      </c>
      <c r="J11869" s="10">
        <v>2.1025777429999999</v>
      </c>
    </row>
    <row r="11870" spans="1:10" x14ac:dyDescent="0.35">
      <c r="A11870" t="s">
        <v>28</v>
      </c>
      <c r="B11870" t="s">
        <v>74</v>
      </c>
      <c r="C11870" t="s">
        <v>117</v>
      </c>
      <c r="D11870" t="s">
        <v>118</v>
      </c>
      <c r="E11870">
        <v>2017</v>
      </c>
      <c r="F11870">
        <v>2017</v>
      </c>
      <c r="G11870" t="s">
        <v>125</v>
      </c>
      <c r="H11870" t="s">
        <v>119</v>
      </c>
      <c r="I11870" t="s">
        <v>15</v>
      </c>
      <c r="J11870" s="10">
        <v>18.658899420000001</v>
      </c>
    </row>
    <row r="11871" spans="1:10" x14ac:dyDescent="0.35">
      <c r="A11871" t="s">
        <v>28</v>
      </c>
      <c r="B11871" t="s">
        <v>74</v>
      </c>
      <c r="C11871" t="s">
        <v>117</v>
      </c>
      <c r="D11871" t="s">
        <v>118</v>
      </c>
      <c r="E11871">
        <v>2017</v>
      </c>
      <c r="F11871">
        <v>2017</v>
      </c>
      <c r="G11871" t="s">
        <v>125</v>
      </c>
      <c r="H11871" t="s">
        <v>120</v>
      </c>
      <c r="I11871" t="s">
        <v>15</v>
      </c>
      <c r="J11871" s="10">
        <v>10.58079356</v>
      </c>
    </row>
    <row r="11872" spans="1:10" x14ac:dyDescent="0.35">
      <c r="A11872" t="s">
        <v>28</v>
      </c>
      <c r="B11872" t="s">
        <v>74</v>
      </c>
      <c r="C11872" t="s">
        <v>117</v>
      </c>
      <c r="D11872" t="s">
        <v>118</v>
      </c>
      <c r="E11872">
        <v>2017</v>
      </c>
      <c r="F11872">
        <v>2017</v>
      </c>
      <c r="G11872" t="s">
        <v>125</v>
      </c>
      <c r="H11872" t="s">
        <v>121</v>
      </c>
      <c r="I11872" t="s">
        <v>15</v>
      </c>
      <c r="J11872" s="10">
        <v>31.514863609999999</v>
      </c>
    </row>
    <row r="11873" spans="1:10" x14ac:dyDescent="0.35">
      <c r="A11873" t="s">
        <v>28</v>
      </c>
      <c r="B11873" t="s">
        <v>74</v>
      </c>
      <c r="C11873" t="s">
        <v>117</v>
      </c>
      <c r="D11873" t="s">
        <v>118</v>
      </c>
      <c r="E11873">
        <v>2017</v>
      </c>
      <c r="F11873">
        <v>2017</v>
      </c>
      <c r="G11873" t="s">
        <v>125</v>
      </c>
      <c r="H11873" t="s">
        <v>122</v>
      </c>
      <c r="I11873" t="s">
        <v>15</v>
      </c>
      <c r="J11873" s="10">
        <v>21.35410156</v>
      </c>
    </row>
    <row r="11874" spans="1:10" x14ac:dyDescent="0.35">
      <c r="A11874" t="s">
        <v>28</v>
      </c>
      <c r="B11874" t="s">
        <v>74</v>
      </c>
      <c r="C11874" t="s">
        <v>117</v>
      </c>
      <c r="D11874" t="s">
        <v>118</v>
      </c>
      <c r="E11874">
        <v>2017</v>
      </c>
      <c r="F11874">
        <v>2017</v>
      </c>
      <c r="G11874" t="s">
        <v>125</v>
      </c>
      <c r="H11874" t="s">
        <v>123</v>
      </c>
      <c r="I11874" t="s">
        <v>15</v>
      </c>
      <c r="J11874" s="10">
        <v>16.37122784</v>
      </c>
    </row>
    <row r="11875" spans="1:10" x14ac:dyDescent="0.35">
      <c r="A11875" t="s">
        <v>28</v>
      </c>
      <c r="B11875" t="s">
        <v>74</v>
      </c>
      <c r="C11875" t="s">
        <v>117</v>
      </c>
      <c r="D11875" t="s">
        <v>118</v>
      </c>
      <c r="E11875">
        <v>2017</v>
      </c>
      <c r="F11875">
        <v>2017</v>
      </c>
      <c r="G11875" t="s">
        <v>125</v>
      </c>
      <c r="H11875" t="s">
        <v>124</v>
      </c>
      <c r="I11875" t="s">
        <v>15</v>
      </c>
      <c r="J11875" s="10">
        <v>1.520114009</v>
      </c>
    </row>
    <row r="11876" spans="1:10" x14ac:dyDescent="0.35">
      <c r="A11876" t="s">
        <v>28</v>
      </c>
      <c r="B11876" t="s">
        <v>74</v>
      </c>
      <c r="C11876" t="s">
        <v>117</v>
      </c>
      <c r="D11876" t="s">
        <v>118</v>
      </c>
      <c r="E11876">
        <v>2017</v>
      </c>
      <c r="F11876">
        <v>2017</v>
      </c>
      <c r="G11876" t="s">
        <v>126</v>
      </c>
      <c r="H11876" t="s">
        <v>119</v>
      </c>
      <c r="I11876" t="s">
        <v>15</v>
      </c>
      <c r="J11876" s="10">
        <v>16.48053195</v>
      </c>
    </row>
    <row r="11877" spans="1:10" x14ac:dyDescent="0.35">
      <c r="A11877" t="s">
        <v>28</v>
      </c>
      <c r="B11877" t="s">
        <v>74</v>
      </c>
      <c r="C11877" t="s">
        <v>117</v>
      </c>
      <c r="D11877" t="s">
        <v>118</v>
      </c>
      <c r="E11877">
        <v>2017</v>
      </c>
      <c r="F11877">
        <v>2017</v>
      </c>
      <c r="G11877" t="s">
        <v>126</v>
      </c>
      <c r="H11877" t="s">
        <v>120</v>
      </c>
      <c r="I11877" t="s">
        <v>15</v>
      </c>
      <c r="J11877" s="10">
        <v>9.5502329610000007</v>
      </c>
    </row>
    <row r="11878" spans="1:10" x14ac:dyDescent="0.35">
      <c r="A11878" t="s">
        <v>28</v>
      </c>
      <c r="B11878" t="s">
        <v>74</v>
      </c>
      <c r="C11878" t="s">
        <v>117</v>
      </c>
      <c r="D11878" t="s">
        <v>118</v>
      </c>
      <c r="E11878">
        <v>2017</v>
      </c>
      <c r="F11878">
        <v>2017</v>
      </c>
      <c r="G11878" t="s">
        <v>126</v>
      </c>
      <c r="H11878" t="s">
        <v>121</v>
      </c>
      <c r="I11878" t="s">
        <v>15</v>
      </c>
      <c r="J11878" s="10">
        <v>31.961321439999999</v>
      </c>
    </row>
    <row r="11879" spans="1:10" x14ac:dyDescent="0.35">
      <c r="A11879" t="s">
        <v>28</v>
      </c>
      <c r="B11879" t="s">
        <v>74</v>
      </c>
      <c r="C11879" t="s">
        <v>117</v>
      </c>
      <c r="D11879" t="s">
        <v>118</v>
      </c>
      <c r="E11879">
        <v>2017</v>
      </c>
      <c r="F11879">
        <v>2017</v>
      </c>
      <c r="G11879" t="s">
        <v>126</v>
      </c>
      <c r="H11879" t="s">
        <v>122</v>
      </c>
      <c r="I11879" t="s">
        <v>15</v>
      </c>
      <c r="J11879" s="10">
        <v>21.432417879999999</v>
      </c>
    </row>
    <row r="11880" spans="1:10" x14ac:dyDescent="0.35">
      <c r="A11880" t="s">
        <v>28</v>
      </c>
      <c r="B11880" t="s">
        <v>74</v>
      </c>
      <c r="C11880" t="s">
        <v>117</v>
      </c>
      <c r="D11880" t="s">
        <v>118</v>
      </c>
      <c r="E11880">
        <v>2017</v>
      </c>
      <c r="F11880">
        <v>2017</v>
      </c>
      <c r="G11880" t="s">
        <v>126</v>
      </c>
      <c r="H11880" t="s">
        <v>123</v>
      </c>
      <c r="I11880" t="s">
        <v>15</v>
      </c>
      <c r="J11880" s="10">
        <v>17.927465990000002</v>
      </c>
    </row>
    <row r="11881" spans="1:10" x14ac:dyDescent="0.35">
      <c r="A11881" t="s">
        <v>28</v>
      </c>
      <c r="B11881" t="s">
        <v>74</v>
      </c>
      <c r="C11881" t="s">
        <v>117</v>
      </c>
      <c r="D11881" t="s">
        <v>118</v>
      </c>
      <c r="E11881">
        <v>2017</v>
      </c>
      <c r="F11881">
        <v>2017</v>
      </c>
      <c r="G11881" t="s">
        <v>126</v>
      </c>
      <c r="H11881" t="s">
        <v>124</v>
      </c>
      <c r="I11881" t="s">
        <v>15</v>
      </c>
      <c r="J11881" s="10">
        <v>2.6480297820000001</v>
      </c>
    </row>
    <row r="11882" spans="1:10" x14ac:dyDescent="0.35">
      <c r="A11882" t="s">
        <v>28</v>
      </c>
      <c r="B11882" t="s">
        <v>74</v>
      </c>
      <c r="C11882" t="s">
        <v>117</v>
      </c>
      <c r="D11882" t="s">
        <v>118</v>
      </c>
      <c r="E11882">
        <v>2016</v>
      </c>
      <c r="F11882">
        <v>2016</v>
      </c>
      <c r="G11882" t="s">
        <v>14</v>
      </c>
      <c r="H11882" t="s">
        <v>119</v>
      </c>
      <c r="I11882" t="s">
        <v>15</v>
      </c>
      <c r="J11882" s="10">
        <v>17.564935460000001</v>
      </c>
    </row>
    <row r="11883" spans="1:10" x14ac:dyDescent="0.35">
      <c r="A11883" t="s">
        <v>28</v>
      </c>
      <c r="B11883" t="s">
        <v>74</v>
      </c>
      <c r="C11883" t="s">
        <v>117</v>
      </c>
      <c r="D11883" t="s">
        <v>118</v>
      </c>
      <c r="E11883">
        <v>2016</v>
      </c>
      <c r="F11883">
        <v>2016</v>
      </c>
      <c r="G11883" t="s">
        <v>14</v>
      </c>
      <c r="H11883" t="s">
        <v>120</v>
      </c>
      <c r="I11883" t="s">
        <v>15</v>
      </c>
      <c r="J11883" s="10">
        <v>10.30498796</v>
      </c>
    </row>
    <row r="11884" spans="1:10" x14ac:dyDescent="0.35">
      <c r="A11884" t="s">
        <v>28</v>
      </c>
      <c r="B11884" t="s">
        <v>74</v>
      </c>
      <c r="C11884" t="s">
        <v>117</v>
      </c>
      <c r="D11884" t="s">
        <v>118</v>
      </c>
      <c r="E11884">
        <v>2016</v>
      </c>
      <c r="F11884">
        <v>2016</v>
      </c>
      <c r="G11884" t="s">
        <v>14</v>
      </c>
      <c r="H11884" t="s">
        <v>121</v>
      </c>
      <c r="I11884" t="s">
        <v>15</v>
      </c>
      <c r="J11884" s="10">
        <v>31.97111022</v>
      </c>
    </row>
    <row r="11885" spans="1:10" x14ac:dyDescent="0.35">
      <c r="A11885" t="s">
        <v>28</v>
      </c>
      <c r="B11885" t="s">
        <v>74</v>
      </c>
      <c r="C11885" t="s">
        <v>117</v>
      </c>
      <c r="D11885" t="s">
        <v>118</v>
      </c>
      <c r="E11885">
        <v>2016</v>
      </c>
      <c r="F11885">
        <v>2016</v>
      </c>
      <c r="G11885" t="s">
        <v>14</v>
      </c>
      <c r="H11885" t="s">
        <v>122</v>
      </c>
      <c r="I11885" t="s">
        <v>15</v>
      </c>
      <c r="J11885" s="10">
        <v>21.102360300000001</v>
      </c>
    </row>
    <row r="11886" spans="1:10" x14ac:dyDescent="0.35">
      <c r="A11886" t="s">
        <v>28</v>
      </c>
      <c r="B11886" t="s">
        <v>74</v>
      </c>
      <c r="C11886" t="s">
        <v>117</v>
      </c>
      <c r="D11886" t="s">
        <v>118</v>
      </c>
      <c r="E11886">
        <v>2016</v>
      </c>
      <c r="F11886">
        <v>2016</v>
      </c>
      <c r="G11886" t="s">
        <v>14</v>
      </c>
      <c r="H11886" t="s">
        <v>123</v>
      </c>
      <c r="I11886" t="s">
        <v>15</v>
      </c>
      <c r="J11886" s="10">
        <v>16.94310359</v>
      </c>
    </row>
    <row r="11887" spans="1:10" x14ac:dyDescent="0.35">
      <c r="A11887" t="s">
        <v>28</v>
      </c>
      <c r="B11887" t="s">
        <v>74</v>
      </c>
      <c r="C11887" t="s">
        <v>117</v>
      </c>
      <c r="D11887" t="s">
        <v>118</v>
      </c>
      <c r="E11887">
        <v>2016</v>
      </c>
      <c r="F11887">
        <v>2016</v>
      </c>
      <c r="G11887" t="s">
        <v>14</v>
      </c>
      <c r="H11887" t="s">
        <v>124</v>
      </c>
      <c r="I11887" t="s">
        <v>15</v>
      </c>
      <c r="J11887" s="10">
        <v>2.113502462</v>
      </c>
    </row>
    <row r="11888" spans="1:10" x14ac:dyDescent="0.35">
      <c r="A11888" t="s">
        <v>28</v>
      </c>
      <c r="B11888" t="s">
        <v>74</v>
      </c>
      <c r="C11888" t="s">
        <v>117</v>
      </c>
      <c r="D11888" t="s">
        <v>118</v>
      </c>
      <c r="E11888">
        <v>2016</v>
      </c>
      <c r="F11888">
        <v>2016</v>
      </c>
      <c r="G11888" t="s">
        <v>125</v>
      </c>
      <c r="H11888" t="s">
        <v>119</v>
      </c>
      <c r="I11888" t="s">
        <v>15</v>
      </c>
      <c r="J11888" s="10">
        <v>18.661892479999999</v>
      </c>
    </row>
    <row r="11889" spans="1:10" x14ac:dyDescent="0.35">
      <c r="A11889" t="s">
        <v>28</v>
      </c>
      <c r="B11889" t="s">
        <v>74</v>
      </c>
      <c r="C11889" t="s">
        <v>117</v>
      </c>
      <c r="D11889" t="s">
        <v>118</v>
      </c>
      <c r="E11889">
        <v>2016</v>
      </c>
      <c r="F11889">
        <v>2016</v>
      </c>
      <c r="G11889" t="s">
        <v>125</v>
      </c>
      <c r="H11889" t="s">
        <v>120</v>
      </c>
      <c r="I11889" t="s">
        <v>15</v>
      </c>
      <c r="J11889" s="10">
        <v>10.889651199999999</v>
      </c>
    </row>
    <row r="11890" spans="1:10" x14ac:dyDescent="0.35">
      <c r="A11890" t="s">
        <v>28</v>
      </c>
      <c r="B11890" t="s">
        <v>74</v>
      </c>
      <c r="C11890" t="s">
        <v>117</v>
      </c>
      <c r="D11890" t="s">
        <v>118</v>
      </c>
      <c r="E11890">
        <v>2016</v>
      </c>
      <c r="F11890">
        <v>2016</v>
      </c>
      <c r="G11890" t="s">
        <v>125</v>
      </c>
      <c r="H11890" t="s">
        <v>121</v>
      </c>
      <c r="I11890" t="s">
        <v>15</v>
      </c>
      <c r="J11890" s="10">
        <v>31.672384000000001</v>
      </c>
    </row>
    <row r="11891" spans="1:10" x14ac:dyDescent="0.35">
      <c r="A11891" t="s">
        <v>28</v>
      </c>
      <c r="B11891" t="s">
        <v>74</v>
      </c>
      <c r="C11891" t="s">
        <v>117</v>
      </c>
      <c r="D11891" t="s">
        <v>118</v>
      </c>
      <c r="E11891">
        <v>2016</v>
      </c>
      <c r="F11891">
        <v>2016</v>
      </c>
      <c r="G11891" t="s">
        <v>125</v>
      </c>
      <c r="H11891" t="s">
        <v>122</v>
      </c>
      <c r="I11891" t="s">
        <v>15</v>
      </c>
      <c r="J11891" s="10">
        <v>21.118261260000001</v>
      </c>
    </row>
    <row r="11892" spans="1:10" x14ac:dyDescent="0.35">
      <c r="A11892" t="s">
        <v>28</v>
      </c>
      <c r="B11892" t="s">
        <v>74</v>
      </c>
      <c r="C11892" t="s">
        <v>117</v>
      </c>
      <c r="D11892" t="s">
        <v>118</v>
      </c>
      <c r="E11892">
        <v>2016</v>
      </c>
      <c r="F11892">
        <v>2016</v>
      </c>
      <c r="G11892" t="s">
        <v>125</v>
      </c>
      <c r="H11892" t="s">
        <v>123</v>
      </c>
      <c r="I11892" t="s">
        <v>15</v>
      </c>
      <c r="J11892" s="10">
        <v>16.13290933</v>
      </c>
    </row>
    <row r="11893" spans="1:10" x14ac:dyDescent="0.35">
      <c r="A11893" t="s">
        <v>28</v>
      </c>
      <c r="B11893" t="s">
        <v>74</v>
      </c>
      <c r="C11893" t="s">
        <v>117</v>
      </c>
      <c r="D11893" t="s">
        <v>118</v>
      </c>
      <c r="E11893">
        <v>2016</v>
      </c>
      <c r="F11893">
        <v>2016</v>
      </c>
      <c r="G11893" t="s">
        <v>125</v>
      </c>
      <c r="H11893" t="s">
        <v>124</v>
      </c>
      <c r="I11893" t="s">
        <v>15</v>
      </c>
      <c r="J11893" s="10">
        <v>1.5249017199999999</v>
      </c>
    </row>
    <row r="11894" spans="1:10" x14ac:dyDescent="0.35">
      <c r="A11894" t="s">
        <v>28</v>
      </c>
      <c r="B11894" t="s">
        <v>74</v>
      </c>
      <c r="C11894" t="s">
        <v>117</v>
      </c>
      <c r="D11894" t="s">
        <v>118</v>
      </c>
      <c r="E11894">
        <v>2016</v>
      </c>
      <c r="F11894">
        <v>2016</v>
      </c>
      <c r="G11894" t="s">
        <v>126</v>
      </c>
      <c r="H11894" t="s">
        <v>119</v>
      </c>
      <c r="I11894" t="s">
        <v>15</v>
      </c>
      <c r="J11894" s="10">
        <v>16.53948785</v>
      </c>
    </row>
    <row r="11895" spans="1:10" x14ac:dyDescent="0.35">
      <c r="A11895" t="s">
        <v>28</v>
      </c>
      <c r="B11895" t="s">
        <v>74</v>
      </c>
      <c r="C11895" t="s">
        <v>117</v>
      </c>
      <c r="D11895" t="s">
        <v>118</v>
      </c>
      <c r="E11895">
        <v>2016</v>
      </c>
      <c r="F11895">
        <v>2016</v>
      </c>
      <c r="G11895" t="s">
        <v>126</v>
      </c>
      <c r="H11895" t="s">
        <v>120</v>
      </c>
      <c r="I11895" t="s">
        <v>15</v>
      </c>
      <c r="J11895" s="10">
        <v>9.7584382749999996</v>
      </c>
    </row>
    <row r="11896" spans="1:10" x14ac:dyDescent="0.35">
      <c r="A11896" t="s">
        <v>28</v>
      </c>
      <c r="B11896" t="s">
        <v>74</v>
      </c>
      <c r="C11896" t="s">
        <v>117</v>
      </c>
      <c r="D11896" t="s">
        <v>118</v>
      </c>
      <c r="E11896">
        <v>2016</v>
      </c>
      <c r="F11896">
        <v>2016</v>
      </c>
      <c r="G11896" t="s">
        <v>126</v>
      </c>
      <c r="H11896" t="s">
        <v>121</v>
      </c>
      <c r="I11896" t="s">
        <v>15</v>
      </c>
      <c r="J11896" s="10">
        <v>32.250362809999999</v>
      </c>
    </row>
    <row r="11897" spans="1:10" x14ac:dyDescent="0.35">
      <c r="A11897" t="s">
        <v>28</v>
      </c>
      <c r="B11897" t="s">
        <v>74</v>
      </c>
      <c r="C11897" t="s">
        <v>117</v>
      </c>
      <c r="D11897" t="s">
        <v>118</v>
      </c>
      <c r="E11897">
        <v>2016</v>
      </c>
      <c r="F11897">
        <v>2016</v>
      </c>
      <c r="G11897" t="s">
        <v>126</v>
      </c>
      <c r="H11897" t="s">
        <v>122</v>
      </c>
      <c r="I11897" t="s">
        <v>15</v>
      </c>
      <c r="J11897" s="10">
        <v>21.0874959</v>
      </c>
    </row>
    <row r="11898" spans="1:10" x14ac:dyDescent="0.35">
      <c r="A11898" t="s">
        <v>28</v>
      </c>
      <c r="B11898" t="s">
        <v>74</v>
      </c>
      <c r="C11898" t="s">
        <v>117</v>
      </c>
      <c r="D11898" t="s">
        <v>118</v>
      </c>
      <c r="E11898">
        <v>2016</v>
      </c>
      <c r="F11898">
        <v>2016</v>
      </c>
      <c r="G11898" t="s">
        <v>126</v>
      </c>
      <c r="H11898" t="s">
        <v>123</v>
      </c>
      <c r="I11898" t="s">
        <v>15</v>
      </c>
      <c r="J11898" s="10">
        <v>17.700482189999999</v>
      </c>
    </row>
    <row r="11899" spans="1:10" x14ac:dyDescent="0.35">
      <c r="A11899" t="s">
        <v>28</v>
      </c>
      <c r="B11899" t="s">
        <v>74</v>
      </c>
      <c r="C11899" t="s">
        <v>117</v>
      </c>
      <c r="D11899" t="s">
        <v>118</v>
      </c>
      <c r="E11899">
        <v>2016</v>
      </c>
      <c r="F11899">
        <v>2016</v>
      </c>
      <c r="G11899" t="s">
        <v>126</v>
      </c>
      <c r="H11899" t="s">
        <v>124</v>
      </c>
      <c r="I11899" t="s">
        <v>15</v>
      </c>
      <c r="J11899" s="10">
        <v>2.6637329709999999</v>
      </c>
    </row>
    <row r="11900" spans="1:10" x14ac:dyDescent="0.35">
      <c r="A11900" t="s">
        <v>28</v>
      </c>
      <c r="B11900" t="s">
        <v>74</v>
      </c>
      <c r="C11900" t="s">
        <v>117</v>
      </c>
      <c r="D11900" t="s">
        <v>118</v>
      </c>
      <c r="E11900">
        <v>2015</v>
      </c>
      <c r="F11900">
        <v>2015</v>
      </c>
      <c r="G11900" t="s">
        <v>14</v>
      </c>
      <c r="H11900" t="s">
        <v>119</v>
      </c>
      <c r="I11900" t="s">
        <v>15</v>
      </c>
      <c r="J11900" s="10">
        <v>17.582937810000001</v>
      </c>
    </row>
    <row r="11901" spans="1:10" x14ac:dyDescent="0.35">
      <c r="A11901" t="s">
        <v>28</v>
      </c>
      <c r="B11901" t="s">
        <v>74</v>
      </c>
      <c r="C11901" t="s">
        <v>117</v>
      </c>
      <c r="D11901" t="s">
        <v>118</v>
      </c>
      <c r="E11901">
        <v>2015</v>
      </c>
      <c r="F11901">
        <v>2015</v>
      </c>
      <c r="G11901" t="s">
        <v>14</v>
      </c>
      <c r="H11901" t="s">
        <v>120</v>
      </c>
      <c r="I11901" t="s">
        <v>15</v>
      </c>
      <c r="J11901" s="10">
        <v>10.493924570000001</v>
      </c>
    </row>
    <row r="11902" spans="1:10" x14ac:dyDescent="0.35">
      <c r="A11902" t="s">
        <v>28</v>
      </c>
      <c r="B11902" t="s">
        <v>74</v>
      </c>
      <c r="C11902" t="s">
        <v>117</v>
      </c>
      <c r="D11902" t="s">
        <v>118</v>
      </c>
      <c r="E11902">
        <v>2015</v>
      </c>
      <c r="F11902">
        <v>2015</v>
      </c>
      <c r="G11902" t="s">
        <v>14</v>
      </c>
      <c r="H11902" t="s">
        <v>121</v>
      </c>
      <c r="I11902" t="s">
        <v>15</v>
      </c>
      <c r="J11902" s="10">
        <v>32.343622920000001</v>
      </c>
    </row>
    <row r="11903" spans="1:10" x14ac:dyDescent="0.35">
      <c r="A11903" t="s">
        <v>28</v>
      </c>
      <c r="B11903" t="s">
        <v>74</v>
      </c>
      <c r="C11903" t="s">
        <v>117</v>
      </c>
      <c r="D11903" t="s">
        <v>118</v>
      </c>
      <c r="E11903">
        <v>2015</v>
      </c>
      <c r="F11903">
        <v>2015</v>
      </c>
      <c r="G11903" t="s">
        <v>14</v>
      </c>
      <c r="H11903" t="s">
        <v>122</v>
      </c>
      <c r="I11903" t="s">
        <v>15</v>
      </c>
      <c r="J11903" s="10">
        <v>20.772993769999999</v>
      </c>
    </row>
    <row r="11904" spans="1:10" x14ac:dyDescent="0.35">
      <c r="A11904" t="s">
        <v>28</v>
      </c>
      <c r="B11904" t="s">
        <v>74</v>
      </c>
      <c r="C11904" t="s">
        <v>117</v>
      </c>
      <c r="D11904" t="s">
        <v>118</v>
      </c>
      <c r="E11904">
        <v>2015</v>
      </c>
      <c r="F11904">
        <v>2015</v>
      </c>
      <c r="G11904" t="s">
        <v>14</v>
      </c>
      <c r="H11904" t="s">
        <v>123</v>
      </c>
      <c r="I11904" t="s">
        <v>15</v>
      </c>
      <c r="J11904" s="10">
        <v>16.724730220000001</v>
      </c>
    </row>
    <row r="11905" spans="1:10" x14ac:dyDescent="0.35">
      <c r="A11905" t="s">
        <v>28</v>
      </c>
      <c r="B11905" t="s">
        <v>74</v>
      </c>
      <c r="C11905" t="s">
        <v>117</v>
      </c>
      <c r="D11905" t="s">
        <v>118</v>
      </c>
      <c r="E11905">
        <v>2015</v>
      </c>
      <c r="F11905">
        <v>2015</v>
      </c>
      <c r="G11905" t="s">
        <v>14</v>
      </c>
      <c r="H11905" t="s">
        <v>124</v>
      </c>
      <c r="I11905" t="s">
        <v>15</v>
      </c>
      <c r="J11905" s="10">
        <v>2.0817907039999999</v>
      </c>
    </row>
    <row r="11906" spans="1:10" x14ac:dyDescent="0.35">
      <c r="A11906" t="s">
        <v>28</v>
      </c>
      <c r="B11906" t="s">
        <v>74</v>
      </c>
      <c r="C11906" t="s">
        <v>117</v>
      </c>
      <c r="D11906" t="s">
        <v>118</v>
      </c>
      <c r="E11906">
        <v>2015</v>
      </c>
      <c r="F11906">
        <v>2015</v>
      </c>
      <c r="G11906" t="s">
        <v>125</v>
      </c>
      <c r="H11906" t="s">
        <v>119</v>
      </c>
      <c r="I11906" t="s">
        <v>15</v>
      </c>
      <c r="J11906" s="10">
        <v>18.63048122</v>
      </c>
    </row>
    <row r="11907" spans="1:10" x14ac:dyDescent="0.35">
      <c r="A11907" t="s">
        <v>28</v>
      </c>
      <c r="B11907" t="s">
        <v>74</v>
      </c>
      <c r="C11907" t="s">
        <v>117</v>
      </c>
      <c r="D11907" t="s">
        <v>118</v>
      </c>
      <c r="E11907">
        <v>2015</v>
      </c>
      <c r="F11907">
        <v>2015</v>
      </c>
      <c r="G11907" t="s">
        <v>125</v>
      </c>
      <c r="H11907" t="s">
        <v>120</v>
      </c>
      <c r="I11907" t="s">
        <v>15</v>
      </c>
      <c r="J11907" s="10">
        <v>11.11697449</v>
      </c>
    </row>
    <row r="11908" spans="1:10" x14ac:dyDescent="0.35">
      <c r="A11908" t="s">
        <v>28</v>
      </c>
      <c r="B11908" t="s">
        <v>74</v>
      </c>
      <c r="C11908" t="s">
        <v>117</v>
      </c>
      <c r="D11908" t="s">
        <v>118</v>
      </c>
      <c r="E11908">
        <v>2015</v>
      </c>
      <c r="F11908">
        <v>2015</v>
      </c>
      <c r="G11908" t="s">
        <v>125</v>
      </c>
      <c r="H11908" t="s">
        <v>121</v>
      </c>
      <c r="I11908" t="s">
        <v>15</v>
      </c>
      <c r="J11908" s="10">
        <v>32.127151650000002</v>
      </c>
    </row>
    <row r="11909" spans="1:10" x14ac:dyDescent="0.35">
      <c r="A11909" t="s">
        <v>28</v>
      </c>
      <c r="B11909" t="s">
        <v>74</v>
      </c>
      <c r="C11909" t="s">
        <v>117</v>
      </c>
      <c r="D11909" t="s">
        <v>118</v>
      </c>
      <c r="E11909">
        <v>2015</v>
      </c>
      <c r="F11909">
        <v>2015</v>
      </c>
      <c r="G11909" t="s">
        <v>125</v>
      </c>
      <c r="H11909" t="s">
        <v>122</v>
      </c>
      <c r="I11909" t="s">
        <v>15</v>
      </c>
      <c r="J11909" s="10">
        <v>20.831762779999998</v>
      </c>
    </row>
    <row r="11910" spans="1:10" x14ac:dyDescent="0.35">
      <c r="A11910" t="s">
        <v>28</v>
      </c>
      <c r="B11910" t="s">
        <v>74</v>
      </c>
      <c r="C11910" t="s">
        <v>117</v>
      </c>
      <c r="D11910" t="s">
        <v>118</v>
      </c>
      <c r="E11910">
        <v>2015</v>
      </c>
      <c r="F11910">
        <v>2015</v>
      </c>
      <c r="G11910" t="s">
        <v>125</v>
      </c>
      <c r="H11910" t="s">
        <v>123</v>
      </c>
      <c r="I11910" t="s">
        <v>15</v>
      </c>
      <c r="J11910" s="10">
        <v>15.86128911</v>
      </c>
    </row>
    <row r="11911" spans="1:10" x14ac:dyDescent="0.35">
      <c r="A11911" t="s">
        <v>28</v>
      </c>
      <c r="B11911" t="s">
        <v>74</v>
      </c>
      <c r="C11911" t="s">
        <v>117</v>
      </c>
      <c r="D11911" t="s">
        <v>118</v>
      </c>
      <c r="E11911">
        <v>2015</v>
      </c>
      <c r="F11911">
        <v>2015</v>
      </c>
      <c r="G11911" t="s">
        <v>125</v>
      </c>
      <c r="H11911" t="s">
        <v>124</v>
      </c>
      <c r="I11911" t="s">
        <v>15</v>
      </c>
      <c r="J11911" s="10">
        <v>1.4323407459999999</v>
      </c>
    </row>
    <row r="11912" spans="1:10" x14ac:dyDescent="0.35">
      <c r="A11912" t="s">
        <v>28</v>
      </c>
      <c r="B11912" t="s">
        <v>74</v>
      </c>
      <c r="C11912" t="s">
        <v>117</v>
      </c>
      <c r="D11912" t="s">
        <v>118</v>
      </c>
      <c r="E11912">
        <v>2015</v>
      </c>
      <c r="F11912">
        <v>2015</v>
      </c>
      <c r="G11912" t="s">
        <v>126</v>
      </c>
      <c r="H11912" t="s">
        <v>119</v>
      </c>
      <c r="I11912" t="s">
        <v>15</v>
      </c>
      <c r="J11912" s="10">
        <v>16.604048280000001</v>
      </c>
    </row>
    <row r="11913" spans="1:10" x14ac:dyDescent="0.35">
      <c r="A11913" t="s">
        <v>28</v>
      </c>
      <c r="B11913" t="s">
        <v>74</v>
      </c>
      <c r="C11913" t="s">
        <v>117</v>
      </c>
      <c r="D11913" t="s">
        <v>118</v>
      </c>
      <c r="E11913">
        <v>2015</v>
      </c>
      <c r="F11913">
        <v>2015</v>
      </c>
      <c r="G11913" t="s">
        <v>126</v>
      </c>
      <c r="H11913" t="s">
        <v>120</v>
      </c>
      <c r="I11913" t="s">
        <v>15</v>
      </c>
      <c r="J11913" s="10">
        <v>9.9117080729999998</v>
      </c>
    </row>
    <row r="11914" spans="1:10" x14ac:dyDescent="0.35">
      <c r="A11914" t="s">
        <v>28</v>
      </c>
      <c r="B11914" t="s">
        <v>74</v>
      </c>
      <c r="C11914" t="s">
        <v>117</v>
      </c>
      <c r="D11914" t="s">
        <v>118</v>
      </c>
      <c r="E11914">
        <v>2015</v>
      </c>
      <c r="F11914">
        <v>2015</v>
      </c>
      <c r="G11914" t="s">
        <v>126</v>
      </c>
      <c r="H11914" t="s">
        <v>121</v>
      </c>
      <c r="I11914" t="s">
        <v>15</v>
      </c>
      <c r="J11914" s="10">
        <v>32.545907110000002</v>
      </c>
    </row>
    <row r="11915" spans="1:10" x14ac:dyDescent="0.35">
      <c r="A11915" t="s">
        <v>28</v>
      </c>
      <c r="B11915" t="s">
        <v>74</v>
      </c>
      <c r="C11915" t="s">
        <v>117</v>
      </c>
      <c r="D11915" t="s">
        <v>118</v>
      </c>
      <c r="E11915">
        <v>2015</v>
      </c>
      <c r="F11915">
        <v>2015</v>
      </c>
      <c r="G11915" t="s">
        <v>126</v>
      </c>
      <c r="H11915" t="s">
        <v>122</v>
      </c>
      <c r="I11915" t="s">
        <v>15</v>
      </c>
      <c r="J11915" s="10">
        <v>20.718076360000001</v>
      </c>
    </row>
    <row r="11916" spans="1:10" x14ac:dyDescent="0.35">
      <c r="A11916" t="s">
        <v>28</v>
      </c>
      <c r="B11916" t="s">
        <v>74</v>
      </c>
      <c r="C11916" t="s">
        <v>117</v>
      </c>
      <c r="D11916" t="s">
        <v>118</v>
      </c>
      <c r="E11916">
        <v>2015</v>
      </c>
      <c r="F11916">
        <v>2015</v>
      </c>
      <c r="G11916" t="s">
        <v>126</v>
      </c>
      <c r="H11916" t="s">
        <v>123</v>
      </c>
      <c r="I11916" t="s">
        <v>15</v>
      </c>
      <c r="J11916" s="10">
        <v>17.531583149999999</v>
      </c>
    </row>
    <row r="11917" spans="1:10" x14ac:dyDescent="0.35">
      <c r="A11917" t="s">
        <v>28</v>
      </c>
      <c r="B11917" t="s">
        <v>74</v>
      </c>
      <c r="C11917" t="s">
        <v>117</v>
      </c>
      <c r="D11917" t="s">
        <v>118</v>
      </c>
      <c r="E11917">
        <v>2015</v>
      </c>
      <c r="F11917">
        <v>2015</v>
      </c>
      <c r="G11917" t="s">
        <v>126</v>
      </c>
      <c r="H11917" t="s">
        <v>124</v>
      </c>
      <c r="I11917" t="s">
        <v>15</v>
      </c>
      <c r="J11917" s="10">
        <v>2.68867703</v>
      </c>
    </row>
    <row r="11918" spans="1:10" x14ac:dyDescent="0.35">
      <c r="A11918" t="s">
        <v>28</v>
      </c>
      <c r="B11918" t="s">
        <v>74</v>
      </c>
      <c r="C11918" t="s">
        <v>117</v>
      </c>
      <c r="D11918" t="s">
        <v>118</v>
      </c>
      <c r="E11918">
        <v>2014</v>
      </c>
      <c r="F11918">
        <v>2014</v>
      </c>
      <c r="G11918" t="s">
        <v>14</v>
      </c>
      <c r="H11918" t="s">
        <v>119</v>
      </c>
      <c r="I11918" t="s">
        <v>15</v>
      </c>
      <c r="J11918" s="10">
        <v>17.564906650000001</v>
      </c>
    </row>
    <row r="11919" spans="1:10" x14ac:dyDescent="0.35">
      <c r="A11919" t="s">
        <v>28</v>
      </c>
      <c r="B11919" t="s">
        <v>74</v>
      </c>
      <c r="C11919" t="s">
        <v>117</v>
      </c>
      <c r="D11919" t="s">
        <v>118</v>
      </c>
      <c r="E11919">
        <v>2014</v>
      </c>
      <c r="F11919">
        <v>2014</v>
      </c>
      <c r="G11919" t="s">
        <v>14</v>
      </c>
      <c r="H11919" t="s">
        <v>120</v>
      </c>
      <c r="I11919" t="s">
        <v>15</v>
      </c>
      <c r="J11919" s="10">
        <v>10.636668609999999</v>
      </c>
    </row>
    <row r="11920" spans="1:10" x14ac:dyDescent="0.35">
      <c r="A11920" t="s">
        <v>28</v>
      </c>
      <c r="B11920" t="s">
        <v>74</v>
      </c>
      <c r="C11920" t="s">
        <v>117</v>
      </c>
      <c r="D11920" t="s">
        <v>118</v>
      </c>
      <c r="E11920">
        <v>2014</v>
      </c>
      <c r="F11920">
        <v>2014</v>
      </c>
      <c r="G11920" t="s">
        <v>14</v>
      </c>
      <c r="H11920" t="s">
        <v>121</v>
      </c>
      <c r="I11920" t="s">
        <v>15</v>
      </c>
      <c r="J11920" s="10">
        <v>32.758411119999998</v>
      </c>
    </row>
    <row r="11921" spans="1:10" x14ac:dyDescent="0.35">
      <c r="A11921" t="s">
        <v>28</v>
      </c>
      <c r="B11921" t="s">
        <v>74</v>
      </c>
      <c r="C11921" t="s">
        <v>117</v>
      </c>
      <c r="D11921" t="s">
        <v>118</v>
      </c>
      <c r="E11921">
        <v>2014</v>
      </c>
      <c r="F11921">
        <v>2014</v>
      </c>
      <c r="G11921" t="s">
        <v>14</v>
      </c>
      <c r="H11921" t="s">
        <v>122</v>
      </c>
      <c r="I11921" t="s">
        <v>15</v>
      </c>
      <c r="J11921" s="10">
        <v>20.444379619999999</v>
      </c>
    </row>
    <row r="11922" spans="1:10" x14ac:dyDescent="0.35">
      <c r="A11922" t="s">
        <v>28</v>
      </c>
      <c r="B11922" t="s">
        <v>74</v>
      </c>
      <c r="C11922" t="s">
        <v>117</v>
      </c>
      <c r="D11922" t="s">
        <v>118</v>
      </c>
      <c r="E11922">
        <v>2014</v>
      </c>
      <c r="F11922">
        <v>2014</v>
      </c>
      <c r="G11922" t="s">
        <v>14</v>
      </c>
      <c r="H11922" t="s">
        <v>123</v>
      </c>
      <c r="I11922" t="s">
        <v>15</v>
      </c>
      <c r="J11922" s="10">
        <v>16.569428240000001</v>
      </c>
    </row>
    <row r="11923" spans="1:10" x14ac:dyDescent="0.35">
      <c r="A11923" t="s">
        <v>28</v>
      </c>
      <c r="B11923" t="s">
        <v>74</v>
      </c>
      <c r="C11923" t="s">
        <v>117</v>
      </c>
      <c r="D11923" t="s">
        <v>118</v>
      </c>
      <c r="E11923">
        <v>2014</v>
      </c>
      <c r="F11923">
        <v>2014</v>
      </c>
      <c r="G11923" t="s">
        <v>14</v>
      </c>
      <c r="H11923" t="s">
        <v>124</v>
      </c>
      <c r="I11923" t="s">
        <v>15</v>
      </c>
      <c r="J11923" s="10">
        <v>2.0262057570000001</v>
      </c>
    </row>
    <row r="11924" spans="1:10" x14ac:dyDescent="0.35">
      <c r="A11924" t="s">
        <v>28</v>
      </c>
      <c r="B11924" t="s">
        <v>74</v>
      </c>
      <c r="C11924" t="s">
        <v>117</v>
      </c>
      <c r="D11924" t="s">
        <v>118</v>
      </c>
      <c r="E11924">
        <v>2014</v>
      </c>
      <c r="F11924">
        <v>2014</v>
      </c>
      <c r="G11924" t="s">
        <v>125</v>
      </c>
      <c r="H11924" t="s">
        <v>119</v>
      </c>
      <c r="I11924" t="s">
        <v>15</v>
      </c>
      <c r="J11924" s="10">
        <v>18.537260830000001</v>
      </c>
    </row>
    <row r="11925" spans="1:10" x14ac:dyDescent="0.35">
      <c r="A11925" t="s">
        <v>28</v>
      </c>
      <c r="B11925" t="s">
        <v>74</v>
      </c>
      <c r="C11925" t="s">
        <v>117</v>
      </c>
      <c r="D11925" t="s">
        <v>118</v>
      </c>
      <c r="E11925">
        <v>2014</v>
      </c>
      <c r="F11925">
        <v>2014</v>
      </c>
      <c r="G11925" t="s">
        <v>125</v>
      </c>
      <c r="H11925" t="s">
        <v>120</v>
      </c>
      <c r="I11925" t="s">
        <v>15</v>
      </c>
      <c r="J11925" s="10">
        <v>11.261329310000001</v>
      </c>
    </row>
    <row r="11926" spans="1:10" x14ac:dyDescent="0.35">
      <c r="A11926" t="s">
        <v>28</v>
      </c>
      <c r="B11926" t="s">
        <v>74</v>
      </c>
      <c r="C11926" t="s">
        <v>117</v>
      </c>
      <c r="D11926" t="s">
        <v>118</v>
      </c>
      <c r="E11926">
        <v>2014</v>
      </c>
      <c r="F11926">
        <v>2014</v>
      </c>
      <c r="G11926" t="s">
        <v>125</v>
      </c>
      <c r="H11926" t="s">
        <v>121</v>
      </c>
      <c r="I11926" t="s">
        <v>15</v>
      </c>
      <c r="J11926" s="10">
        <v>32.59818731</v>
      </c>
    </row>
    <row r="11927" spans="1:10" x14ac:dyDescent="0.35">
      <c r="A11927" t="s">
        <v>28</v>
      </c>
      <c r="B11927" t="s">
        <v>74</v>
      </c>
      <c r="C11927" t="s">
        <v>117</v>
      </c>
      <c r="D11927" t="s">
        <v>118</v>
      </c>
      <c r="E11927">
        <v>2014</v>
      </c>
      <c r="F11927">
        <v>2014</v>
      </c>
      <c r="G11927" t="s">
        <v>125</v>
      </c>
      <c r="H11927" t="s">
        <v>122</v>
      </c>
      <c r="I11927" t="s">
        <v>15</v>
      </c>
      <c r="J11927" s="10">
        <v>20.513595169999999</v>
      </c>
    </row>
    <row r="11928" spans="1:10" x14ac:dyDescent="0.35">
      <c r="A11928" t="s">
        <v>28</v>
      </c>
      <c r="B11928" t="s">
        <v>74</v>
      </c>
      <c r="C11928" t="s">
        <v>117</v>
      </c>
      <c r="D11928" t="s">
        <v>118</v>
      </c>
      <c r="E11928">
        <v>2014</v>
      </c>
      <c r="F11928">
        <v>2014</v>
      </c>
      <c r="G11928" t="s">
        <v>125</v>
      </c>
      <c r="H11928" t="s">
        <v>123</v>
      </c>
      <c r="I11928" t="s">
        <v>15</v>
      </c>
      <c r="J11928" s="10">
        <v>15.68731118</v>
      </c>
    </row>
    <row r="11929" spans="1:10" x14ac:dyDescent="0.35">
      <c r="A11929" t="s">
        <v>28</v>
      </c>
      <c r="B11929" t="s">
        <v>74</v>
      </c>
      <c r="C11929" t="s">
        <v>117</v>
      </c>
      <c r="D11929" t="s">
        <v>118</v>
      </c>
      <c r="E11929">
        <v>2014</v>
      </c>
      <c r="F11929">
        <v>2014</v>
      </c>
      <c r="G11929" t="s">
        <v>125</v>
      </c>
      <c r="H11929" t="s">
        <v>124</v>
      </c>
      <c r="I11929" t="s">
        <v>15</v>
      </c>
      <c r="J11929" s="10">
        <v>1.402316213</v>
      </c>
    </row>
    <row r="11930" spans="1:10" x14ac:dyDescent="0.35">
      <c r="A11930" t="s">
        <v>28</v>
      </c>
      <c r="B11930" t="s">
        <v>74</v>
      </c>
      <c r="C11930" t="s">
        <v>117</v>
      </c>
      <c r="D11930" t="s">
        <v>118</v>
      </c>
      <c r="E11930">
        <v>2014</v>
      </c>
      <c r="F11930">
        <v>2014</v>
      </c>
      <c r="G11930" t="s">
        <v>126</v>
      </c>
      <c r="H11930" t="s">
        <v>119</v>
      </c>
      <c r="I11930" t="s">
        <v>15</v>
      </c>
      <c r="J11930" s="10">
        <v>16.657266400000001</v>
      </c>
    </row>
    <row r="11931" spans="1:10" x14ac:dyDescent="0.35">
      <c r="A11931" t="s">
        <v>28</v>
      </c>
      <c r="B11931" t="s">
        <v>74</v>
      </c>
      <c r="C11931" t="s">
        <v>117</v>
      </c>
      <c r="D11931" t="s">
        <v>118</v>
      </c>
      <c r="E11931">
        <v>2014</v>
      </c>
      <c r="F11931">
        <v>2014</v>
      </c>
      <c r="G11931" t="s">
        <v>126</v>
      </c>
      <c r="H11931" t="s">
        <v>120</v>
      </c>
      <c r="I11931" t="s">
        <v>15</v>
      </c>
      <c r="J11931" s="10">
        <v>10.0535815</v>
      </c>
    </row>
    <row r="11932" spans="1:10" x14ac:dyDescent="0.35">
      <c r="A11932" t="s">
        <v>28</v>
      </c>
      <c r="B11932" t="s">
        <v>74</v>
      </c>
      <c r="C11932" t="s">
        <v>117</v>
      </c>
      <c r="D11932" t="s">
        <v>118</v>
      </c>
      <c r="E11932">
        <v>2014</v>
      </c>
      <c r="F11932">
        <v>2014</v>
      </c>
      <c r="G11932" t="s">
        <v>126</v>
      </c>
      <c r="H11932" t="s">
        <v>121</v>
      </c>
      <c r="I11932" t="s">
        <v>15</v>
      </c>
      <c r="J11932" s="10">
        <v>32.907971420000003</v>
      </c>
    </row>
    <row r="11933" spans="1:10" x14ac:dyDescent="0.35">
      <c r="A11933" t="s">
        <v>28</v>
      </c>
      <c r="B11933" t="s">
        <v>74</v>
      </c>
      <c r="C11933" t="s">
        <v>117</v>
      </c>
      <c r="D11933" t="s">
        <v>118</v>
      </c>
      <c r="E11933">
        <v>2014</v>
      </c>
      <c r="F11933">
        <v>2014</v>
      </c>
      <c r="G11933" t="s">
        <v>126</v>
      </c>
      <c r="H11933" t="s">
        <v>122</v>
      </c>
      <c r="I11933" t="s">
        <v>15</v>
      </c>
      <c r="J11933" s="10">
        <v>20.379770629999999</v>
      </c>
    </row>
    <row r="11934" spans="1:10" x14ac:dyDescent="0.35">
      <c r="A11934" t="s">
        <v>28</v>
      </c>
      <c r="B11934" t="s">
        <v>74</v>
      </c>
      <c r="C11934" t="s">
        <v>117</v>
      </c>
      <c r="D11934" t="s">
        <v>118</v>
      </c>
      <c r="E11934">
        <v>2014</v>
      </c>
      <c r="F11934">
        <v>2014</v>
      </c>
      <c r="G11934" t="s">
        <v>126</v>
      </c>
      <c r="H11934" t="s">
        <v>123</v>
      </c>
      <c r="I11934" t="s">
        <v>15</v>
      </c>
      <c r="J11934" s="10">
        <v>17.392837</v>
      </c>
    </row>
    <row r="11935" spans="1:10" x14ac:dyDescent="0.35">
      <c r="A11935" t="s">
        <v>28</v>
      </c>
      <c r="B11935" t="s">
        <v>74</v>
      </c>
      <c r="C11935" t="s">
        <v>117</v>
      </c>
      <c r="D11935" t="s">
        <v>118</v>
      </c>
      <c r="E11935">
        <v>2014</v>
      </c>
      <c r="F11935">
        <v>2014</v>
      </c>
      <c r="G11935" t="s">
        <v>126</v>
      </c>
      <c r="H11935" t="s">
        <v>124</v>
      </c>
      <c r="I11935" t="s">
        <v>15</v>
      </c>
      <c r="J11935" s="10">
        <v>2.60857304</v>
      </c>
    </row>
    <row r="11936" spans="1:10" x14ac:dyDescent="0.35">
      <c r="A11936" t="s">
        <v>28</v>
      </c>
      <c r="B11936" t="s">
        <v>74</v>
      </c>
      <c r="C11936" t="s">
        <v>117</v>
      </c>
      <c r="D11936" t="s">
        <v>118</v>
      </c>
      <c r="E11936">
        <v>2013</v>
      </c>
      <c r="F11936">
        <v>2013</v>
      </c>
      <c r="G11936" t="s">
        <v>14</v>
      </c>
      <c r="H11936" t="s">
        <v>119</v>
      </c>
      <c r="I11936" t="s">
        <v>15</v>
      </c>
      <c r="J11936" s="10">
        <v>17.72406848</v>
      </c>
    </row>
    <row r="11937" spans="1:10" x14ac:dyDescent="0.35">
      <c r="A11937" t="s">
        <v>28</v>
      </c>
      <c r="B11937" t="s">
        <v>74</v>
      </c>
      <c r="C11937" t="s">
        <v>117</v>
      </c>
      <c r="D11937" t="s">
        <v>118</v>
      </c>
      <c r="E11937">
        <v>2013</v>
      </c>
      <c r="F11937">
        <v>2013</v>
      </c>
      <c r="G11937" t="s">
        <v>14</v>
      </c>
      <c r="H11937" t="s">
        <v>120</v>
      </c>
      <c r="I11937" t="s">
        <v>15</v>
      </c>
      <c r="J11937" s="10">
        <v>10.717188999999999</v>
      </c>
    </row>
    <row r="11938" spans="1:10" x14ac:dyDescent="0.35">
      <c r="A11938" t="s">
        <v>28</v>
      </c>
      <c r="B11938" t="s">
        <v>74</v>
      </c>
      <c r="C11938" t="s">
        <v>117</v>
      </c>
      <c r="D11938" t="s">
        <v>118</v>
      </c>
      <c r="E11938">
        <v>2013</v>
      </c>
      <c r="F11938">
        <v>2013</v>
      </c>
      <c r="G11938" t="s">
        <v>14</v>
      </c>
      <c r="H11938" t="s">
        <v>121</v>
      </c>
      <c r="I11938" t="s">
        <v>15</v>
      </c>
      <c r="J11938" s="10">
        <v>33.14648321</v>
      </c>
    </row>
    <row r="11939" spans="1:10" x14ac:dyDescent="0.35">
      <c r="A11939" t="s">
        <v>28</v>
      </c>
      <c r="B11939" t="s">
        <v>74</v>
      </c>
      <c r="C11939" t="s">
        <v>117</v>
      </c>
      <c r="D11939" t="s">
        <v>118</v>
      </c>
      <c r="E11939">
        <v>2013</v>
      </c>
      <c r="F11939">
        <v>2013</v>
      </c>
      <c r="G11939" t="s">
        <v>14</v>
      </c>
      <c r="H11939" t="s">
        <v>122</v>
      </c>
      <c r="I11939" t="s">
        <v>15</v>
      </c>
      <c r="J11939" s="10">
        <v>20.238051909999999</v>
      </c>
    </row>
    <row r="11940" spans="1:10" x14ac:dyDescent="0.35">
      <c r="A11940" t="s">
        <v>28</v>
      </c>
      <c r="B11940" t="s">
        <v>74</v>
      </c>
      <c r="C11940" t="s">
        <v>117</v>
      </c>
      <c r="D11940" t="s">
        <v>118</v>
      </c>
      <c r="E11940">
        <v>2013</v>
      </c>
      <c r="F11940">
        <v>2013</v>
      </c>
      <c r="G11940" t="s">
        <v>14</v>
      </c>
      <c r="H11940" t="s">
        <v>123</v>
      </c>
      <c r="I11940" t="s">
        <v>15</v>
      </c>
      <c r="J11940" s="10">
        <v>16.141909030000001</v>
      </c>
    </row>
    <row r="11941" spans="1:10" x14ac:dyDescent="0.35">
      <c r="A11941" t="s">
        <v>28</v>
      </c>
      <c r="B11941" t="s">
        <v>74</v>
      </c>
      <c r="C11941" t="s">
        <v>117</v>
      </c>
      <c r="D11941" t="s">
        <v>118</v>
      </c>
      <c r="E11941">
        <v>2013</v>
      </c>
      <c r="F11941">
        <v>2013</v>
      </c>
      <c r="G11941" t="s">
        <v>14</v>
      </c>
      <c r="H11941" t="s">
        <v>124</v>
      </c>
      <c r="I11941" t="s">
        <v>15</v>
      </c>
      <c r="J11941" s="10">
        <v>2.0322983780000001</v>
      </c>
    </row>
    <row r="11942" spans="1:10" x14ac:dyDescent="0.35">
      <c r="A11942" t="s">
        <v>28</v>
      </c>
      <c r="B11942" t="s">
        <v>74</v>
      </c>
      <c r="C11942" t="s">
        <v>117</v>
      </c>
      <c r="D11942" t="s">
        <v>118</v>
      </c>
      <c r="E11942">
        <v>2013</v>
      </c>
      <c r="F11942">
        <v>2013</v>
      </c>
      <c r="G11942" t="s">
        <v>125</v>
      </c>
      <c r="H11942" t="s">
        <v>119</v>
      </c>
      <c r="I11942" t="s">
        <v>15</v>
      </c>
      <c r="J11942" s="10">
        <v>18.782031960000001</v>
      </c>
    </row>
    <row r="11943" spans="1:10" x14ac:dyDescent="0.35">
      <c r="A11943" t="s">
        <v>28</v>
      </c>
      <c r="B11943" t="s">
        <v>74</v>
      </c>
      <c r="C11943" t="s">
        <v>117</v>
      </c>
      <c r="D11943" t="s">
        <v>118</v>
      </c>
      <c r="E11943">
        <v>2013</v>
      </c>
      <c r="F11943">
        <v>2013</v>
      </c>
      <c r="G11943" t="s">
        <v>125</v>
      </c>
      <c r="H11943" t="s">
        <v>120</v>
      </c>
      <c r="I11943" t="s">
        <v>15</v>
      </c>
      <c r="J11943" s="10">
        <v>11.26519948</v>
      </c>
    </row>
    <row r="11944" spans="1:10" x14ac:dyDescent="0.35">
      <c r="A11944" t="s">
        <v>28</v>
      </c>
      <c r="B11944" t="s">
        <v>74</v>
      </c>
      <c r="C11944" t="s">
        <v>117</v>
      </c>
      <c r="D11944" t="s">
        <v>118</v>
      </c>
      <c r="E11944">
        <v>2013</v>
      </c>
      <c r="F11944">
        <v>2013</v>
      </c>
      <c r="G11944" t="s">
        <v>125</v>
      </c>
      <c r="H11944" t="s">
        <v>121</v>
      </c>
      <c r="I11944" t="s">
        <v>15</v>
      </c>
      <c r="J11944" s="10">
        <v>33.04441765</v>
      </c>
    </row>
    <row r="11945" spans="1:10" x14ac:dyDescent="0.35">
      <c r="A11945" t="s">
        <v>28</v>
      </c>
      <c r="B11945" t="s">
        <v>74</v>
      </c>
      <c r="C11945" t="s">
        <v>117</v>
      </c>
      <c r="D11945" t="s">
        <v>118</v>
      </c>
      <c r="E11945">
        <v>2013</v>
      </c>
      <c r="F11945">
        <v>2013</v>
      </c>
      <c r="G11945" t="s">
        <v>125</v>
      </c>
      <c r="H11945" t="s">
        <v>122</v>
      </c>
      <c r="I11945" t="s">
        <v>15</v>
      </c>
      <c r="J11945" s="10">
        <v>20.29444277</v>
      </c>
    </row>
    <row r="11946" spans="1:10" x14ac:dyDescent="0.35">
      <c r="A11946" t="s">
        <v>28</v>
      </c>
      <c r="B11946" t="s">
        <v>74</v>
      </c>
      <c r="C11946" t="s">
        <v>117</v>
      </c>
      <c r="D11946" t="s">
        <v>118</v>
      </c>
      <c r="E11946">
        <v>2013</v>
      </c>
      <c r="F11946">
        <v>2013</v>
      </c>
      <c r="G11946" t="s">
        <v>125</v>
      </c>
      <c r="H11946" t="s">
        <v>123</v>
      </c>
      <c r="I11946" t="s">
        <v>15</v>
      </c>
      <c r="J11946" s="10">
        <v>15.282383680000001</v>
      </c>
    </row>
    <row r="11947" spans="1:10" x14ac:dyDescent="0.35">
      <c r="A11947" t="s">
        <v>28</v>
      </c>
      <c r="B11947" t="s">
        <v>74</v>
      </c>
      <c r="C11947" t="s">
        <v>117</v>
      </c>
      <c r="D11947" t="s">
        <v>118</v>
      </c>
      <c r="E11947">
        <v>2013</v>
      </c>
      <c r="F11947">
        <v>2013</v>
      </c>
      <c r="G11947" t="s">
        <v>125</v>
      </c>
      <c r="H11947" t="s">
        <v>124</v>
      </c>
      <c r="I11947" t="s">
        <v>15</v>
      </c>
      <c r="J11947" s="10">
        <v>1.33152447</v>
      </c>
    </row>
    <row r="11948" spans="1:10" x14ac:dyDescent="0.35">
      <c r="A11948" t="s">
        <v>28</v>
      </c>
      <c r="B11948" t="s">
        <v>74</v>
      </c>
      <c r="C11948" t="s">
        <v>117</v>
      </c>
      <c r="D11948" t="s">
        <v>118</v>
      </c>
      <c r="E11948">
        <v>2013</v>
      </c>
      <c r="F11948">
        <v>2013</v>
      </c>
      <c r="G11948" t="s">
        <v>126</v>
      </c>
      <c r="H11948" t="s">
        <v>119</v>
      </c>
      <c r="I11948" t="s">
        <v>15</v>
      </c>
      <c r="J11948" s="10">
        <v>16.735891120000002</v>
      </c>
    </row>
    <row r="11949" spans="1:10" x14ac:dyDescent="0.35">
      <c r="A11949" t="s">
        <v>28</v>
      </c>
      <c r="B11949" t="s">
        <v>74</v>
      </c>
      <c r="C11949" t="s">
        <v>117</v>
      </c>
      <c r="D11949" t="s">
        <v>118</v>
      </c>
      <c r="E11949">
        <v>2013</v>
      </c>
      <c r="F11949">
        <v>2013</v>
      </c>
      <c r="G11949" t="s">
        <v>126</v>
      </c>
      <c r="H11949" t="s">
        <v>120</v>
      </c>
      <c r="I11949" t="s">
        <v>15</v>
      </c>
      <c r="J11949" s="10">
        <v>10.20532676</v>
      </c>
    </row>
    <row r="11950" spans="1:10" x14ac:dyDescent="0.35">
      <c r="A11950" t="s">
        <v>28</v>
      </c>
      <c r="B11950" t="s">
        <v>74</v>
      </c>
      <c r="C11950" t="s">
        <v>117</v>
      </c>
      <c r="D11950" t="s">
        <v>118</v>
      </c>
      <c r="E11950">
        <v>2013</v>
      </c>
      <c r="F11950">
        <v>2013</v>
      </c>
      <c r="G11950" t="s">
        <v>126</v>
      </c>
      <c r="H11950" t="s">
        <v>121</v>
      </c>
      <c r="I11950" t="s">
        <v>15</v>
      </c>
      <c r="J11950" s="10">
        <v>33.24181626</v>
      </c>
    </row>
    <row r="11951" spans="1:10" x14ac:dyDescent="0.35">
      <c r="A11951" t="s">
        <v>28</v>
      </c>
      <c r="B11951" t="s">
        <v>74</v>
      </c>
      <c r="C11951" t="s">
        <v>117</v>
      </c>
      <c r="D11951" t="s">
        <v>118</v>
      </c>
      <c r="E11951">
        <v>2013</v>
      </c>
      <c r="F11951">
        <v>2013</v>
      </c>
      <c r="G11951" t="s">
        <v>126</v>
      </c>
      <c r="H11951" t="s">
        <v>122</v>
      </c>
      <c r="I11951" t="s">
        <v>15</v>
      </c>
      <c r="J11951" s="10">
        <v>20.185380729999999</v>
      </c>
    </row>
    <row r="11952" spans="1:10" x14ac:dyDescent="0.35">
      <c r="A11952" t="s">
        <v>28</v>
      </c>
      <c r="B11952" t="s">
        <v>74</v>
      </c>
      <c r="C11952" t="s">
        <v>117</v>
      </c>
      <c r="D11952" t="s">
        <v>118</v>
      </c>
      <c r="E11952">
        <v>2013</v>
      </c>
      <c r="F11952">
        <v>2013</v>
      </c>
      <c r="G11952" t="s">
        <v>126</v>
      </c>
      <c r="H11952" t="s">
        <v>123</v>
      </c>
      <c r="I11952" t="s">
        <v>15</v>
      </c>
      <c r="J11952" s="10">
        <v>16.94473777</v>
      </c>
    </row>
    <row r="11953" spans="1:10" x14ac:dyDescent="0.35">
      <c r="A11953" t="s">
        <v>28</v>
      </c>
      <c r="B11953" t="s">
        <v>74</v>
      </c>
      <c r="C11953" t="s">
        <v>117</v>
      </c>
      <c r="D11953" t="s">
        <v>118</v>
      </c>
      <c r="E11953">
        <v>2013</v>
      </c>
      <c r="F11953">
        <v>2013</v>
      </c>
      <c r="G11953" t="s">
        <v>126</v>
      </c>
      <c r="H11953" t="s">
        <v>124</v>
      </c>
      <c r="I11953" t="s">
        <v>15</v>
      </c>
      <c r="J11953" s="10">
        <v>2.6868473540000002</v>
      </c>
    </row>
    <row r="11954" spans="1:10" x14ac:dyDescent="0.35">
      <c r="A11954" t="s">
        <v>28</v>
      </c>
      <c r="B11954" t="s">
        <v>74</v>
      </c>
      <c r="C11954" t="s">
        <v>117</v>
      </c>
      <c r="D11954" t="s">
        <v>118</v>
      </c>
      <c r="E11954">
        <v>2012</v>
      </c>
      <c r="F11954">
        <v>2012</v>
      </c>
      <c r="G11954" t="s">
        <v>14</v>
      </c>
      <c r="H11954" t="s">
        <v>119</v>
      </c>
      <c r="I11954" t="s">
        <v>15</v>
      </c>
      <c r="J11954" s="10">
        <v>17.844465169999999</v>
      </c>
    </row>
    <row r="11955" spans="1:10" x14ac:dyDescent="0.35">
      <c r="A11955" t="s">
        <v>28</v>
      </c>
      <c r="B11955" t="s">
        <v>74</v>
      </c>
      <c r="C11955" t="s">
        <v>117</v>
      </c>
      <c r="D11955" t="s">
        <v>118</v>
      </c>
      <c r="E11955">
        <v>2012</v>
      </c>
      <c r="F11955">
        <v>2012</v>
      </c>
      <c r="G11955" t="s">
        <v>14</v>
      </c>
      <c r="H11955" t="s">
        <v>120</v>
      </c>
      <c r="I11955" t="s">
        <v>15</v>
      </c>
      <c r="J11955" s="10">
        <v>10.84309616</v>
      </c>
    </row>
    <row r="11956" spans="1:10" x14ac:dyDescent="0.35">
      <c r="A11956" t="s">
        <v>28</v>
      </c>
      <c r="B11956" t="s">
        <v>74</v>
      </c>
      <c r="C11956" t="s">
        <v>117</v>
      </c>
      <c r="D11956" t="s">
        <v>118</v>
      </c>
      <c r="E11956">
        <v>2012</v>
      </c>
      <c r="F11956">
        <v>2012</v>
      </c>
      <c r="G11956" t="s">
        <v>14</v>
      </c>
      <c r="H11956" t="s">
        <v>121</v>
      </c>
      <c r="I11956" t="s">
        <v>15</v>
      </c>
      <c r="J11956" s="10">
        <v>33.634193920000001</v>
      </c>
    </row>
    <row r="11957" spans="1:10" x14ac:dyDescent="0.35">
      <c r="A11957" t="s">
        <v>28</v>
      </c>
      <c r="B11957" t="s">
        <v>74</v>
      </c>
      <c r="C11957" t="s">
        <v>117</v>
      </c>
      <c r="D11957" t="s">
        <v>118</v>
      </c>
      <c r="E11957">
        <v>2012</v>
      </c>
      <c r="F11957">
        <v>2012</v>
      </c>
      <c r="G11957" t="s">
        <v>14</v>
      </c>
      <c r="H11957" t="s">
        <v>122</v>
      </c>
      <c r="I11957" t="s">
        <v>15</v>
      </c>
      <c r="J11957" s="10">
        <v>20.008238330000001</v>
      </c>
    </row>
    <row r="11958" spans="1:10" x14ac:dyDescent="0.35">
      <c r="A11958" t="s">
        <v>28</v>
      </c>
      <c r="B11958" t="s">
        <v>74</v>
      </c>
      <c r="C11958" t="s">
        <v>117</v>
      </c>
      <c r="D11958" t="s">
        <v>118</v>
      </c>
      <c r="E11958">
        <v>2012</v>
      </c>
      <c r="F11958">
        <v>2012</v>
      </c>
      <c r="G11958" t="s">
        <v>14</v>
      </c>
      <c r="H11958" t="s">
        <v>123</v>
      </c>
      <c r="I11958" t="s">
        <v>15</v>
      </c>
      <c r="J11958" s="10">
        <v>15.668576829999999</v>
      </c>
    </row>
    <row r="11959" spans="1:10" x14ac:dyDescent="0.35">
      <c r="A11959" t="s">
        <v>28</v>
      </c>
      <c r="B11959" t="s">
        <v>74</v>
      </c>
      <c r="C11959" t="s">
        <v>117</v>
      </c>
      <c r="D11959" t="s">
        <v>118</v>
      </c>
      <c r="E11959">
        <v>2012</v>
      </c>
      <c r="F11959">
        <v>2012</v>
      </c>
      <c r="G11959" t="s">
        <v>14</v>
      </c>
      <c r="H11959" t="s">
        <v>124</v>
      </c>
      <c r="I11959" t="s">
        <v>15</v>
      </c>
      <c r="J11959" s="10">
        <v>2.0014295930000001</v>
      </c>
    </row>
    <row r="11960" spans="1:10" x14ac:dyDescent="0.35">
      <c r="A11960" t="s">
        <v>28</v>
      </c>
      <c r="B11960" t="s">
        <v>74</v>
      </c>
      <c r="C11960" t="s">
        <v>117</v>
      </c>
      <c r="D11960" t="s">
        <v>118</v>
      </c>
      <c r="E11960">
        <v>2012</v>
      </c>
      <c r="F11960">
        <v>2012</v>
      </c>
      <c r="G11960" t="s">
        <v>125</v>
      </c>
      <c r="H11960" t="s">
        <v>119</v>
      </c>
      <c r="I11960" t="s">
        <v>15</v>
      </c>
      <c r="J11960" s="10">
        <v>18.92657492</v>
      </c>
    </row>
    <row r="11961" spans="1:10" x14ac:dyDescent="0.35">
      <c r="A11961" t="s">
        <v>28</v>
      </c>
      <c r="B11961" t="s">
        <v>74</v>
      </c>
      <c r="C11961" t="s">
        <v>117</v>
      </c>
      <c r="D11961" t="s">
        <v>118</v>
      </c>
      <c r="E11961">
        <v>2012</v>
      </c>
      <c r="F11961">
        <v>2012</v>
      </c>
      <c r="G11961" t="s">
        <v>125</v>
      </c>
      <c r="H11961" t="s">
        <v>120</v>
      </c>
      <c r="I11961" t="s">
        <v>15</v>
      </c>
      <c r="J11961" s="10">
        <v>11.35343812</v>
      </c>
    </row>
    <row r="11962" spans="1:10" x14ac:dyDescent="0.35">
      <c r="A11962" t="s">
        <v>28</v>
      </c>
      <c r="B11962" t="s">
        <v>74</v>
      </c>
      <c r="C11962" t="s">
        <v>117</v>
      </c>
      <c r="D11962" t="s">
        <v>118</v>
      </c>
      <c r="E11962">
        <v>2012</v>
      </c>
      <c r="F11962">
        <v>2012</v>
      </c>
      <c r="G11962" t="s">
        <v>125</v>
      </c>
      <c r="H11962" t="s">
        <v>121</v>
      </c>
      <c r="I11962" t="s">
        <v>15</v>
      </c>
      <c r="J11962" s="10">
        <v>33.589030110000003</v>
      </c>
    </row>
    <row r="11963" spans="1:10" x14ac:dyDescent="0.35">
      <c r="A11963" t="s">
        <v>28</v>
      </c>
      <c r="B11963" t="s">
        <v>74</v>
      </c>
      <c r="C11963" t="s">
        <v>117</v>
      </c>
      <c r="D11963" t="s">
        <v>118</v>
      </c>
      <c r="E11963">
        <v>2012</v>
      </c>
      <c r="F11963">
        <v>2012</v>
      </c>
      <c r="G11963" t="s">
        <v>125</v>
      </c>
      <c r="H11963" t="s">
        <v>122</v>
      </c>
      <c r="I11963" t="s">
        <v>15</v>
      </c>
      <c r="J11963" s="10">
        <v>20.097265050000001</v>
      </c>
    </row>
    <row r="11964" spans="1:10" x14ac:dyDescent="0.35">
      <c r="A11964" t="s">
        <v>28</v>
      </c>
      <c r="B11964" t="s">
        <v>74</v>
      </c>
      <c r="C11964" t="s">
        <v>117</v>
      </c>
      <c r="D11964" t="s">
        <v>118</v>
      </c>
      <c r="E11964">
        <v>2012</v>
      </c>
      <c r="F11964">
        <v>2012</v>
      </c>
      <c r="G11964" t="s">
        <v>125</v>
      </c>
      <c r="H11964" t="s">
        <v>123</v>
      </c>
      <c r="I11964" t="s">
        <v>15</v>
      </c>
      <c r="J11964" s="10">
        <v>14.775262590000001</v>
      </c>
    </row>
    <row r="11965" spans="1:10" x14ac:dyDescent="0.35">
      <c r="A11965" t="s">
        <v>28</v>
      </c>
      <c r="B11965" t="s">
        <v>74</v>
      </c>
      <c r="C11965" t="s">
        <v>117</v>
      </c>
      <c r="D11965" t="s">
        <v>118</v>
      </c>
      <c r="E11965">
        <v>2012</v>
      </c>
      <c r="F11965">
        <v>2012</v>
      </c>
      <c r="G11965" t="s">
        <v>125</v>
      </c>
      <c r="H11965" t="s">
        <v>124</v>
      </c>
      <c r="I11965" t="s">
        <v>15</v>
      </c>
      <c r="J11965" s="10">
        <v>1.25842922</v>
      </c>
    </row>
    <row r="11966" spans="1:10" x14ac:dyDescent="0.35">
      <c r="A11966" t="s">
        <v>28</v>
      </c>
      <c r="B11966" t="s">
        <v>74</v>
      </c>
      <c r="C11966" t="s">
        <v>117</v>
      </c>
      <c r="D11966" t="s">
        <v>118</v>
      </c>
      <c r="E11966">
        <v>2012</v>
      </c>
      <c r="F11966">
        <v>2012</v>
      </c>
      <c r="G11966" t="s">
        <v>126</v>
      </c>
      <c r="H11966" t="s">
        <v>119</v>
      </c>
      <c r="I11966" t="s">
        <v>15</v>
      </c>
      <c r="J11966" s="10">
        <v>16.832356390000001</v>
      </c>
    </row>
    <row r="11967" spans="1:10" x14ac:dyDescent="0.35">
      <c r="A11967" t="s">
        <v>28</v>
      </c>
      <c r="B11967" t="s">
        <v>74</v>
      </c>
      <c r="C11967" t="s">
        <v>117</v>
      </c>
      <c r="D11967" t="s">
        <v>118</v>
      </c>
      <c r="E11967">
        <v>2012</v>
      </c>
      <c r="F11967">
        <v>2012</v>
      </c>
      <c r="G11967" t="s">
        <v>126</v>
      </c>
      <c r="H11967" t="s">
        <v>120</v>
      </c>
      <c r="I11967" t="s">
        <v>15</v>
      </c>
      <c r="J11967" s="10">
        <v>10.36576788</v>
      </c>
    </row>
    <row r="11968" spans="1:10" x14ac:dyDescent="0.35">
      <c r="A11968" t="s">
        <v>28</v>
      </c>
      <c r="B11968" t="s">
        <v>74</v>
      </c>
      <c r="C11968" t="s">
        <v>117</v>
      </c>
      <c r="D11968" t="s">
        <v>118</v>
      </c>
      <c r="E11968">
        <v>2012</v>
      </c>
      <c r="F11968">
        <v>2012</v>
      </c>
      <c r="G11968" t="s">
        <v>126</v>
      </c>
      <c r="H11968" t="s">
        <v>121</v>
      </c>
      <c r="I11968" t="s">
        <v>15</v>
      </c>
      <c r="J11968" s="10">
        <v>33.676436109999997</v>
      </c>
    </row>
    <row r="11969" spans="1:10" x14ac:dyDescent="0.35">
      <c r="A11969" t="s">
        <v>28</v>
      </c>
      <c r="B11969" t="s">
        <v>74</v>
      </c>
      <c r="C11969" t="s">
        <v>117</v>
      </c>
      <c r="D11969" t="s">
        <v>118</v>
      </c>
      <c r="E11969">
        <v>2012</v>
      </c>
      <c r="F11969">
        <v>2012</v>
      </c>
      <c r="G11969" t="s">
        <v>126</v>
      </c>
      <c r="H11969" t="s">
        <v>122</v>
      </c>
      <c r="I11969" t="s">
        <v>15</v>
      </c>
      <c r="J11969" s="10">
        <v>19.924970689999999</v>
      </c>
    </row>
    <row r="11970" spans="1:10" x14ac:dyDescent="0.35">
      <c r="A11970" t="s">
        <v>28</v>
      </c>
      <c r="B11970" t="s">
        <v>74</v>
      </c>
      <c r="C11970" t="s">
        <v>117</v>
      </c>
      <c r="D11970" t="s">
        <v>118</v>
      </c>
      <c r="E11970">
        <v>2012</v>
      </c>
      <c r="F11970">
        <v>2012</v>
      </c>
      <c r="G11970" t="s">
        <v>126</v>
      </c>
      <c r="H11970" t="s">
        <v>123</v>
      </c>
      <c r="I11970" t="s">
        <v>15</v>
      </c>
      <c r="J11970" s="10">
        <v>16.50410317</v>
      </c>
    </row>
    <row r="11971" spans="1:10" x14ac:dyDescent="0.35">
      <c r="A11971" t="s">
        <v>28</v>
      </c>
      <c r="B11971" t="s">
        <v>74</v>
      </c>
      <c r="C11971" t="s">
        <v>117</v>
      </c>
      <c r="D11971" t="s">
        <v>118</v>
      </c>
      <c r="E11971">
        <v>2012</v>
      </c>
      <c r="F11971">
        <v>2012</v>
      </c>
      <c r="G11971" t="s">
        <v>126</v>
      </c>
      <c r="H11971" t="s">
        <v>124</v>
      </c>
      <c r="I11971" t="s">
        <v>15</v>
      </c>
      <c r="J11971" s="10">
        <v>2.6963657680000002</v>
      </c>
    </row>
    <row r="11972" spans="1:10" x14ac:dyDescent="0.35">
      <c r="A11972" t="s">
        <v>28</v>
      </c>
      <c r="B11972" t="s">
        <v>74</v>
      </c>
      <c r="C11972" t="s">
        <v>117</v>
      </c>
      <c r="D11972" t="s">
        <v>118</v>
      </c>
      <c r="E11972">
        <v>2011</v>
      </c>
      <c r="F11972">
        <v>2011</v>
      </c>
      <c r="G11972" t="s">
        <v>14</v>
      </c>
      <c r="H11972" t="s">
        <v>119</v>
      </c>
      <c r="I11972" t="s">
        <v>15</v>
      </c>
      <c r="J11972" s="10">
        <v>17.76533191</v>
      </c>
    </row>
    <row r="11973" spans="1:10" x14ac:dyDescent="0.35">
      <c r="A11973" t="s">
        <v>28</v>
      </c>
      <c r="B11973" t="s">
        <v>74</v>
      </c>
      <c r="C11973" t="s">
        <v>117</v>
      </c>
      <c r="D11973" t="s">
        <v>118</v>
      </c>
      <c r="E11973">
        <v>2011</v>
      </c>
      <c r="F11973">
        <v>2011</v>
      </c>
      <c r="G11973" t="s">
        <v>14</v>
      </c>
      <c r="H11973" t="s">
        <v>120</v>
      </c>
      <c r="I11973" t="s">
        <v>15</v>
      </c>
      <c r="J11973" s="10">
        <v>11.06157061</v>
      </c>
    </row>
    <row r="11974" spans="1:10" x14ac:dyDescent="0.35">
      <c r="A11974" t="s">
        <v>28</v>
      </c>
      <c r="B11974" t="s">
        <v>74</v>
      </c>
      <c r="C11974" t="s">
        <v>117</v>
      </c>
      <c r="D11974" t="s">
        <v>118</v>
      </c>
      <c r="E11974">
        <v>2011</v>
      </c>
      <c r="F11974">
        <v>2011</v>
      </c>
      <c r="G11974" t="s">
        <v>14</v>
      </c>
      <c r="H11974" t="s">
        <v>121</v>
      </c>
      <c r="I11974" t="s">
        <v>15</v>
      </c>
      <c r="J11974" s="10">
        <v>33.8954223</v>
      </c>
    </row>
    <row r="11975" spans="1:10" x14ac:dyDescent="0.35">
      <c r="A11975" t="s">
        <v>28</v>
      </c>
      <c r="B11975" t="s">
        <v>74</v>
      </c>
      <c r="C11975" t="s">
        <v>117</v>
      </c>
      <c r="D11975" t="s">
        <v>118</v>
      </c>
      <c r="E11975">
        <v>2011</v>
      </c>
      <c r="F11975">
        <v>2011</v>
      </c>
      <c r="G11975" t="s">
        <v>14</v>
      </c>
      <c r="H11975" t="s">
        <v>122</v>
      </c>
      <c r="I11975" t="s">
        <v>15</v>
      </c>
      <c r="J11975" s="10">
        <v>20.26071533</v>
      </c>
    </row>
    <row r="11976" spans="1:10" x14ac:dyDescent="0.35">
      <c r="A11976" t="s">
        <v>28</v>
      </c>
      <c r="B11976" t="s">
        <v>74</v>
      </c>
      <c r="C11976" t="s">
        <v>117</v>
      </c>
      <c r="D11976" t="s">
        <v>118</v>
      </c>
      <c r="E11976">
        <v>2011</v>
      </c>
      <c r="F11976">
        <v>2011</v>
      </c>
      <c r="G11976" t="s">
        <v>14</v>
      </c>
      <c r="H11976" t="s">
        <v>123</v>
      </c>
      <c r="I11976" t="s">
        <v>15</v>
      </c>
      <c r="J11976" s="10">
        <v>15.06220235</v>
      </c>
    </row>
    <row r="11977" spans="1:10" x14ac:dyDescent="0.35">
      <c r="A11977" t="s">
        <v>28</v>
      </c>
      <c r="B11977" t="s">
        <v>74</v>
      </c>
      <c r="C11977" t="s">
        <v>117</v>
      </c>
      <c r="D11977" t="s">
        <v>118</v>
      </c>
      <c r="E11977">
        <v>2011</v>
      </c>
      <c r="F11977">
        <v>2011</v>
      </c>
      <c r="G11977" t="s">
        <v>14</v>
      </c>
      <c r="H11977" t="s">
        <v>124</v>
      </c>
      <c r="I11977" t="s">
        <v>15</v>
      </c>
      <c r="J11977" s="10">
        <v>1.9547575079999999</v>
      </c>
    </row>
    <row r="11978" spans="1:10" x14ac:dyDescent="0.35">
      <c r="A11978" t="s">
        <v>28</v>
      </c>
      <c r="B11978" t="s">
        <v>74</v>
      </c>
      <c r="C11978" t="s">
        <v>117</v>
      </c>
      <c r="D11978" t="s">
        <v>118</v>
      </c>
      <c r="E11978">
        <v>2011</v>
      </c>
      <c r="F11978">
        <v>2011</v>
      </c>
      <c r="G11978" t="s">
        <v>125</v>
      </c>
      <c r="H11978" t="s">
        <v>119</v>
      </c>
      <c r="I11978" t="s">
        <v>15</v>
      </c>
      <c r="J11978" s="10">
        <v>18.784433100000001</v>
      </c>
    </row>
    <row r="11979" spans="1:10" x14ac:dyDescent="0.35">
      <c r="A11979" t="s">
        <v>28</v>
      </c>
      <c r="B11979" t="s">
        <v>74</v>
      </c>
      <c r="C11979" t="s">
        <v>117</v>
      </c>
      <c r="D11979" t="s">
        <v>118</v>
      </c>
      <c r="E11979">
        <v>2011</v>
      </c>
      <c r="F11979">
        <v>2011</v>
      </c>
      <c r="G11979" t="s">
        <v>125</v>
      </c>
      <c r="H11979" t="s">
        <v>120</v>
      </c>
      <c r="I11979" t="s">
        <v>15</v>
      </c>
      <c r="J11979" s="10">
        <v>11.516691399999999</v>
      </c>
    </row>
    <row r="11980" spans="1:10" x14ac:dyDescent="0.35">
      <c r="A11980" t="s">
        <v>28</v>
      </c>
      <c r="B11980" t="s">
        <v>74</v>
      </c>
      <c r="C11980" t="s">
        <v>117</v>
      </c>
      <c r="D11980" t="s">
        <v>118</v>
      </c>
      <c r="E11980">
        <v>2011</v>
      </c>
      <c r="F11980">
        <v>2011</v>
      </c>
      <c r="G11980" t="s">
        <v>125</v>
      </c>
      <c r="H11980" t="s">
        <v>121</v>
      </c>
      <c r="I11980" t="s">
        <v>15</v>
      </c>
      <c r="J11980" s="10">
        <v>33.908580919999999</v>
      </c>
    </row>
    <row r="11981" spans="1:10" x14ac:dyDescent="0.35">
      <c r="A11981" t="s">
        <v>28</v>
      </c>
      <c r="B11981" t="s">
        <v>74</v>
      </c>
      <c r="C11981" t="s">
        <v>117</v>
      </c>
      <c r="D11981" t="s">
        <v>118</v>
      </c>
      <c r="E11981">
        <v>2011</v>
      </c>
      <c r="F11981">
        <v>2011</v>
      </c>
      <c r="G11981" t="s">
        <v>125</v>
      </c>
      <c r="H11981" t="s">
        <v>122</v>
      </c>
      <c r="I11981" t="s">
        <v>15</v>
      </c>
      <c r="J11981" s="10">
        <v>20.40451813</v>
      </c>
    </row>
    <row r="11982" spans="1:10" x14ac:dyDescent="0.35">
      <c r="A11982" t="s">
        <v>28</v>
      </c>
      <c r="B11982" t="s">
        <v>74</v>
      </c>
      <c r="C11982" t="s">
        <v>117</v>
      </c>
      <c r="D11982" t="s">
        <v>118</v>
      </c>
      <c r="E11982">
        <v>2011</v>
      </c>
      <c r="F11982">
        <v>2011</v>
      </c>
      <c r="G11982" t="s">
        <v>125</v>
      </c>
      <c r="H11982" t="s">
        <v>123</v>
      </c>
      <c r="I11982" t="s">
        <v>15</v>
      </c>
      <c r="J11982" s="10">
        <v>14.17071269</v>
      </c>
    </row>
    <row r="11983" spans="1:10" x14ac:dyDescent="0.35">
      <c r="A11983" t="s">
        <v>28</v>
      </c>
      <c r="B11983" t="s">
        <v>74</v>
      </c>
      <c r="C11983" t="s">
        <v>117</v>
      </c>
      <c r="D11983" t="s">
        <v>118</v>
      </c>
      <c r="E11983">
        <v>2011</v>
      </c>
      <c r="F11983">
        <v>2011</v>
      </c>
      <c r="G11983" t="s">
        <v>125</v>
      </c>
      <c r="H11983" t="s">
        <v>124</v>
      </c>
      <c r="I11983" t="s">
        <v>15</v>
      </c>
      <c r="J11983" s="10">
        <v>1.2150637719999999</v>
      </c>
    </row>
    <row r="11984" spans="1:10" x14ac:dyDescent="0.35">
      <c r="A11984" t="s">
        <v>28</v>
      </c>
      <c r="B11984" t="s">
        <v>74</v>
      </c>
      <c r="C11984" t="s">
        <v>117</v>
      </c>
      <c r="D11984" t="s">
        <v>118</v>
      </c>
      <c r="E11984">
        <v>2011</v>
      </c>
      <c r="F11984">
        <v>2011</v>
      </c>
      <c r="G11984" t="s">
        <v>126</v>
      </c>
      <c r="H11984" t="s">
        <v>119</v>
      </c>
      <c r="I11984" t="s">
        <v>15</v>
      </c>
      <c r="J11984" s="10">
        <v>16.813514720000001</v>
      </c>
    </row>
    <row r="11985" spans="1:10" x14ac:dyDescent="0.35">
      <c r="A11985" t="s">
        <v>28</v>
      </c>
      <c r="B11985" t="s">
        <v>74</v>
      </c>
      <c r="C11985" t="s">
        <v>117</v>
      </c>
      <c r="D11985" t="s">
        <v>118</v>
      </c>
      <c r="E11985">
        <v>2011</v>
      </c>
      <c r="F11985">
        <v>2011</v>
      </c>
      <c r="G11985" t="s">
        <v>126</v>
      </c>
      <c r="H11985" t="s">
        <v>120</v>
      </c>
      <c r="I11985" t="s">
        <v>15</v>
      </c>
      <c r="J11985" s="10">
        <v>10.6364982</v>
      </c>
    </row>
    <row r="11986" spans="1:10" x14ac:dyDescent="0.35">
      <c r="A11986" t="s">
        <v>28</v>
      </c>
      <c r="B11986" t="s">
        <v>74</v>
      </c>
      <c r="C11986" t="s">
        <v>117</v>
      </c>
      <c r="D11986" t="s">
        <v>118</v>
      </c>
      <c r="E11986">
        <v>2011</v>
      </c>
      <c r="F11986">
        <v>2011</v>
      </c>
      <c r="G11986" t="s">
        <v>126</v>
      </c>
      <c r="H11986" t="s">
        <v>121</v>
      </c>
      <c r="I11986" t="s">
        <v>15</v>
      </c>
      <c r="J11986" s="10">
        <v>33.883132449999998</v>
      </c>
    </row>
    <row r="11987" spans="1:10" x14ac:dyDescent="0.35">
      <c r="A11987" t="s">
        <v>28</v>
      </c>
      <c r="B11987" t="s">
        <v>74</v>
      </c>
      <c r="C11987" t="s">
        <v>117</v>
      </c>
      <c r="D11987" t="s">
        <v>118</v>
      </c>
      <c r="E11987">
        <v>2011</v>
      </c>
      <c r="F11987">
        <v>2011</v>
      </c>
      <c r="G11987" t="s">
        <v>126</v>
      </c>
      <c r="H11987" t="s">
        <v>122</v>
      </c>
      <c r="I11987" t="s">
        <v>15</v>
      </c>
      <c r="J11987" s="10">
        <v>20.126406800000002</v>
      </c>
    </row>
    <row r="11988" spans="1:10" x14ac:dyDescent="0.35">
      <c r="A11988" t="s">
        <v>28</v>
      </c>
      <c r="B11988" t="s">
        <v>74</v>
      </c>
      <c r="C11988" t="s">
        <v>117</v>
      </c>
      <c r="D11988" t="s">
        <v>118</v>
      </c>
      <c r="E11988">
        <v>2011</v>
      </c>
      <c r="F11988">
        <v>2011</v>
      </c>
      <c r="G11988" t="s">
        <v>126</v>
      </c>
      <c r="H11988" t="s">
        <v>123</v>
      </c>
      <c r="I11988" t="s">
        <v>15</v>
      </c>
      <c r="J11988" s="10">
        <v>15.8948333</v>
      </c>
    </row>
    <row r="11989" spans="1:10" x14ac:dyDescent="0.35">
      <c r="A11989" t="s">
        <v>28</v>
      </c>
      <c r="B11989" t="s">
        <v>74</v>
      </c>
      <c r="C11989" t="s">
        <v>117</v>
      </c>
      <c r="D11989" t="s">
        <v>118</v>
      </c>
      <c r="E11989">
        <v>2011</v>
      </c>
      <c r="F11989">
        <v>2011</v>
      </c>
      <c r="G11989" t="s">
        <v>126</v>
      </c>
      <c r="H11989" t="s">
        <v>124</v>
      </c>
      <c r="I11989" t="s">
        <v>15</v>
      </c>
      <c r="J11989" s="10">
        <v>2.64561453</v>
      </c>
    </row>
    <row r="11990" spans="1:10" x14ac:dyDescent="0.35">
      <c r="A11990" t="s">
        <v>33</v>
      </c>
      <c r="B11990" t="s">
        <v>75</v>
      </c>
      <c r="C11990" t="s">
        <v>117</v>
      </c>
      <c r="D11990" t="s">
        <v>118</v>
      </c>
      <c r="E11990">
        <v>2020</v>
      </c>
      <c r="F11990">
        <v>2020</v>
      </c>
      <c r="G11990" t="s">
        <v>14</v>
      </c>
      <c r="H11990" t="s">
        <v>119</v>
      </c>
      <c r="I11990" t="s">
        <v>15</v>
      </c>
      <c r="J11990" s="10">
        <v>18.25223209</v>
      </c>
    </row>
    <row r="11991" spans="1:10" x14ac:dyDescent="0.35">
      <c r="A11991" t="s">
        <v>33</v>
      </c>
      <c r="B11991" t="s">
        <v>75</v>
      </c>
      <c r="C11991" t="s">
        <v>117</v>
      </c>
      <c r="D11991" t="s">
        <v>118</v>
      </c>
      <c r="E11991">
        <v>2020</v>
      </c>
      <c r="F11991">
        <v>2020</v>
      </c>
      <c r="G11991" t="s">
        <v>14</v>
      </c>
      <c r="H11991" t="s">
        <v>120</v>
      </c>
      <c r="I11991" t="s">
        <v>15</v>
      </c>
      <c r="J11991" s="10">
        <v>8.9486938160000005</v>
      </c>
    </row>
    <row r="11992" spans="1:10" x14ac:dyDescent="0.35">
      <c r="A11992" t="s">
        <v>33</v>
      </c>
      <c r="B11992" t="s">
        <v>75</v>
      </c>
      <c r="C11992" t="s">
        <v>117</v>
      </c>
      <c r="D11992" t="s">
        <v>118</v>
      </c>
      <c r="E11992">
        <v>2020</v>
      </c>
      <c r="F11992">
        <v>2020</v>
      </c>
      <c r="G11992" t="s">
        <v>14</v>
      </c>
      <c r="H11992" t="s">
        <v>121</v>
      </c>
      <c r="I11992" t="s">
        <v>15</v>
      </c>
      <c r="J11992" s="10">
        <v>30.295322160000001</v>
      </c>
    </row>
    <row r="11993" spans="1:10" x14ac:dyDescent="0.35">
      <c r="A11993" t="s">
        <v>33</v>
      </c>
      <c r="B11993" t="s">
        <v>75</v>
      </c>
      <c r="C11993" t="s">
        <v>117</v>
      </c>
      <c r="D11993" t="s">
        <v>118</v>
      </c>
      <c r="E11993">
        <v>2020</v>
      </c>
      <c r="F11993">
        <v>2020</v>
      </c>
      <c r="G11993" t="s">
        <v>14</v>
      </c>
      <c r="H11993" t="s">
        <v>122</v>
      </c>
      <c r="I11993" t="s">
        <v>15</v>
      </c>
      <c r="J11993" s="10">
        <v>21.305929339999999</v>
      </c>
    </row>
    <row r="11994" spans="1:10" x14ac:dyDescent="0.35">
      <c r="A11994" t="s">
        <v>33</v>
      </c>
      <c r="B11994" t="s">
        <v>75</v>
      </c>
      <c r="C11994" t="s">
        <v>117</v>
      </c>
      <c r="D11994" t="s">
        <v>118</v>
      </c>
      <c r="E11994">
        <v>2020</v>
      </c>
      <c r="F11994">
        <v>2020</v>
      </c>
      <c r="G11994" t="s">
        <v>14</v>
      </c>
      <c r="H11994" t="s">
        <v>123</v>
      </c>
      <c r="I11994" t="s">
        <v>15</v>
      </c>
      <c r="J11994" s="10">
        <v>18.532037750000001</v>
      </c>
    </row>
    <row r="11995" spans="1:10" x14ac:dyDescent="0.35">
      <c r="A11995" t="s">
        <v>33</v>
      </c>
      <c r="B11995" t="s">
        <v>75</v>
      </c>
      <c r="C11995" t="s">
        <v>117</v>
      </c>
      <c r="D11995" t="s">
        <v>118</v>
      </c>
      <c r="E11995">
        <v>2020</v>
      </c>
      <c r="F11995">
        <v>2020</v>
      </c>
      <c r="G11995" t="s">
        <v>14</v>
      </c>
      <c r="H11995" t="s">
        <v>124</v>
      </c>
      <c r="I11995" t="s">
        <v>15</v>
      </c>
      <c r="J11995" s="10">
        <v>2.6657848550000001</v>
      </c>
    </row>
    <row r="11996" spans="1:10" x14ac:dyDescent="0.35">
      <c r="A11996" t="s">
        <v>33</v>
      </c>
      <c r="B11996" t="s">
        <v>75</v>
      </c>
      <c r="C11996" t="s">
        <v>117</v>
      </c>
      <c r="D11996" t="s">
        <v>118</v>
      </c>
      <c r="E11996">
        <v>2020</v>
      </c>
      <c r="F11996">
        <v>2020</v>
      </c>
      <c r="G11996" t="s">
        <v>125</v>
      </c>
      <c r="H11996" t="s">
        <v>119</v>
      </c>
      <c r="I11996" t="s">
        <v>15</v>
      </c>
      <c r="J11996" s="10">
        <v>19.404006630000001</v>
      </c>
    </row>
    <row r="11997" spans="1:10" x14ac:dyDescent="0.35">
      <c r="A11997" t="s">
        <v>33</v>
      </c>
      <c r="B11997" t="s">
        <v>75</v>
      </c>
      <c r="C11997" t="s">
        <v>117</v>
      </c>
      <c r="D11997" t="s">
        <v>118</v>
      </c>
      <c r="E11997">
        <v>2020</v>
      </c>
      <c r="F11997">
        <v>2020</v>
      </c>
      <c r="G11997" t="s">
        <v>125</v>
      </c>
      <c r="H11997" t="s">
        <v>120</v>
      </c>
      <c r="I11997" t="s">
        <v>15</v>
      </c>
      <c r="J11997" s="10">
        <v>9.6190802120000001</v>
      </c>
    </row>
    <row r="11998" spans="1:10" x14ac:dyDescent="0.35">
      <c r="A11998" t="s">
        <v>33</v>
      </c>
      <c r="B11998" t="s">
        <v>75</v>
      </c>
      <c r="C11998" t="s">
        <v>117</v>
      </c>
      <c r="D11998" t="s">
        <v>118</v>
      </c>
      <c r="E11998">
        <v>2020</v>
      </c>
      <c r="F11998">
        <v>2020</v>
      </c>
      <c r="G11998" t="s">
        <v>125</v>
      </c>
      <c r="H11998" t="s">
        <v>121</v>
      </c>
      <c r="I11998" t="s">
        <v>15</v>
      </c>
      <c r="J11998" s="10">
        <v>30.1998052</v>
      </c>
    </row>
    <row r="11999" spans="1:10" x14ac:dyDescent="0.35">
      <c r="A11999" t="s">
        <v>33</v>
      </c>
      <c r="B11999" t="s">
        <v>75</v>
      </c>
      <c r="C11999" t="s">
        <v>117</v>
      </c>
      <c r="D11999" t="s">
        <v>118</v>
      </c>
      <c r="E11999">
        <v>2020</v>
      </c>
      <c r="F11999">
        <v>2020</v>
      </c>
      <c r="G11999" t="s">
        <v>125</v>
      </c>
      <c r="H11999" t="s">
        <v>122</v>
      </c>
      <c r="I11999" t="s">
        <v>15</v>
      </c>
      <c r="J11999" s="10">
        <v>21.10985337</v>
      </c>
    </row>
    <row r="12000" spans="1:10" x14ac:dyDescent="0.35">
      <c r="A12000" t="s">
        <v>33</v>
      </c>
      <c r="B12000" t="s">
        <v>75</v>
      </c>
      <c r="C12000" t="s">
        <v>117</v>
      </c>
      <c r="D12000" t="s">
        <v>118</v>
      </c>
      <c r="E12000">
        <v>2020</v>
      </c>
      <c r="F12000">
        <v>2020</v>
      </c>
      <c r="G12000" t="s">
        <v>125</v>
      </c>
      <c r="H12000" t="s">
        <v>123</v>
      </c>
      <c r="I12000" t="s">
        <v>15</v>
      </c>
      <c r="J12000" s="10">
        <v>17.6586727</v>
      </c>
    </row>
    <row r="12001" spans="1:10" x14ac:dyDescent="0.35">
      <c r="A12001" t="s">
        <v>33</v>
      </c>
      <c r="B12001" t="s">
        <v>75</v>
      </c>
      <c r="C12001" t="s">
        <v>117</v>
      </c>
      <c r="D12001" t="s">
        <v>118</v>
      </c>
      <c r="E12001">
        <v>2020</v>
      </c>
      <c r="F12001">
        <v>2020</v>
      </c>
      <c r="G12001" t="s">
        <v>125</v>
      </c>
      <c r="H12001" t="s">
        <v>124</v>
      </c>
      <c r="I12001" t="s">
        <v>15</v>
      </c>
      <c r="J12001" s="10">
        <v>2.0085818830000002</v>
      </c>
    </row>
    <row r="12002" spans="1:10" x14ac:dyDescent="0.35">
      <c r="A12002" t="s">
        <v>33</v>
      </c>
      <c r="B12002" t="s">
        <v>75</v>
      </c>
      <c r="C12002" t="s">
        <v>117</v>
      </c>
      <c r="D12002" t="s">
        <v>118</v>
      </c>
      <c r="E12002">
        <v>2020</v>
      </c>
      <c r="F12002">
        <v>2020</v>
      </c>
      <c r="G12002" t="s">
        <v>126</v>
      </c>
      <c r="H12002" t="s">
        <v>119</v>
      </c>
      <c r="I12002" t="s">
        <v>15</v>
      </c>
      <c r="J12002" s="10">
        <v>17.175619480000002</v>
      </c>
    </row>
    <row r="12003" spans="1:10" x14ac:dyDescent="0.35">
      <c r="A12003" t="s">
        <v>33</v>
      </c>
      <c r="B12003" t="s">
        <v>75</v>
      </c>
      <c r="C12003" t="s">
        <v>117</v>
      </c>
      <c r="D12003" t="s">
        <v>118</v>
      </c>
      <c r="E12003">
        <v>2020</v>
      </c>
      <c r="F12003">
        <v>2020</v>
      </c>
      <c r="G12003" t="s">
        <v>126</v>
      </c>
      <c r="H12003" t="s">
        <v>120</v>
      </c>
      <c r="I12003" t="s">
        <v>15</v>
      </c>
      <c r="J12003" s="10">
        <v>8.3220551690000004</v>
      </c>
    </row>
    <row r="12004" spans="1:10" x14ac:dyDescent="0.35">
      <c r="A12004" t="s">
        <v>33</v>
      </c>
      <c r="B12004" t="s">
        <v>75</v>
      </c>
      <c r="C12004" t="s">
        <v>117</v>
      </c>
      <c r="D12004" t="s">
        <v>118</v>
      </c>
      <c r="E12004">
        <v>2020</v>
      </c>
      <c r="F12004">
        <v>2020</v>
      </c>
      <c r="G12004" t="s">
        <v>126</v>
      </c>
      <c r="H12004" t="s">
        <v>121</v>
      </c>
      <c r="I12004" t="s">
        <v>15</v>
      </c>
      <c r="J12004" s="10">
        <v>30.384605919999998</v>
      </c>
    </row>
    <row r="12005" spans="1:10" x14ac:dyDescent="0.35">
      <c r="A12005" t="s">
        <v>33</v>
      </c>
      <c r="B12005" t="s">
        <v>75</v>
      </c>
      <c r="C12005" t="s">
        <v>117</v>
      </c>
      <c r="D12005" t="s">
        <v>118</v>
      </c>
      <c r="E12005">
        <v>2020</v>
      </c>
      <c r="F12005">
        <v>2020</v>
      </c>
      <c r="G12005" t="s">
        <v>126</v>
      </c>
      <c r="H12005" t="s">
        <v>122</v>
      </c>
      <c r="I12005" t="s">
        <v>15</v>
      </c>
      <c r="J12005" s="10">
        <v>21.48920987</v>
      </c>
    </row>
    <row r="12006" spans="1:10" x14ac:dyDescent="0.35">
      <c r="A12006" t="s">
        <v>33</v>
      </c>
      <c r="B12006" t="s">
        <v>75</v>
      </c>
      <c r="C12006" t="s">
        <v>117</v>
      </c>
      <c r="D12006" t="s">
        <v>118</v>
      </c>
      <c r="E12006">
        <v>2020</v>
      </c>
      <c r="F12006">
        <v>2020</v>
      </c>
      <c r="G12006" t="s">
        <v>126</v>
      </c>
      <c r="H12006" t="s">
        <v>123</v>
      </c>
      <c r="I12006" t="s">
        <v>15</v>
      </c>
      <c r="J12006" s="10">
        <v>19.348409159999999</v>
      </c>
    </row>
    <row r="12007" spans="1:10" x14ac:dyDescent="0.35">
      <c r="A12007" t="s">
        <v>33</v>
      </c>
      <c r="B12007" t="s">
        <v>75</v>
      </c>
      <c r="C12007" t="s">
        <v>117</v>
      </c>
      <c r="D12007" t="s">
        <v>118</v>
      </c>
      <c r="E12007">
        <v>2020</v>
      </c>
      <c r="F12007">
        <v>2020</v>
      </c>
      <c r="G12007" t="s">
        <v>126</v>
      </c>
      <c r="H12007" t="s">
        <v>124</v>
      </c>
      <c r="I12007" t="s">
        <v>15</v>
      </c>
      <c r="J12007" s="10">
        <v>3.2801003959999999</v>
      </c>
    </row>
    <row r="12008" spans="1:10" x14ac:dyDescent="0.35">
      <c r="A12008" t="s">
        <v>33</v>
      </c>
      <c r="B12008" t="s">
        <v>75</v>
      </c>
      <c r="C12008" t="s">
        <v>117</v>
      </c>
      <c r="D12008" t="s">
        <v>118</v>
      </c>
      <c r="E12008">
        <v>2019</v>
      </c>
      <c r="F12008">
        <v>2019</v>
      </c>
      <c r="G12008" t="s">
        <v>14</v>
      </c>
      <c r="H12008" t="s">
        <v>119</v>
      </c>
      <c r="I12008" t="s">
        <v>15</v>
      </c>
      <c r="J12008" s="10">
        <v>18.332526309999999</v>
      </c>
    </row>
    <row r="12009" spans="1:10" x14ac:dyDescent="0.35">
      <c r="A12009" t="s">
        <v>33</v>
      </c>
      <c r="B12009" t="s">
        <v>75</v>
      </c>
      <c r="C12009" t="s">
        <v>117</v>
      </c>
      <c r="D12009" t="s">
        <v>118</v>
      </c>
      <c r="E12009">
        <v>2019</v>
      </c>
      <c r="F12009">
        <v>2019</v>
      </c>
      <c r="G12009" t="s">
        <v>14</v>
      </c>
      <c r="H12009" t="s">
        <v>120</v>
      </c>
      <c r="I12009" t="s">
        <v>15</v>
      </c>
      <c r="J12009" s="10">
        <v>9.047121486</v>
      </c>
    </row>
    <row r="12010" spans="1:10" x14ac:dyDescent="0.35">
      <c r="A12010" t="s">
        <v>33</v>
      </c>
      <c r="B12010" t="s">
        <v>75</v>
      </c>
      <c r="C12010" t="s">
        <v>117</v>
      </c>
      <c r="D12010" t="s">
        <v>118</v>
      </c>
      <c r="E12010">
        <v>2019</v>
      </c>
      <c r="F12010">
        <v>2019</v>
      </c>
      <c r="G12010" t="s">
        <v>14</v>
      </c>
      <c r="H12010" t="s">
        <v>121</v>
      </c>
      <c r="I12010" t="s">
        <v>15</v>
      </c>
      <c r="J12010" s="10">
        <v>30.460766069999998</v>
      </c>
    </row>
    <row r="12011" spans="1:10" x14ac:dyDescent="0.35">
      <c r="A12011" t="s">
        <v>33</v>
      </c>
      <c r="B12011" t="s">
        <v>75</v>
      </c>
      <c r="C12011" t="s">
        <v>117</v>
      </c>
      <c r="D12011" t="s">
        <v>118</v>
      </c>
      <c r="E12011">
        <v>2019</v>
      </c>
      <c r="F12011">
        <v>2019</v>
      </c>
      <c r="G12011" t="s">
        <v>14</v>
      </c>
      <c r="H12011" t="s">
        <v>122</v>
      </c>
      <c r="I12011" t="s">
        <v>15</v>
      </c>
      <c r="J12011" s="10">
        <v>21.170264280000001</v>
      </c>
    </row>
    <row r="12012" spans="1:10" x14ac:dyDescent="0.35">
      <c r="A12012" t="s">
        <v>33</v>
      </c>
      <c r="B12012" t="s">
        <v>75</v>
      </c>
      <c r="C12012" t="s">
        <v>117</v>
      </c>
      <c r="D12012" t="s">
        <v>118</v>
      </c>
      <c r="E12012">
        <v>2019</v>
      </c>
      <c r="F12012">
        <v>2019</v>
      </c>
      <c r="G12012" t="s">
        <v>14</v>
      </c>
      <c r="H12012" t="s">
        <v>123</v>
      </c>
      <c r="I12012" t="s">
        <v>15</v>
      </c>
      <c r="J12012" s="10">
        <v>18.346542979999999</v>
      </c>
    </row>
    <row r="12013" spans="1:10" x14ac:dyDescent="0.35">
      <c r="A12013" t="s">
        <v>33</v>
      </c>
      <c r="B12013" t="s">
        <v>75</v>
      </c>
      <c r="C12013" t="s">
        <v>117</v>
      </c>
      <c r="D12013" t="s">
        <v>118</v>
      </c>
      <c r="E12013">
        <v>2019</v>
      </c>
      <c r="F12013">
        <v>2019</v>
      </c>
      <c r="G12013" t="s">
        <v>14</v>
      </c>
      <c r="H12013" t="s">
        <v>124</v>
      </c>
      <c r="I12013" t="s">
        <v>15</v>
      </c>
      <c r="J12013" s="10">
        <v>2.6427788680000002</v>
      </c>
    </row>
    <row r="12014" spans="1:10" x14ac:dyDescent="0.35">
      <c r="A12014" t="s">
        <v>33</v>
      </c>
      <c r="B12014" t="s">
        <v>75</v>
      </c>
      <c r="C12014" t="s">
        <v>117</v>
      </c>
      <c r="D12014" t="s">
        <v>118</v>
      </c>
      <c r="E12014">
        <v>2019</v>
      </c>
      <c r="F12014">
        <v>2019</v>
      </c>
      <c r="G12014" t="s">
        <v>125</v>
      </c>
      <c r="H12014" t="s">
        <v>119</v>
      </c>
      <c r="I12014" t="s">
        <v>15</v>
      </c>
      <c r="J12014" s="10">
        <v>19.45786154</v>
      </c>
    </row>
    <row r="12015" spans="1:10" x14ac:dyDescent="0.35">
      <c r="A12015" t="s">
        <v>33</v>
      </c>
      <c r="B12015" t="s">
        <v>75</v>
      </c>
      <c r="C12015" t="s">
        <v>117</v>
      </c>
      <c r="D12015" t="s">
        <v>118</v>
      </c>
      <c r="E12015">
        <v>2019</v>
      </c>
      <c r="F12015">
        <v>2019</v>
      </c>
      <c r="G12015" t="s">
        <v>125</v>
      </c>
      <c r="H12015" t="s">
        <v>120</v>
      </c>
      <c r="I12015" t="s">
        <v>15</v>
      </c>
      <c r="J12015" s="10">
        <v>9.6576662179999992</v>
      </c>
    </row>
    <row r="12016" spans="1:10" x14ac:dyDescent="0.35">
      <c r="A12016" t="s">
        <v>33</v>
      </c>
      <c r="B12016" t="s">
        <v>75</v>
      </c>
      <c r="C12016" t="s">
        <v>117</v>
      </c>
      <c r="D12016" t="s">
        <v>118</v>
      </c>
      <c r="E12016">
        <v>2019</v>
      </c>
      <c r="F12016">
        <v>2019</v>
      </c>
      <c r="G12016" t="s">
        <v>125</v>
      </c>
      <c r="H12016" t="s">
        <v>121</v>
      </c>
      <c r="I12016" t="s">
        <v>15</v>
      </c>
      <c r="J12016" s="10">
        <v>30.3455011</v>
      </c>
    </row>
    <row r="12017" spans="1:10" x14ac:dyDescent="0.35">
      <c r="A12017" t="s">
        <v>33</v>
      </c>
      <c r="B12017" t="s">
        <v>75</v>
      </c>
      <c r="C12017" t="s">
        <v>117</v>
      </c>
      <c r="D12017" t="s">
        <v>118</v>
      </c>
      <c r="E12017">
        <v>2019</v>
      </c>
      <c r="F12017">
        <v>2019</v>
      </c>
      <c r="G12017" t="s">
        <v>125</v>
      </c>
      <c r="H12017" t="s">
        <v>122</v>
      </c>
      <c r="I12017" t="s">
        <v>15</v>
      </c>
      <c r="J12017" s="10">
        <v>21.110143319999999</v>
      </c>
    </row>
    <row r="12018" spans="1:10" x14ac:dyDescent="0.35">
      <c r="A12018" t="s">
        <v>33</v>
      </c>
      <c r="B12018" t="s">
        <v>75</v>
      </c>
      <c r="C12018" t="s">
        <v>117</v>
      </c>
      <c r="D12018" t="s">
        <v>118</v>
      </c>
      <c r="E12018">
        <v>2019</v>
      </c>
      <c r="F12018">
        <v>2019</v>
      </c>
      <c r="G12018" t="s">
        <v>125</v>
      </c>
      <c r="H12018" t="s">
        <v>123</v>
      </c>
      <c r="I12018" t="s">
        <v>15</v>
      </c>
      <c r="J12018" s="10">
        <v>17.43605986</v>
      </c>
    </row>
    <row r="12019" spans="1:10" x14ac:dyDescent="0.35">
      <c r="A12019" t="s">
        <v>33</v>
      </c>
      <c r="B12019" t="s">
        <v>75</v>
      </c>
      <c r="C12019" t="s">
        <v>117</v>
      </c>
      <c r="D12019" t="s">
        <v>118</v>
      </c>
      <c r="E12019">
        <v>2019</v>
      </c>
      <c r="F12019">
        <v>2019</v>
      </c>
      <c r="G12019" t="s">
        <v>125</v>
      </c>
      <c r="H12019" t="s">
        <v>124</v>
      </c>
      <c r="I12019" t="s">
        <v>15</v>
      </c>
      <c r="J12019" s="10">
        <v>1.9927679679999999</v>
      </c>
    </row>
    <row r="12020" spans="1:10" x14ac:dyDescent="0.35">
      <c r="A12020" t="s">
        <v>33</v>
      </c>
      <c r="B12020" t="s">
        <v>75</v>
      </c>
      <c r="C12020" t="s">
        <v>117</v>
      </c>
      <c r="D12020" t="s">
        <v>118</v>
      </c>
      <c r="E12020">
        <v>2019</v>
      </c>
      <c r="F12020">
        <v>2019</v>
      </c>
      <c r="G12020" t="s">
        <v>126</v>
      </c>
      <c r="H12020" t="s">
        <v>119</v>
      </c>
      <c r="I12020" t="s">
        <v>15</v>
      </c>
      <c r="J12020" s="10">
        <v>17.282156140000001</v>
      </c>
    </row>
    <row r="12021" spans="1:10" x14ac:dyDescent="0.35">
      <c r="A12021" t="s">
        <v>33</v>
      </c>
      <c r="B12021" t="s">
        <v>75</v>
      </c>
      <c r="C12021" t="s">
        <v>117</v>
      </c>
      <c r="D12021" t="s">
        <v>118</v>
      </c>
      <c r="E12021">
        <v>2019</v>
      </c>
      <c r="F12021">
        <v>2019</v>
      </c>
      <c r="G12021" t="s">
        <v>126</v>
      </c>
      <c r="H12021" t="s">
        <v>120</v>
      </c>
      <c r="I12021" t="s">
        <v>15</v>
      </c>
      <c r="J12021" s="10">
        <v>8.477248651</v>
      </c>
    </row>
    <row r="12022" spans="1:10" x14ac:dyDescent="0.35">
      <c r="A12022" t="s">
        <v>33</v>
      </c>
      <c r="B12022" t="s">
        <v>75</v>
      </c>
      <c r="C12022" t="s">
        <v>117</v>
      </c>
      <c r="D12022" t="s">
        <v>118</v>
      </c>
      <c r="E12022">
        <v>2019</v>
      </c>
      <c r="F12022">
        <v>2019</v>
      </c>
      <c r="G12022" t="s">
        <v>126</v>
      </c>
      <c r="H12022" t="s">
        <v>121</v>
      </c>
      <c r="I12022" t="s">
        <v>15</v>
      </c>
      <c r="J12022" s="10">
        <v>30.56835259</v>
      </c>
    </row>
    <row r="12023" spans="1:10" x14ac:dyDescent="0.35">
      <c r="A12023" t="s">
        <v>33</v>
      </c>
      <c r="B12023" t="s">
        <v>75</v>
      </c>
      <c r="C12023" t="s">
        <v>117</v>
      </c>
      <c r="D12023" t="s">
        <v>118</v>
      </c>
      <c r="E12023">
        <v>2019</v>
      </c>
      <c r="F12023">
        <v>2019</v>
      </c>
      <c r="G12023" t="s">
        <v>126</v>
      </c>
      <c r="H12023" t="s">
        <v>122</v>
      </c>
      <c r="I12023" t="s">
        <v>15</v>
      </c>
      <c r="J12023" s="10">
        <v>21.22638023</v>
      </c>
    </row>
    <row r="12024" spans="1:10" x14ac:dyDescent="0.35">
      <c r="A12024" t="s">
        <v>33</v>
      </c>
      <c r="B12024" t="s">
        <v>75</v>
      </c>
      <c r="C12024" t="s">
        <v>117</v>
      </c>
      <c r="D12024" t="s">
        <v>118</v>
      </c>
      <c r="E12024">
        <v>2019</v>
      </c>
      <c r="F12024">
        <v>2019</v>
      </c>
      <c r="G12024" t="s">
        <v>126</v>
      </c>
      <c r="H12024" t="s">
        <v>123</v>
      </c>
      <c r="I12024" t="s">
        <v>15</v>
      </c>
      <c r="J12024" s="10">
        <v>19.196373579999999</v>
      </c>
    </row>
    <row r="12025" spans="1:10" x14ac:dyDescent="0.35">
      <c r="A12025" t="s">
        <v>33</v>
      </c>
      <c r="B12025" t="s">
        <v>75</v>
      </c>
      <c r="C12025" t="s">
        <v>117</v>
      </c>
      <c r="D12025" t="s">
        <v>118</v>
      </c>
      <c r="E12025">
        <v>2019</v>
      </c>
      <c r="F12025">
        <v>2019</v>
      </c>
      <c r="G12025" t="s">
        <v>126</v>
      </c>
      <c r="H12025" t="s">
        <v>124</v>
      </c>
      <c r="I12025" t="s">
        <v>15</v>
      </c>
      <c r="J12025" s="10">
        <v>3.2494888030000002</v>
      </c>
    </row>
    <row r="12026" spans="1:10" x14ac:dyDescent="0.35">
      <c r="A12026" t="s">
        <v>33</v>
      </c>
      <c r="B12026" t="s">
        <v>75</v>
      </c>
      <c r="C12026" t="s">
        <v>117</v>
      </c>
      <c r="D12026" t="s">
        <v>118</v>
      </c>
      <c r="E12026">
        <v>2018</v>
      </c>
      <c r="F12026">
        <v>2018</v>
      </c>
      <c r="G12026" t="s">
        <v>14</v>
      </c>
      <c r="H12026" t="s">
        <v>119</v>
      </c>
      <c r="I12026" t="s">
        <v>15</v>
      </c>
      <c r="J12026" s="10">
        <v>18.302255240000001</v>
      </c>
    </row>
    <row r="12027" spans="1:10" x14ac:dyDescent="0.35">
      <c r="A12027" t="s">
        <v>33</v>
      </c>
      <c r="B12027" t="s">
        <v>75</v>
      </c>
      <c r="C12027" t="s">
        <v>117</v>
      </c>
      <c r="D12027" t="s">
        <v>118</v>
      </c>
      <c r="E12027">
        <v>2018</v>
      </c>
      <c r="F12027">
        <v>2018</v>
      </c>
      <c r="G12027" t="s">
        <v>14</v>
      </c>
      <c r="H12027" t="s">
        <v>120</v>
      </c>
      <c r="I12027" t="s">
        <v>15</v>
      </c>
      <c r="J12027" s="10">
        <v>9.2506796340000008</v>
      </c>
    </row>
    <row r="12028" spans="1:10" x14ac:dyDescent="0.35">
      <c r="A12028" t="s">
        <v>33</v>
      </c>
      <c r="B12028" t="s">
        <v>75</v>
      </c>
      <c r="C12028" t="s">
        <v>117</v>
      </c>
      <c r="D12028" t="s">
        <v>118</v>
      </c>
      <c r="E12028">
        <v>2018</v>
      </c>
      <c r="F12028">
        <v>2018</v>
      </c>
      <c r="G12028" t="s">
        <v>14</v>
      </c>
      <c r="H12028" t="s">
        <v>121</v>
      </c>
      <c r="I12028" t="s">
        <v>15</v>
      </c>
      <c r="J12028" s="10">
        <v>30.75902031</v>
      </c>
    </row>
    <row r="12029" spans="1:10" x14ac:dyDescent="0.35">
      <c r="A12029" t="s">
        <v>33</v>
      </c>
      <c r="B12029" t="s">
        <v>75</v>
      </c>
      <c r="C12029" t="s">
        <v>117</v>
      </c>
      <c r="D12029" t="s">
        <v>118</v>
      </c>
      <c r="E12029">
        <v>2018</v>
      </c>
      <c r="F12029">
        <v>2018</v>
      </c>
      <c r="G12029" t="s">
        <v>14</v>
      </c>
      <c r="H12029" t="s">
        <v>122</v>
      </c>
      <c r="I12029" t="s">
        <v>15</v>
      </c>
      <c r="J12029" s="10">
        <v>20.967186120000001</v>
      </c>
    </row>
    <row r="12030" spans="1:10" x14ac:dyDescent="0.35">
      <c r="A12030" t="s">
        <v>33</v>
      </c>
      <c r="B12030" t="s">
        <v>75</v>
      </c>
      <c r="C12030" t="s">
        <v>117</v>
      </c>
      <c r="D12030" t="s">
        <v>118</v>
      </c>
      <c r="E12030">
        <v>2018</v>
      </c>
      <c r="F12030">
        <v>2018</v>
      </c>
      <c r="G12030" t="s">
        <v>14</v>
      </c>
      <c r="H12030" t="s">
        <v>123</v>
      </c>
      <c r="I12030" t="s">
        <v>15</v>
      </c>
      <c r="J12030" s="10">
        <v>18.11719059</v>
      </c>
    </row>
    <row r="12031" spans="1:10" x14ac:dyDescent="0.35">
      <c r="A12031" t="s">
        <v>33</v>
      </c>
      <c r="B12031" t="s">
        <v>75</v>
      </c>
      <c r="C12031" t="s">
        <v>117</v>
      </c>
      <c r="D12031" t="s">
        <v>118</v>
      </c>
      <c r="E12031">
        <v>2018</v>
      </c>
      <c r="F12031">
        <v>2018</v>
      </c>
      <c r="G12031" t="s">
        <v>14</v>
      </c>
      <c r="H12031" t="s">
        <v>124</v>
      </c>
      <c r="I12031" t="s">
        <v>15</v>
      </c>
      <c r="J12031" s="10">
        <v>2.603668109</v>
      </c>
    </row>
    <row r="12032" spans="1:10" x14ac:dyDescent="0.35">
      <c r="A12032" t="s">
        <v>33</v>
      </c>
      <c r="B12032" t="s">
        <v>75</v>
      </c>
      <c r="C12032" t="s">
        <v>117</v>
      </c>
      <c r="D12032" t="s">
        <v>118</v>
      </c>
      <c r="E12032">
        <v>2018</v>
      </c>
      <c r="F12032">
        <v>2018</v>
      </c>
      <c r="G12032" t="s">
        <v>125</v>
      </c>
      <c r="H12032" t="s">
        <v>119</v>
      </c>
      <c r="I12032" t="s">
        <v>15</v>
      </c>
      <c r="J12032" s="10">
        <v>19.422461030000001</v>
      </c>
    </row>
    <row r="12033" spans="1:10" x14ac:dyDescent="0.35">
      <c r="A12033" t="s">
        <v>33</v>
      </c>
      <c r="B12033" t="s">
        <v>75</v>
      </c>
      <c r="C12033" t="s">
        <v>117</v>
      </c>
      <c r="D12033" t="s">
        <v>118</v>
      </c>
      <c r="E12033">
        <v>2018</v>
      </c>
      <c r="F12033">
        <v>2018</v>
      </c>
      <c r="G12033" t="s">
        <v>125</v>
      </c>
      <c r="H12033" t="s">
        <v>120</v>
      </c>
      <c r="I12033" t="s">
        <v>15</v>
      </c>
      <c r="J12033" s="10">
        <v>9.7456393430000006</v>
      </c>
    </row>
    <row r="12034" spans="1:10" x14ac:dyDescent="0.35">
      <c r="A12034" t="s">
        <v>33</v>
      </c>
      <c r="B12034" t="s">
        <v>75</v>
      </c>
      <c r="C12034" t="s">
        <v>117</v>
      </c>
      <c r="D12034" t="s">
        <v>118</v>
      </c>
      <c r="E12034">
        <v>2018</v>
      </c>
      <c r="F12034">
        <v>2018</v>
      </c>
      <c r="G12034" t="s">
        <v>125</v>
      </c>
      <c r="H12034" t="s">
        <v>121</v>
      </c>
      <c r="I12034" t="s">
        <v>15</v>
      </c>
      <c r="J12034" s="10">
        <v>30.690029379999999</v>
      </c>
    </row>
    <row r="12035" spans="1:10" x14ac:dyDescent="0.35">
      <c r="A12035" t="s">
        <v>33</v>
      </c>
      <c r="B12035" t="s">
        <v>75</v>
      </c>
      <c r="C12035" t="s">
        <v>117</v>
      </c>
      <c r="D12035" t="s">
        <v>118</v>
      </c>
      <c r="E12035">
        <v>2018</v>
      </c>
      <c r="F12035">
        <v>2018</v>
      </c>
      <c r="G12035" t="s">
        <v>125</v>
      </c>
      <c r="H12035" t="s">
        <v>122</v>
      </c>
      <c r="I12035" t="s">
        <v>15</v>
      </c>
      <c r="J12035" s="10">
        <v>21.018501359999998</v>
      </c>
    </row>
    <row r="12036" spans="1:10" x14ac:dyDescent="0.35">
      <c r="A12036" t="s">
        <v>33</v>
      </c>
      <c r="B12036" t="s">
        <v>75</v>
      </c>
      <c r="C12036" t="s">
        <v>117</v>
      </c>
      <c r="D12036" t="s">
        <v>118</v>
      </c>
      <c r="E12036">
        <v>2018</v>
      </c>
      <c r="F12036">
        <v>2018</v>
      </c>
      <c r="G12036" t="s">
        <v>125</v>
      </c>
      <c r="H12036" t="s">
        <v>123</v>
      </c>
      <c r="I12036" t="s">
        <v>15</v>
      </c>
      <c r="J12036" s="10">
        <v>17.188533920000001</v>
      </c>
    </row>
    <row r="12037" spans="1:10" x14ac:dyDescent="0.35">
      <c r="A12037" t="s">
        <v>33</v>
      </c>
      <c r="B12037" t="s">
        <v>75</v>
      </c>
      <c r="C12037" t="s">
        <v>117</v>
      </c>
      <c r="D12037" t="s">
        <v>118</v>
      </c>
      <c r="E12037">
        <v>2018</v>
      </c>
      <c r="F12037">
        <v>2018</v>
      </c>
      <c r="G12037" t="s">
        <v>125</v>
      </c>
      <c r="H12037" t="s">
        <v>124</v>
      </c>
      <c r="I12037" t="s">
        <v>15</v>
      </c>
      <c r="J12037" s="10">
        <v>1.93483497</v>
      </c>
    </row>
    <row r="12038" spans="1:10" x14ac:dyDescent="0.35">
      <c r="A12038" t="s">
        <v>33</v>
      </c>
      <c r="B12038" t="s">
        <v>75</v>
      </c>
      <c r="C12038" t="s">
        <v>117</v>
      </c>
      <c r="D12038" t="s">
        <v>118</v>
      </c>
      <c r="E12038">
        <v>2018</v>
      </c>
      <c r="F12038">
        <v>2018</v>
      </c>
      <c r="G12038" t="s">
        <v>126</v>
      </c>
      <c r="H12038" t="s">
        <v>119</v>
      </c>
      <c r="I12038" t="s">
        <v>15</v>
      </c>
      <c r="J12038" s="10">
        <v>17.259058419999999</v>
      </c>
    </row>
    <row r="12039" spans="1:10" x14ac:dyDescent="0.35">
      <c r="A12039" t="s">
        <v>33</v>
      </c>
      <c r="B12039" t="s">
        <v>75</v>
      </c>
      <c r="C12039" t="s">
        <v>117</v>
      </c>
      <c r="D12039" t="s">
        <v>118</v>
      </c>
      <c r="E12039">
        <v>2018</v>
      </c>
      <c r="F12039">
        <v>2018</v>
      </c>
      <c r="G12039" t="s">
        <v>126</v>
      </c>
      <c r="H12039" t="s">
        <v>120</v>
      </c>
      <c r="I12039" t="s">
        <v>15</v>
      </c>
      <c r="J12039" s="10">
        <v>8.7897461180000001</v>
      </c>
    </row>
    <row r="12040" spans="1:10" x14ac:dyDescent="0.35">
      <c r="A12040" t="s">
        <v>33</v>
      </c>
      <c r="B12040" t="s">
        <v>75</v>
      </c>
      <c r="C12040" t="s">
        <v>117</v>
      </c>
      <c r="D12040" t="s">
        <v>118</v>
      </c>
      <c r="E12040">
        <v>2018</v>
      </c>
      <c r="F12040">
        <v>2018</v>
      </c>
      <c r="G12040" t="s">
        <v>126</v>
      </c>
      <c r="H12040" t="s">
        <v>121</v>
      </c>
      <c r="I12040" t="s">
        <v>15</v>
      </c>
      <c r="J12040" s="10">
        <v>30.823268420000002</v>
      </c>
    </row>
    <row r="12041" spans="1:10" x14ac:dyDescent="0.35">
      <c r="A12041" t="s">
        <v>33</v>
      </c>
      <c r="B12041" t="s">
        <v>75</v>
      </c>
      <c r="C12041" t="s">
        <v>117</v>
      </c>
      <c r="D12041" t="s">
        <v>118</v>
      </c>
      <c r="E12041">
        <v>2018</v>
      </c>
      <c r="F12041">
        <v>2018</v>
      </c>
      <c r="G12041" t="s">
        <v>126</v>
      </c>
      <c r="H12041" t="s">
        <v>122</v>
      </c>
      <c r="I12041" t="s">
        <v>15</v>
      </c>
      <c r="J12041" s="10">
        <v>20.919398569999998</v>
      </c>
    </row>
    <row r="12042" spans="1:10" x14ac:dyDescent="0.35">
      <c r="A12042" t="s">
        <v>33</v>
      </c>
      <c r="B12042" t="s">
        <v>75</v>
      </c>
      <c r="C12042" t="s">
        <v>117</v>
      </c>
      <c r="D12042" t="s">
        <v>118</v>
      </c>
      <c r="E12042">
        <v>2018</v>
      </c>
      <c r="F12042">
        <v>2018</v>
      </c>
      <c r="G12042" t="s">
        <v>126</v>
      </c>
      <c r="H12042" t="s">
        <v>123</v>
      </c>
      <c r="I12042" t="s">
        <v>15</v>
      </c>
      <c r="J12042" s="10">
        <v>18.98200641</v>
      </c>
    </row>
    <row r="12043" spans="1:10" x14ac:dyDescent="0.35">
      <c r="A12043" t="s">
        <v>33</v>
      </c>
      <c r="B12043" t="s">
        <v>75</v>
      </c>
      <c r="C12043" t="s">
        <v>117</v>
      </c>
      <c r="D12043" t="s">
        <v>118</v>
      </c>
      <c r="E12043">
        <v>2018</v>
      </c>
      <c r="F12043">
        <v>2018</v>
      </c>
      <c r="G12043" t="s">
        <v>126</v>
      </c>
      <c r="H12043" t="s">
        <v>124</v>
      </c>
      <c r="I12043" t="s">
        <v>15</v>
      </c>
      <c r="J12043" s="10">
        <v>3.2265220609999998</v>
      </c>
    </row>
    <row r="12044" spans="1:10" x14ac:dyDescent="0.35">
      <c r="A12044" t="s">
        <v>33</v>
      </c>
      <c r="B12044" t="s">
        <v>75</v>
      </c>
      <c r="C12044" t="s">
        <v>117</v>
      </c>
      <c r="D12044" t="s">
        <v>118</v>
      </c>
      <c r="E12044">
        <v>2017</v>
      </c>
      <c r="F12044">
        <v>2017</v>
      </c>
      <c r="G12044" t="s">
        <v>14</v>
      </c>
      <c r="H12044" t="s">
        <v>119</v>
      </c>
      <c r="I12044" t="s">
        <v>15</v>
      </c>
      <c r="J12044" s="10">
        <v>18.234573879999999</v>
      </c>
    </row>
    <row r="12045" spans="1:10" x14ac:dyDescent="0.35">
      <c r="A12045" t="s">
        <v>33</v>
      </c>
      <c r="B12045" t="s">
        <v>75</v>
      </c>
      <c r="C12045" t="s">
        <v>117</v>
      </c>
      <c r="D12045" t="s">
        <v>118</v>
      </c>
      <c r="E12045">
        <v>2017</v>
      </c>
      <c r="F12045">
        <v>2017</v>
      </c>
      <c r="G12045" t="s">
        <v>14</v>
      </c>
      <c r="H12045" t="s">
        <v>120</v>
      </c>
      <c r="I12045" t="s">
        <v>15</v>
      </c>
      <c r="J12045" s="10">
        <v>9.4954467769999997</v>
      </c>
    </row>
    <row r="12046" spans="1:10" x14ac:dyDescent="0.35">
      <c r="A12046" t="s">
        <v>33</v>
      </c>
      <c r="B12046" t="s">
        <v>75</v>
      </c>
      <c r="C12046" t="s">
        <v>117</v>
      </c>
      <c r="D12046" t="s">
        <v>118</v>
      </c>
      <c r="E12046">
        <v>2017</v>
      </c>
      <c r="F12046">
        <v>2017</v>
      </c>
      <c r="G12046" t="s">
        <v>14</v>
      </c>
      <c r="H12046" t="s">
        <v>121</v>
      </c>
      <c r="I12046" t="s">
        <v>15</v>
      </c>
      <c r="J12046" s="10">
        <v>31.123893580000001</v>
      </c>
    </row>
    <row r="12047" spans="1:10" x14ac:dyDescent="0.35">
      <c r="A12047" t="s">
        <v>33</v>
      </c>
      <c r="B12047" t="s">
        <v>75</v>
      </c>
      <c r="C12047" t="s">
        <v>117</v>
      </c>
      <c r="D12047" t="s">
        <v>118</v>
      </c>
      <c r="E12047">
        <v>2017</v>
      </c>
      <c r="F12047">
        <v>2017</v>
      </c>
      <c r="G12047" t="s">
        <v>14</v>
      </c>
      <c r="H12047" t="s">
        <v>122</v>
      </c>
      <c r="I12047" t="s">
        <v>15</v>
      </c>
      <c r="J12047" s="10">
        <v>20.63362498</v>
      </c>
    </row>
    <row r="12048" spans="1:10" x14ac:dyDescent="0.35">
      <c r="A12048" t="s">
        <v>33</v>
      </c>
      <c r="B12048" t="s">
        <v>75</v>
      </c>
      <c r="C12048" t="s">
        <v>117</v>
      </c>
      <c r="D12048" t="s">
        <v>118</v>
      </c>
      <c r="E12048">
        <v>2017</v>
      </c>
      <c r="F12048">
        <v>2017</v>
      </c>
      <c r="G12048" t="s">
        <v>14</v>
      </c>
      <c r="H12048" t="s">
        <v>123</v>
      </c>
      <c r="I12048" t="s">
        <v>15</v>
      </c>
      <c r="J12048" s="10">
        <v>17.925924040000002</v>
      </c>
    </row>
    <row r="12049" spans="1:10" x14ac:dyDescent="0.35">
      <c r="A12049" t="s">
        <v>33</v>
      </c>
      <c r="B12049" t="s">
        <v>75</v>
      </c>
      <c r="C12049" t="s">
        <v>117</v>
      </c>
      <c r="D12049" t="s">
        <v>118</v>
      </c>
      <c r="E12049">
        <v>2017</v>
      </c>
      <c r="F12049">
        <v>2017</v>
      </c>
      <c r="G12049" t="s">
        <v>14</v>
      </c>
      <c r="H12049" t="s">
        <v>124</v>
      </c>
      <c r="I12049" t="s">
        <v>15</v>
      </c>
      <c r="J12049" s="10">
        <v>2.5865367450000001</v>
      </c>
    </row>
    <row r="12050" spans="1:10" x14ac:dyDescent="0.35">
      <c r="A12050" t="s">
        <v>33</v>
      </c>
      <c r="B12050" t="s">
        <v>75</v>
      </c>
      <c r="C12050" t="s">
        <v>117</v>
      </c>
      <c r="D12050" t="s">
        <v>118</v>
      </c>
      <c r="E12050">
        <v>2017</v>
      </c>
      <c r="F12050">
        <v>2017</v>
      </c>
      <c r="G12050" t="s">
        <v>125</v>
      </c>
      <c r="H12050" t="s">
        <v>119</v>
      </c>
      <c r="I12050" t="s">
        <v>15</v>
      </c>
      <c r="J12050" s="10">
        <v>19.255102310000002</v>
      </c>
    </row>
    <row r="12051" spans="1:10" x14ac:dyDescent="0.35">
      <c r="A12051" t="s">
        <v>33</v>
      </c>
      <c r="B12051" t="s">
        <v>75</v>
      </c>
      <c r="C12051" t="s">
        <v>117</v>
      </c>
      <c r="D12051" t="s">
        <v>118</v>
      </c>
      <c r="E12051">
        <v>2017</v>
      </c>
      <c r="F12051">
        <v>2017</v>
      </c>
      <c r="G12051" t="s">
        <v>125</v>
      </c>
      <c r="H12051" t="s">
        <v>120</v>
      </c>
      <c r="I12051" t="s">
        <v>15</v>
      </c>
      <c r="J12051" s="10">
        <v>9.9134393939999992</v>
      </c>
    </row>
    <row r="12052" spans="1:10" x14ac:dyDescent="0.35">
      <c r="A12052" t="s">
        <v>33</v>
      </c>
      <c r="B12052" t="s">
        <v>75</v>
      </c>
      <c r="C12052" t="s">
        <v>117</v>
      </c>
      <c r="D12052" t="s">
        <v>118</v>
      </c>
      <c r="E12052">
        <v>2017</v>
      </c>
      <c r="F12052">
        <v>2017</v>
      </c>
      <c r="G12052" t="s">
        <v>125</v>
      </c>
      <c r="H12052" t="s">
        <v>121</v>
      </c>
      <c r="I12052" t="s">
        <v>15</v>
      </c>
      <c r="J12052" s="10">
        <v>31.11681711</v>
      </c>
    </row>
    <row r="12053" spans="1:10" x14ac:dyDescent="0.35">
      <c r="A12053" t="s">
        <v>33</v>
      </c>
      <c r="B12053" t="s">
        <v>75</v>
      </c>
      <c r="C12053" t="s">
        <v>117</v>
      </c>
      <c r="D12053" t="s">
        <v>118</v>
      </c>
      <c r="E12053">
        <v>2017</v>
      </c>
      <c r="F12053">
        <v>2017</v>
      </c>
      <c r="G12053" t="s">
        <v>125</v>
      </c>
      <c r="H12053" t="s">
        <v>122</v>
      </c>
      <c r="I12053" t="s">
        <v>15</v>
      </c>
      <c r="J12053" s="10">
        <v>20.745427110000001</v>
      </c>
    </row>
    <row r="12054" spans="1:10" x14ac:dyDescent="0.35">
      <c r="A12054" t="s">
        <v>33</v>
      </c>
      <c r="B12054" t="s">
        <v>75</v>
      </c>
      <c r="C12054" t="s">
        <v>117</v>
      </c>
      <c r="D12054" t="s">
        <v>118</v>
      </c>
      <c r="E12054">
        <v>2017</v>
      </c>
      <c r="F12054">
        <v>2017</v>
      </c>
      <c r="G12054" t="s">
        <v>125</v>
      </c>
      <c r="H12054" t="s">
        <v>123</v>
      </c>
      <c r="I12054" t="s">
        <v>15</v>
      </c>
      <c r="J12054" s="10">
        <v>17.06064537</v>
      </c>
    </row>
    <row r="12055" spans="1:10" x14ac:dyDescent="0.35">
      <c r="A12055" t="s">
        <v>33</v>
      </c>
      <c r="B12055" t="s">
        <v>75</v>
      </c>
      <c r="C12055" t="s">
        <v>117</v>
      </c>
      <c r="D12055" t="s">
        <v>118</v>
      </c>
      <c r="E12055">
        <v>2017</v>
      </c>
      <c r="F12055">
        <v>2017</v>
      </c>
      <c r="G12055" t="s">
        <v>125</v>
      </c>
      <c r="H12055" t="s">
        <v>124</v>
      </c>
      <c r="I12055" t="s">
        <v>15</v>
      </c>
      <c r="J12055" s="10">
        <v>1.9085687060000001</v>
      </c>
    </row>
    <row r="12056" spans="1:10" x14ac:dyDescent="0.35">
      <c r="A12056" t="s">
        <v>33</v>
      </c>
      <c r="B12056" t="s">
        <v>75</v>
      </c>
      <c r="C12056" t="s">
        <v>117</v>
      </c>
      <c r="D12056" t="s">
        <v>118</v>
      </c>
      <c r="E12056">
        <v>2017</v>
      </c>
      <c r="F12056">
        <v>2017</v>
      </c>
      <c r="G12056" t="s">
        <v>126</v>
      </c>
      <c r="H12056" t="s">
        <v>119</v>
      </c>
      <c r="I12056" t="s">
        <v>15</v>
      </c>
      <c r="J12056" s="10">
        <v>17.285682640000001</v>
      </c>
    </row>
    <row r="12057" spans="1:10" x14ac:dyDescent="0.35">
      <c r="A12057" t="s">
        <v>33</v>
      </c>
      <c r="B12057" t="s">
        <v>75</v>
      </c>
      <c r="C12057" t="s">
        <v>117</v>
      </c>
      <c r="D12057" t="s">
        <v>118</v>
      </c>
      <c r="E12057">
        <v>2017</v>
      </c>
      <c r="F12057">
        <v>2017</v>
      </c>
      <c r="G12057" t="s">
        <v>126</v>
      </c>
      <c r="H12057" t="s">
        <v>120</v>
      </c>
      <c r="I12057" t="s">
        <v>15</v>
      </c>
      <c r="J12057" s="10">
        <v>9.1067956389999996</v>
      </c>
    </row>
    <row r="12058" spans="1:10" x14ac:dyDescent="0.35">
      <c r="A12058" t="s">
        <v>33</v>
      </c>
      <c r="B12058" t="s">
        <v>75</v>
      </c>
      <c r="C12058" t="s">
        <v>117</v>
      </c>
      <c r="D12058" t="s">
        <v>118</v>
      </c>
      <c r="E12058">
        <v>2017</v>
      </c>
      <c r="F12058">
        <v>2017</v>
      </c>
      <c r="G12058" t="s">
        <v>126</v>
      </c>
      <c r="H12058" t="s">
        <v>121</v>
      </c>
      <c r="I12058" t="s">
        <v>15</v>
      </c>
      <c r="J12058" s="10">
        <v>31.130473309999999</v>
      </c>
    </row>
    <row r="12059" spans="1:10" x14ac:dyDescent="0.35">
      <c r="A12059" t="s">
        <v>33</v>
      </c>
      <c r="B12059" t="s">
        <v>75</v>
      </c>
      <c r="C12059" t="s">
        <v>117</v>
      </c>
      <c r="D12059" t="s">
        <v>118</v>
      </c>
      <c r="E12059">
        <v>2017</v>
      </c>
      <c r="F12059">
        <v>2017</v>
      </c>
      <c r="G12059" t="s">
        <v>126</v>
      </c>
      <c r="H12059" t="s">
        <v>122</v>
      </c>
      <c r="I12059" t="s">
        <v>15</v>
      </c>
      <c r="J12059" s="10">
        <v>20.529670920000001</v>
      </c>
    </row>
    <row r="12060" spans="1:10" x14ac:dyDescent="0.35">
      <c r="A12060" t="s">
        <v>33</v>
      </c>
      <c r="B12060" t="s">
        <v>75</v>
      </c>
      <c r="C12060" t="s">
        <v>117</v>
      </c>
      <c r="D12060" t="s">
        <v>118</v>
      </c>
      <c r="E12060">
        <v>2017</v>
      </c>
      <c r="F12060">
        <v>2017</v>
      </c>
      <c r="G12060" t="s">
        <v>126</v>
      </c>
      <c r="H12060" t="s">
        <v>123</v>
      </c>
      <c r="I12060" t="s">
        <v>15</v>
      </c>
      <c r="J12060" s="10">
        <v>18.730463459999999</v>
      </c>
    </row>
    <row r="12061" spans="1:10" x14ac:dyDescent="0.35">
      <c r="A12061" t="s">
        <v>33</v>
      </c>
      <c r="B12061" t="s">
        <v>75</v>
      </c>
      <c r="C12061" t="s">
        <v>117</v>
      </c>
      <c r="D12061" t="s">
        <v>118</v>
      </c>
      <c r="E12061">
        <v>2017</v>
      </c>
      <c r="F12061">
        <v>2017</v>
      </c>
      <c r="G12061" t="s">
        <v>126</v>
      </c>
      <c r="H12061" t="s">
        <v>124</v>
      </c>
      <c r="I12061" t="s">
        <v>15</v>
      </c>
      <c r="J12061" s="10">
        <v>3.2169140270000001</v>
      </c>
    </row>
    <row r="12062" spans="1:10" x14ac:dyDescent="0.35">
      <c r="A12062" t="s">
        <v>33</v>
      </c>
      <c r="B12062" t="s">
        <v>75</v>
      </c>
      <c r="C12062" t="s">
        <v>117</v>
      </c>
      <c r="D12062" t="s">
        <v>118</v>
      </c>
      <c r="E12062">
        <v>2016</v>
      </c>
      <c r="F12062">
        <v>2016</v>
      </c>
      <c r="G12062" t="s">
        <v>14</v>
      </c>
      <c r="H12062" t="s">
        <v>119</v>
      </c>
      <c r="I12062" t="s">
        <v>15</v>
      </c>
      <c r="J12062" s="10">
        <v>18.190635409999999</v>
      </c>
    </row>
    <row r="12063" spans="1:10" x14ac:dyDescent="0.35">
      <c r="A12063" t="s">
        <v>33</v>
      </c>
      <c r="B12063" t="s">
        <v>75</v>
      </c>
      <c r="C12063" t="s">
        <v>117</v>
      </c>
      <c r="D12063" t="s">
        <v>118</v>
      </c>
      <c r="E12063">
        <v>2016</v>
      </c>
      <c r="F12063">
        <v>2016</v>
      </c>
      <c r="G12063" t="s">
        <v>14</v>
      </c>
      <c r="H12063" t="s">
        <v>120</v>
      </c>
      <c r="I12063" t="s">
        <v>15</v>
      </c>
      <c r="J12063" s="10">
        <v>9.7385112110000005</v>
      </c>
    </row>
    <row r="12064" spans="1:10" x14ac:dyDescent="0.35">
      <c r="A12064" t="s">
        <v>33</v>
      </c>
      <c r="B12064" t="s">
        <v>75</v>
      </c>
      <c r="C12064" t="s">
        <v>117</v>
      </c>
      <c r="D12064" t="s">
        <v>118</v>
      </c>
      <c r="E12064">
        <v>2016</v>
      </c>
      <c r="F12064">
        <v>2016</v>
      </c>
      <c r="G12064" t="s">
        <v>14</v>
      </c>
      <c r="H12064" t="s">
        <v>121</v>
      </c>
      <c r="I12064" t="s">
        <v>15</v>
      </c>
      <c r="J12064" s="10">
        <v>31.420768509999998</v>
      </c>
    </row>
    <row r="12065" spans="1:10" x14ac:dyDescent="0.35">
      <c r="A12065" t="s">
        <v>33</v>
      </c>
      <c r="B12065" t="s">
        <v>75</v>
      </c>
      <c r="C12065" t="s">
        <v>117</v>
      </c>
      <c r="D12065" t="s">
        <v>118</v>
      </c>
      <c r="E12065">
        <v>2016</v>
      </c>
      <c r="F12065">
        <v>2016</v>
      </c>
      <c r="G12065" t="s">
        <v>14</v>
      </c>
      <c r="H12065" t="s">
        <v>122</v>
      </c>
      <c r="I12065" t="s">
        <v>15</v>
      </c>
      <c r="J12065" s="10">
        <v>20.362689670000002</v>
      </c>
    </row>
    <row r="12066" spans="1:10" x14ac:dyDescent="0.35">
      <c r="A12066" t="s">
        <v>33</v>
      </c>
      <c r="B12066" t="s">
        <v>75</v>
      </c>
      <c r="C12066" t="s">
        <v>117</v>
      </c>
      <c r="D12066" t="s">
        <v>118</v>
      </c>
      <c r="E12066">
        <v>2016</v>
      </c>
      <c r="F12066">
        <v>2016</v>
      </c>
      <c r="G12066" t="s">
        <v>14</v>
      </c>
      <c r="H12066" t="s">
        <v>123</v>
      </c>
      <c r="I12066" t="s">
        <v>15</v>
      </c>
      <c r="J12066" s="10">
        <v>17.708240279999998</v>
      </c>
    </row>
    <row r="12067" spans="1:10" x14ac:dyDescent="0.35">
      <c r="A12067" t="s">
        <v>33</v>
      </c>
      <c r="B12067" t="s">
        <v>75</v>
      </c>
      <c r="C12067" t="s">
        <v>117</v>
      </c>
      <c r="D12067" t="s">
        <v>118</v>
      </c>
      <c r="E12067">
        <v>2016</v>
      </c>
      <c r="F12067">
        <v>2016</v>
      </c>
      <c r="G12067" t="s">
        <v>14</v>
      </c>
      <c r="H12067" t="s">
        <v>124</v>
      </c>
      <c r="I12067" t="s">
        <v>15</v>
      </c>
      <c r="J12067" s="10">
        <v>2.5791549150000002</v>
      </c>
    </row>
    <row r="12068" spans="1:10" x14ac:dyDescent="0.35">
      <c r="A12068" t="s">
        <v>33</v>
      </c>
      <c r="B12068" t="s">
        <v>75</v>
      </c>
      <c r="C12068" t="s">
        <v>117</v>
      </c>
      <c r="D12068" t="s">
        <v>118</v>
      </c>
      <c r="E12068">
        <v>2016</v>
      </c>
      <c r="F12068">
        <v>2016</v>
      </c>
      <c r="G12068" t="s">
        <v>125</v>
      </c>
      <c r="H12068" t="s">
        <v>119</v>
      </c>
      <c r="I12068" t="s">
        <v>15</v>
      </c>
      <c r="J12068" s="10">
        <v>19.233929750000001</v>
      </c>
    </row>
    <row r="12069" spans="1:10" x14ac:dyDescent="0.35">
      <c r="A12069" t="s">
        <v>33</v>
      </c>
      <c r="B12069" t="s">
        <v>75</v>
      </c>
      <c r="C12069" t="s">
        <v>117</v>
      </c>
      <c r="D12069" t="s">
        <v>118</v>
      </c>
      <c r="E12069">
        <v>2016</v>
      </c>
      <c r="F12069">
        <v>2016</v>
      </c>
      <c r="G12069" t="s">
        <v>125</v>
      </c>
      <c r="H12069" t="s">
        <v>120</v>
      </c>
      <c r="I12069" t="s">
        <v>15</v>
      </c>
      <c r="J12069" s="10">
        <v>10.096752820000001</v>
      </c>
    </row>
    <row r="12070" spans="1:10" x14ac:dyDescent="0.35">
      <c r="A12070" t="s">
        <v>33</v>
      </c>
      <c r="B12070" t="s">
        <v>75</v>
      </c>
      <c r="C12070" t="s">
        <v>117</v>
      </c>
      <c r="D12070" t="s">
        <v>118</v>
      </c>
      <c r="E12070">
        <v>2016</v>
      </c>
      <c r="F12070">
        <v>2016</v>
      </c>
      <c r="G12070" t="s">
        <v>125</v>
      </c>
      <c r="H12070" t="s">
        <v>121</v>
      </c>
      <c r="I12070" t="s">
        <v>15</v>
      </c>
      <c r="J12070" s="10">
        <v>31.652750170000001</v>
      </c>
    </row>
    <row r="12071" spans="1:10" x14ac:dyDescent="0.35">
      <c r="A12071" t="s">
        <v>33</v>
      </c>
      <c r="B12071" t="s">
        <v>75</v>
      </c>
      <c r="C12071" t="s">
        <v>117</v>
      </c>
      <c r="D12071" t="s">
        <v>118</v>
      </c>
      <c r="E12071">
        <v>2016</v>
      </c>
      <c r="F12071">
        <v>2016</v>
      </c>
      <c r="G12071" t="s">
        <v>125</v>
      </c>
      <c r="H12071" t="s">
        <v>122</v>
      </c>
      <c r="I12071" t="s">
        <v>15</v>
      </c>
      <c r="J12071" s="10">
        <v>20.312789930000001</v>
      </c>
    </row>
    <row r="12072" spans="1:10" x14ac:dyDescent="0.35">
      <c r="A12072" t="s">
        <v>33</v>
      </c>
      <c r="B12072" t="s">
        <v>75</v>
      </c>
      <c r="C12072" t="s">
        <v>117</v>
      </c>
      <c r="D12072" t="s">
        <v>118</v>
      </c>
      <c r="E12072">
        <v>2016</v>
      </c>
      <c r="F12072">
        <v>2016</v>
      </c>
      <c r="G12072" t="s">
        <v>125</v>
      </c>
      <c r="H12072" t="s">
        <v>123</v>
      </c>
      <c r="I12072" t="s">
        <v>15</v>
      </c>
      <c r="J12072" s="10">
        <v>16.88270378</v>
      </c>
    </row>
    <row r="12073" spans="1:10" x14ac:dyDescent="0.35">
      <c r="A12073" t="s">
        <v>33</v>
      </c>
      <c r="B12073" t="s">
        <v>75</v>
      </c>
      <c r="C12073" t="s">
        <v>117</v>
      </c>
      <c r="D12073" t="s">
        <v>118</v>
      </c>
      <c r="E12073">
        <v>2016</v>
      </c>
      <c r="F12073">
        <v>2016</v>
      </c>
      <c r="G12073" t="s">
        <v>125</v>
      </c>
      <c r="H12073" t="s">
        <v>124</v>
      </c>
      <c r="I12073" t="s">
        <v>15</v>
      </c>
      <c r="J12073" s="10">
        <v>1.821073559</v>
      </c>
    </row>
    <row r="12074" spans="1:10" x14ac:dyDescent="0.35">
      <c r="A12074" t="s">
        <v>33</v>
      </c>
      <c r="B12074" t="s">
        <v>75</v>
      </c>
      <c r="C12074" t="s">
        <v>117</v>
      </c>
      <c r="D12074" t="s">
        <v>118</v>
      </c>
      <c r="E12074">
        <v>2016</v>
      </c>
      <c r="F12074">
        <v>2016</v>
      </c>
      <c r="G12074" t="s">
        <v>126</v>
      </c>
      <c r="H12074" t="s">
        <v>119</v>
      </c>
      <c r="I12074" t="s">
        <v>15</v>
      </c>
      <c r="J12074" s="10">
        <v>17.22203081</v>
      </c>
    </row>
    <row r="12075" spans="1:10" x14ac:dyDescent="0.35">
      <c r="A12075" t="s">
        <v>33</v>
      </c>
      <c r="B12075" t="s">
        <v>75</v>
      </c>
      <c r="C12075" t="s">
        <v>117</v>
      </c>
      <c r="D12075" t="s">
        <v>118</v>
      </c>
      <c r="E12075">
        <v>2016</v>
      </c>
      <c r="F12075">
        <v>2016</v>
      </c>
      <c r="G12075" t="s">
        <v>126</v>
      </c>
      <c r="H12075" t="s">
        <v>120</v>
      </c>
      <c r="I12075" t="s">
        <v>15</v>
      </c>
      <c r="J12075" s="10">
        <v>9.4059162280000006</v>
      </c>
    </row>
    <row r="12076" spans="1:10" x14ac:dyDescent="0.35">
      <c r="A12076" t="s">
        <v>33</v>
      </c>
      <c r="B12076" t="s">
        <v>75</v>
      </c>
      <c r="C12076" t="s">
        <v>117</v>
      </c>
      <c r="D12076" t="s">
        <v>118</v>
      </c>
      <c r="E12076">
        <v>2016</v>
      </c>
      <c r="F12076">
        <v>2016</v>
      </c>
      <c r="G12076" t="s">
        <v>126</v>
      </c>
      <c r="H12076" t="s">
        <v>121</v>
      </c>
      <c r="I12076" t="s">
        <v>15</v>
      </c>
      <c r="J12076" s="10">
        <v>31.205394500000001</v>
      </c>
    </row>
    <row r="12077" spans="1:10" x14ac:dyDescent="0.35">
      <c r="A12077" t="s">
        <v>33</v>
      </c>
      <c r="B12077" t="s">
        <v>75</v>
      </c>
      <c r="C12077" t="s">
        <v>117</v>
      </c>
      <c r="D12077" t="s">
        <v>118</v>
      </c>
      <c r="E12077">
        <v>2016</v>
      </c>
      <c r="F12077">
        <v>2016</v>
      </c>
      <c r="G12077" t="s">
        <v>126</v>
      </c>
      <c r="H12077" t="s">
        <v>122</v>
      </c>
      <c r="I12077" t="s">
        <v>15</v>
      </c>
      <c r="J12077" s="10">
        <v>20.409017080000002</v>
      </c>
    </row>
    <row r="12078" spans="1:10" x14ac:dyDescent="0.35">
      <c r="A12078" t="s">
        <v>33</v>
      </c>
      <c r="B12078" t="s">
        <v>75</v>
      </c>
      <c r="C12078" t="s">
        <v>117</v>
      </c>
      <c r="D12078" t="s">
        <v>118</v>
      </c>
      <c r="E12078">
        <v>2016</v>
      </c>
      <c r="F12078">
        <v>2016</v>
      </c>
      <c r="G12078" t="s">
        <v>126</v>
      </c>
      <c r="H12078" t="s">
        <v>123</v>
      </c>
      <c r="I12078" t="s">
        <v>15</v>
      </c>
      <c r="J12078" s="10">
        <v>18.474676379999998</v>
      </c>
    </row>
    <row r="12079" spans="1:10" x14ac:dyDescent="0.35">
      <c r="A12079" t="s">
        <v>33</v>
      </c>
      <c r="B12079" t="s">
        <v>75</v>
      </c>
      <c r="C12079" t="s">
        <v>117</v>
      </c>
      <c r="D12079" t="s">
        <v>118</v>
      </c>
      <c r="E12079">
        <v>2016</v>
      </c>
      <c r="F12079">
        <v>2016</v>
      </c>
      <c r="G12079" t="s">
        <v>126</v>
      </c>
      <c r="H12079" t="s">
        <v>124</v>
      </c>
      <c r="I12079" t="s">
        <v>15</v>
      </c>
      <c r="J12079" s="10">
        <v>3.2829650049999999</v>
      </c>
    </row>
    <row r="12080" spans="1:10" x14ac:dyDescent="0.35">
      <c r="A12080" t="s">
        <v>33</v>
      </c>
      <c r="B12080" t="s">
        <v>75</v>
      </c>
      <c r="C12080" t="s">
        <v>117</v>
      </c>
      <c r="D12080" t="s">
        <v>118</v>
      </c>
      <c r="E12080">
        <v>2015</v>
      </c>
      <c r="F12080">
        <v>2015</v>
      </c>
      <c r="G12080" t="s">
        <v>14</v>
      </c>
      <c r="H12080" t="s">
        <v>119</v>
      </c>
      <c r="I12080" t="s">
        <v>15</v>
      </c>
      <c r="J12080" s="10">
        <v>18.045891739999998</v>
      </c>
    </row>
    <row r="12081" spans="1:10" x14ac:dyDescent="0.35">
      <c r="A12081" t="s">
        <v>33</v>
      </c>
      <c r="B12081" t="s">
        <v>75</v>
      </c>
      <c r="C12081" t="s">
        <v>117</v>
      </c>
      <c r="D12081" t="s">
        <v>118</v>
      </c>
      <c r="E12081">
        <v>2015</v>
      </c>
      <c r="F12081">
        <v>2015</v>
      </c>
      <c r="G12081" t="s">
        <v>14</v>
      </c>
      <c r="H12081" t="s">
        <v>120</v>
      </c>
      <c r="I12081" t="s">
        <v>15</v>
      </c>
      <c r="J12081" s="10">
        <v>9.9125140690000002</v>
      </c>
    </row>
    <row r="12082" spans="1:10" x14ac:dyDescent="0.35">
      <c r="A12082" t="s">
        <v>33</v>
      </c>
      <c r="B12082" t="s">
        <v>75</v>
      </c>
      <c r="C12082" t="s">
        <v>117</v>
      </c>
      <c r="D12082" t="s">
        <v>118</v>
      </c>
      <c r="E12082">
        <v>2015</v>
      </c>
      <c r="F12082">
        <v>2015</v>
      </c>
      <c r="G12082" t="s">
        <v>14</v>
      </c>
      <c r="H12082" t="s">
        <v>121</v>
      </c>
      <c r="I12082" t="s">
        <v>15</v>
      </c>
      <c r="J12082" s="10">
        <v>31.686790139999999</v>
      </c>
    </row>
    <row r="12083" spans="1:10" x14ac:dyDescent="0.35">
      <c r="A12083" t="s">
        <v>33</v>
      </c>
      <c r="B12083" t="s">
        <v>75</v>
      </c>
      <c r="C12083" t="s">
        <v>117</v>
      </c>
      <c r="D12083" t="s">
        <v>118</v>
      </c>
      <c r="E12083">
        <v>2015</v>
      </c>
      <c r="F12083">
        <v>2015</v>
      </c>
      <c r="G12083" t="s">
        <v>14</v>
      </c>
      <c r="H12083" t="s">
        <v>122</v>
      </c>
      <c r="I12083" t="s">
        <v>15</v>
      </c>
      <c r="J12083" s="10">
        <v>20.253504549999999</v>
      </c>
    </row>
    <row r="12084" spans="1:10" x14ac:dyDescent="0.35">
      <c r="A12084" t="s">
        <v>33</v>
      </c>
      <c r="B12084" t="s">
        <v>75</v>
      </c>
      <c r="C12084" t="s">
        <v>117</v>
      </c>
      <c r="D12084" t="s">
        <v>118</v>
      </c>
      <c r="E12084">
        <v>2015</v>
      </c>
      <c r="F12084">
        <v>2015</v>
      </c>
      <c r="G12084" t="s">
        <v>14</v>
      </c>
      <c r="H12084" t="s">
        <v>123</v>
      </c>
      <c r="I12084" t="s">
        <v>15</v>
      </c>
      <c r="J12084" s="10">
        <v>17.573928169999999</v>
      </c>
    </row>
    <row r="12085" spans="1:10" x14ac:dyDescent="0.35">
      <c r="A12085" t="s">
        <v>33</v>
      </c>
      <c r="B12085" t="s">
        <v>75</v>
      </c>
      <c r="C12085" t="s">
        <v>117</v>
      </c>
      <c r="D12085" t="s">
        <v>118</v>
      </c>
      <c r="E12085">
        <v>2015</v>
      </c>
      <c r="F12085">
        <v>2015</v>
      </c>
      <c r="G12085" t="s">
        <v>14</v>
      </c>
      <c r="H12085" t="s">
        <v>124</v>
      </c>
      <c r="I12085" t="s">
        <v>15</v>
      </c>
      <c r="J12085" s="10">
        <v>2.5273713290000002</v>
      </c>
    </row>
    <row r="12086" spans="1:10" x14ac:dyDescent="0.35">
      <c r="A12086" t="s">
        <v>33</v>
      </c>
      <c r="B12086" t="s">
        <v>75</v>
      </c>
      <c r="C12086" t="s">
        <v>117</v>
      </c>
      <c r="D12086" t="s">
        <v>118</v>
      </c>
      <c r="E12086">
        <v>2015</v>
      </c>
      <c r="F12086">
        <v>2015</v>
      </c>
      <c r="G12086" t="s">
        <v>125</v>
      </c>
      <c r="H12086" t="s">
        <v>119</v>
      </c>
      <c r="I12086" t="s">
        <v>15</v>
      </c>
      <c r="J12086" s="10">
        <v>19.111794979999999</v>
      </c>
    </row>
    <row r="12087" spans="1:10" x14ac:dyDescent="0.35">
      <c r="A12087" t="s">
        <v>33</v>
      </c>
      <c r="B12087" t="s">
        <v>75</v>
      </c>
      <c r="C12087" t="s">
        <v>117</v>
      </c>
      <c r="D12087" t="s">
        <v>118</v>
      </c>
      <c r="E12087">
        <v>2015</v>
      </c>
      <c r="F12087">
        <v>2015</v>
      </c>
      <c r="G12087" t="s">
        <v>125</v>
      </c>
      <c r="H12087" t="s">
        <v>120</v>
      </c>
      <c r="I12087" t="s">
        <v>15</v>
      </c>
      <c r="J12087" s="10">
        <v>10.3252507</v>
      </c>
    </row>
    <row r="12088" spans="1:10" x14ac:dyDescent="0.35">
      <c r="A12088" t="s">
        <v>33</v>
      </c>
      <c r="B12088" t="s">
        <v>75</v>
      </c>
      <c r="C12088" t="s">
        <v>117</v>
      </c>
      <c r="D12088" t="s">
        <v>118</v>
      </c>
      <c r="E12088">
        <v>2015</v>
      </c>
      <c r="F12088">
        <v>2015</v>
      </c>
      <c r="G12088" t="s">
        <v>125</v>
      </c>
      <c r="H12088" t="s">
        <v>121</v>
      </c>
      <c r="I12088" t="s">
        <v>15</v>
      </c>
      <c r="J12088" s="10">
        <v>31.832652410000001</v>
      </c>
    </row>
    <row r="12089" spans="1:10" x14ac:dyDescent="0.35">
      <c r="A12089" t="s">
        <v>33</v>
      </c>
      <c r="B12089" t="s">
        <v>75</v>
      </c>
      <c r="C12089" t="s">
        <v>117</v>
      </c>
      <c r="D12089" t="s">
        <v>118</v>
      </c>
      <c r="E12089">
        <v>2015</v>
      </c>
      <c r="F12089">
        <v>2015</v>
      </c>
      <c r="G12089" t="s">
        <v>125</v>
      </c>
      <c r="H12089" t="s">
        <v>122</v>
      </c>
      <c r="I12089" t="s">
        <v>15</v>
      </c>
      <c r="J12089" s="10">
        <v>20.371942480000001</v>
      </c>
    </row>
    <row r="12090" spans="1:10" x14ac:dyDescent="0.35">
      <c r="A12090" t="s">
        <v>33</v>
      </c>
      <c r="B12090" t="s">
        <v>75</v>
      </c>
      <c r="C12090" t="s">
        <v>117</v>
      </c>
      <c r="D12090" t="s">
        <v>118</v>
      </c>
      <c r="E12090">
        <v>2015</v>
      </c>
      <c r="F12090">
        <v>2015</v>
      </c>
      <c r="G12090" t="s">
        <v>125</v>
      </c>
      <c r="H12090" t="s">
        <v>123</v>
      </c>
      <c r="I12090" t="s">
        <v>15</v>
      </c>
      <c r="J12090" s="10">
        <v>16.612723509999999</v>
      </c>
    </row>
    <row r="12091" spans="1:10" x14ac:dyDescent="0.35">
      <c r="A12091" t="s">
        <v>33</v>
      </c>
      <c r="B12091" t="s">
        <v>75</v>
      </c>
      <c r="C12091" t="s">
        <v>117</v>
      </c>
      <c r="D12091" t="s">
        <v>118</v>
      </c>
      <c r="E12091">
        <v>2015</v>
      </c>
      <c r="F12091">
        <v>2015</v>
      </c>
      <c r="G12091" t="s">
        <v>125</v>
      </c>
      <c r="H12091" t="s">
        <v>124</v>
      </c>
      <c r="I12091" t="s">
        <v>15</v>
      </c>
      <c r="J12091" s="10">
        <v>1.7456359100000001</v>
      </c>
    </row>
    <row r="12092" spans="1:10" x14ac:dyDescent="0.35">
      <c r="A12092" t="s">
        <v>33</v>
      </c>
      <c r="B12092" t="s">
        <v>75</v>
      </c>
      <c r="C12092" t="s">
        <v>117</v>
      </c>
      <c r="D12092" t="s">
        <v>118</v>
      </c>
      <c r="E12092">
        <v>2015</v>
      </c>
      <c r="F12092">
        <v>2015</v>
      </c>
      <c r="G12092" t="s">
        <v>126</v>
      </c>
      <c r="H12092" t="s">
        <v>119</v>
      </c>
      <c r="I12092" t="s">
        <v>15</v>
      </c>
      <c r="J12092" s="10">
        <v>17.05359348</v>
      </c>
    </row>
    <row r="12093" spans="1:10" x14ac:dyDescent="0.35">
      <c r="A12093" t="s">
        <v>33</v>
      </c>
      <c r="B12093" t="s">
        <v>75</v>
      </c>
      <c r="C12093" t="s">
        <v>117</v>
      </c>
      <c r="D12093" t="s">
        <v>118</v>
      </c>
      <c r="E12093">
        <v>2015</v>
      </c>
      <c r="F12093">
        <v>2015</v>
      </c>
      <c r="G12093" t="s">
        <v>126</v>
      </c>
      <c r="H12093" t="s">
        <v>120</v>
      </c>
      <c r="I12093" t="s">
        <v>15</v>
      </c>
      <c r="J12093" s="10">
        <v>9.5282785870000009</v>
      </c>
    </row>
    <row r="12094" spans="1:10" x14ac:dyDescent="0.35">
      <c r="A12094" t="s">
        <v>33</v>
      </c>
      <c r="B12094" t="s">
        <v>75</v>
      </c>
      <c r="C12094" t="s">
        <v>117</v>
      </c>
      <c r="D12094" t="s">
        <v>118</v>
      </c>
      <c r="E12094">
        <v>2015</v>
      </c>
      <c r="F12094">
        <v>2015</v>
      </c>
      <c r="G12094" t="s">
        <v>126</v>
      </c>
      <c r="H12094" t="s">
        <v>121</v>
      </c>
      <c r="I12094" t="s">
        <v>15</v>
      </c>
      <c r="J12094" s="10">
        <v>31.551000250000001</v>
      </c>
    </row>
    <row r="12095" spans="1:10" x14ac:dyDescent="0.35">
      <c r="A12095" t="s">
        <v>33</v>
      </c>
      <c r="B12095" t="s">
        <v>75</v>
      </c>
      <c r="C12095" t="s">
        <v>117</v>
      </c>
      <c r="D12095" t="s">
        <v>118</v>
      </c>
      <c r="E12095">
        <v>2015</v>
      </c>
      <c r="F12095">
        <v>2015</v>
      </c>
      <c r="G12095" t="s">
        <v>126</v>
      </c>
      <c r="H12095" t="s">
        <v>122</v>
      </c>
      <c r="I12095" t="s">
        <v>15</v>
      </c>
      <c r="J12095" s="10">
        <v>20.14324525</v>
      </c>
    </row>
    <row r="12096" spans="1:10" x14ac:dyDescent="0.35">
      <c r="A12096" t="s">
        <v>33</v>
      </c>
      <c r="B12096" t="s">
        <v>75</v>
      </c>
      <c r="C12096" t="s">
        <v>117</v>
      </c>
      <c r="D12096" t="s">
        <v>118</v>
      </c>
      <c r="E12096">
        <v>2015</v>
      </c>
      <c r="F12096">
        <v>2015</v>
      </c>
      <c r="G12096" t="s">
        <v>126</v>
      </c>
      <c r="H12096" t="s">
        <v>123</v>
      </c>
      <c r="I12096" t="s">
        <v>15</v>
      </c>
      <c r="J12096" s="10">
        <v>18.468757719999999</v>
      </c>
    </row>
    <row r="12097" spans="1:10" x14ac:dyDescent="0.35">
      <c r="A12097" t="s">
        <v>33</v>
      </c>
      <c r="B12097" t="s">
        <v>75</v>
      </c>
      <c r="C12097" t="s">
        <v>117</v>
      </c>
      <c r="D12097" t="s">
        <v>118</v>
      </c>
      <c r="E12097">
        <v>2015</v>
      </c>
      <c r="F12097">
        <v>2015</v>
      </c>
      <c r="G12097" t="s">
        <v>126</v>
      </c>
      <c r="H12097" t="s">
        <v>124</v>
      </c>
      <c r="I12097" t="s">
        <v>15</v>
      </c>
      <c r="J12097" s="10">
        <v>3.2551247220000001</v>
      </c>
    </row>
    <row r="12098" spans="1:10" x14ac:dyDescent="0.35">
      <c r="A12098" t="s">
        <v>33</v>
      </c>
      <c r="B12098" t="s">
        <v>75</v>
      </c>
      <c r="C12098" t="s">
        <v>117</v>
      </c>
      <c r="D12098" t="s">
        <v>118</v>
      </c>
      <c r="E12098">
        <v>2014</v>
      </c>
      <c r="F12098">
        <v>2014</v>
      </c>
      <c r="G12098" t="s">
        <v>14</v>
      </c>
      <c r="H12098" t="s">
        <v>119</v>
      </c>
      <c r="I12098" t="s">
        <v>15</v>
      </c>
      <c r="J12098" s="10">
        <v>18.04675271</v>
      </c>
    </row>
    <row r="12099" spans="1:10" x14ac:dyDescent="0.35">
      <c r="A12099" t="s">
        <v>33</v>
      </c>
      <c r="B12099" t="s">
        <v>75</v>
      </c>
      <c r="C12099" t="s">
        <v>117</v>
      </c>
      <c r="D12099" t="s">
        <v>118</v>
      </c>
      <c r="E12099">
        <v>2014</v>
      </c>
      <c r="F12099">
        <v>2014</v>
      </c>
      <c r="G12099" t="s">
        <v>14</v>
      </c>
      <c r="H12099" t="s">
        <v>120</v>
      </c>
      <c r="I12099" t="s">
        <v>15</v>
      </c>
      <c r="J12099" s="10">
        <v>10.04208257</v>
      </c>
    </row>
    <row r="12100" spans="1:10" x14ac:dyDescent="0.35">
      <c r="A12100" t="s">
        <v>33</v>
      </c>
      <c r="B12100" t="s">
        <v>75</v>
      </c>
      <c r="C12100" t="s">
        <v>117</v>
      </c>
      <c r="D12100" t="s">
        <v>118</v>
      </c>
      <c r="E12100">
        <v>2014</v>
      </c>
      <c r="F12100">
        <v>2014</v>
      </c>
      <c r="G12100" t="s">
        <v>14</v>
      </c>
      <c r="H12100" t="s">
        <v>121</v>
      </c>
      <c r="I12100" t="s">
        <v>15</v>
      </c>
      <c r="J12100" s="10">
        <v>31.916040129999999</v>
      </c>
    </row>
    <row r="12101" spans="1:10" x14ac:dyDescent="0.35">
      <c r="A12101" t="s">
        <v>33</v>
      </c>
      <c r="B12101" t="s">
        <v>75</v>
      </c>
      <c r="C12101" t="s">
        <v>117</v>
      </c>
      <c r="D12101" t="s">
        <v>118</v>
      </c>
      <c r="E12101">
        <v>2014</v>
      </c>
      <c r="F12101">
        <v>2014</v>
      </c>
      <c r="G12101" t="s">
        <v>14</v>
      </c>
      <c r="H12101" t="s">
        <v>122</v>
      </c>
      <c r="I12101" t="s">
        <v>15</v>
      </c>
      <c r="J12101" s="10">
        <v>20.091863180000001</v>
      </c>
    </row>
    <row r="12102" spans="1:10" x14ac:dyDescent="0.35">
      <c r="A12102" t="s">
        <v>33</v>
      </c>
      <c r="B12102" t="s">
        <v>75</v>
      </c>
      <c r="C12102" t="s">
        <v>117</v>
      </c>
      <c r="D12102" t="s">
        <v>118</v>
      </c>
      <c r="E12102">
        <v>2014</v>
      </c>
      <c r="F12102">
        <v>2014</v>
      </c>
      <c r="G12102" t="s">
        <v>14</v>
      </c>
      <c r="H12102" t="s">
        <v>123</v>
      </c>
      <c r="I12102" t="s">
        <v>15</v>
      </c>
      <c r="J12102" s="10">
        <v>17.364193889999999</v>
      </c>
    </row>
    <row r="12103" spans="1:10" x14ac:dyDescent="0.35">
      <c r="A12103" t="s">
        <v>33</v>
      </c>
      <c r="B12103" t="s">
        <v>75</v>
      </c>
      <c r="C12103" t="s">
        <v>117</v>
      </c>
      <c r="D12103" t="s">
        <v>118</v>
      </c>
      <c r="E12103">
        <v>2014</v>
      </c>
      <c r="F12103">
        <v>2014</v>
      </c>
      <c r="G12103" t="s">
        <v>14</v>
      </c>
      <c r="H12103" t="s">
        <v>124</v>
      </c>
      <c r="I12103" t="s">
        <v>15</v>
      </c>
      <c r="J12103" s="10">
        <v>2.5390675119999999</v>
      </c>
    </row>
    <row r="12104" spans="1:10" x14ac:dyDescent="0.35">
      <c r="A12104" t="s">
        <v>33</v>
      </c>
      <c r="B12104" t="s">
        <v>75</v>
      </c>
      <c r="C12104" t="s">
        <v>117</v>
      </c>
      <c r="D12104" t="s">
        <v>118</v>
      </c>
      <c r="E12104">
        <v>2014</v>
      </c>
      <c r="F12104">
        <v>2014</v>
      </c>
      <c r="G12104" t="s">
        <v>125</v>
      </c>
      <c r="H12104" t="s">
        <v>119</v>
      </c>
      <c r="I12104" t="s">
        <v>15</v>
      </c>
      <c r="J12104" s="10">
        <v>19.20786816</v>
      </c>
    </row>
    <row r="12105" spans="1:10" x14ac:dyDescent="0.35">
      <c r="A12105" t="s">
        <v>33</v>
      </c>
      <c r="B12105" t="s">
        <v>75</v>
      </c>
      <c r="C12105" t="s">
        <v>117</v>
      </c>
      <c r="D12105" t="s">
        <v>118</v>
      </c>
      <c r="E12105">
        <v>2014</v>
      </c>
      <c r="F12105">
        <v>2014</v>
      </c>
      <c r="G12105" t="s">
        <v>125</v>
      </c>
      <c r="H12105" t="s">
        <v>120</v>
      </c>
      <c r="I12105" t="s">
        <v>15</v>
      </c>
      <c r="J12105" s="10">
        <v>10.38809144</v>
      </c>
    </row>
    <row r="12106" spans="1:10" x14ac:dyDescent="0.35">
      <c r="A12106" t="s">
        <v>33</v>
      </c>
      <c r="B12106" t="s">
        <v>75</v>
      </c>
      <c r="C12106" t="s">
        <v>117</v>
      </c>
      <c r="D12106" t="s">
        <v>118</v>
      </c>
      <c r="E12106">
        <v>2014</v>
      </c>
      <c r="F12106">
        <v>2014</v>
      </c>
      <c r="G12106" t="s">
        <v>125</v>
      </c>
      <c r="H12106" t="s">
        <v>121</v>
      </c>
      <c r="I12106" t="s">
        <v>15</v>
      </c>
      <c r="J12106" s="10">
        <v>32.139819250000002</v>
      </c>
    </row>
    <row r="12107" spans="1:10" x14ac:dyDescent="0.35">
      <c r="A12107" t="s">
        <v>33</v>
      </c>
      <c r="B12107" t="s">
        <v>75</v>
      </c>
      <c r="C12107" t="s">
        <v>117</v>
      </c>
      <c r="D12107" t="s">
        <v>118</v>
      </c>
      <c r="E12107">
        <v>2014</v>
      </c>
      <c r="F12107">
        <v>2014</v>
      </c>
      <c r="G12107" t="s">
        <v>125</v>
      </c>
      <c r="H12107" t="s">
        <v>122</v>
      </c>
      <c r="I12107" t="s">
        <v>15</v>
      </c>
      <c r="J12107" s="10">
        <v>20.170122280000001</v>
      </c>
    </row>
    <row r="12108" spans="1:10" x14ac:dyDescent="0.35">
      <c r="A12108" t="s">
        <v>33</v>
      </c>
      <c r="B12108" t="s">
        <v>75</v>
      </c>
      <c r="C12108" t="s">
        <v>117</v>
      </c>
      <c r="D12108" t="s">
        <v>118</v>
      </c>
      <c r="E12108">
        <v>2014</v>
      </c>
      <c r="F12108">
        <v>2014</v>
      </c>
      <c r="G12108" t="s">
        <v>125</v>
      </c>
      <c r="H12108" t="s">
        <v>123</v>
      </c>
      <c r="I12108" t="s">
        <v>15</v>
      </c>
      <c r="J12108" s="10">
        <v>16.38224349</v>
      </c>
    </row>
    <row r="12109" spans="1:10" x14ac:dyDescent="0.35">
      <c r="A12109" t="s">
        <v>33</v>
      </c>
      <c r="B12109" t="s">
        <v>75</v>
      </c>
      <c r="C12109" t="s">
        <v>117</v>
      </c>
      <c r="D12109" t="s">
        <v>118</v>
      </c>
      <c r="E12109">
        <v>2014</v>
      </c>
      <c r="F12109">
        <v>2014</v>
      </c>
      <c r="G12109" t="s">
        <v>125</v>
      </c>
      <c r="H12109" t="s">
        <v>124</v>
      </c>
      <c r="I12109" t="s">
        <v>15</v>
      </c>
      <c r="J12109" s="10">
        <v>1.711855396</v>
      </c>
    </row>
    <row r="12110" spans="1:10" x14ac:dyDescent="0.35">
      <c r="A12110" t="s">
        <v>33</v>
      </c>
      <c r="B12110" t="s">
        <v>75</v>
      </c>
      <c r="C12110" t="s">
        <v>117</v>
      </c>
      <c r="D12110" t="s">
        <v>118</v>
      </c>
      <c r="E12110">
        <v>2014</v>
      </c>
      <c r="F12110">
        <v>2014</v>
      </c>
      <c r="G12110" t="s">
        <v>126</v>
      </c>
      <c r="H12110" t="s">
        <v>119</v>
      </c>
      <c r="I12110" t="s">
        <v>15</v>
      </c>
      <c r="J12110" s="10">
        <v>16.96344427</v>
      </c>
    </row>
    <row r="12111" spans="1:10" x14ac:dyDescent="0.35">
      <c r="A12111" t="s">
        <v>33</v>
      </c>
      <c r="B12111" t="s">
        <v>75</v>
      </c>
      <c r="C12111" t="s">
        <v>117</v>
      </c>
      <c r="D12111" t="s">
        <v>118</v>
      </c>
      <c r="E12111">
        <v>2014</v>
      </c>
      <c r="F12111">
        <v>2014</v>
      </c>
      <c r="G12111" t="s">
        <v>126</v>
      </c>
      <c r="H12111" t="s">
        <v>120</v>
      </c>
      <c r="I12111" t="s">
        <v>15</v>
      </c>
      <c r="J12111" s="10">
        <v>9.7192599570000002</v>
      </c>
    </row>
    <row r="12112" spans="1:10" x14ac:dyDescent="0.35">
      <c r="A12112" t="s">
        <v>33</v>
      </c>
      <c r="B12112" t="s">
        <v>75</v>
      </c>
      <c r="C12112" t="s">
        <v>117</v>
      </c>
      <c r="D12112" t="s">
        <v>118</v>
      </c>
      <c r="E12112">
        <v>2014</v>
      </c>
      <c r="F12112">
        <v>2014</v>
      </c>
      <c r="G12112" t="s">
        <v>126</v>
      </c>
      <c r="H12112" t="s">
        <v>121</v>
      </c>
      <c r="I12112" t="s">
        <v>15</v>
      </c>
      <c r="J12112" s="10">
        <v>31.707256579999999</v>
      </c>
    </row>
    <row r="12113" spans="1:10" x14ac:dyDescent="0.35">
      <c r="A12113" t="s">
        <v>33</v>
      </c>
      <c r="B12113" t="s">
        <v>75</v>
      </c>
      <c r="C12113" t="s">
        <v>117</v>
      </c>
      <c r="D12113" t="s">
        <v>118</v>
      </c>
      <c r="E12113">
        <v>2014</v>
      </c>
      <c r="F12113">
        <v>2014</v>
      </c>
      <c r="G12113" t="s">
        <v>126</v>
      </c>
      <c r="H12113" t="s">
        <v>122</v>
      </c>
      <c r="I12113" t="s">
        <v>15</v>
      </c>
      <c r="J12113" s="10">
        <v>20.018848269999999</v>
      </c>
    </row>
    <row r="12114" spans="1:10" x14ac:dyDescent="0.35">
      <c r="A12114" t="s">
        <v>33</v>
      </c>
      <c r="B12114" t="s">
        <v>75</v>
      </c>
      <c r="C12114" t="s">
        <v>117</v>
      </c>
      <c r="D12114" t="s">
        <v>118</v>
      </c>
      <c r="E12114">
        <v>2014</v>
      </c>
      <c r="F12114">
        <v>2014</v>
      </c>
      <c r="G12114" t="s">
        <v>126</v>
      </c>
      <c r="H12114" t="s">
        <v>123</v>
      </c>
      <c r="I12114" t="s">
        <v>15</v>
      </c>
      <c r="J12114" s="10">
        <v>18.280343240000001</v>
      </c>
    </row>
    <row r="12115" spans="1:10" x14ac:dyDescent="0.35">
      <c r="A12115" t="s">
        <v>33</v>
      </c>
      <c r="B12115" t="s">
        <v>75</v>
      </c>
      <c r="C12115" t="s">
        <v>117</v>
      </c>
      <c r="D12115" t="s">
        <v>118</v>
      </c>
      <c r="E12115">
        <v>2014</v>
      </c>
      <c r="F12115">
        <v>2014</v>
      </c>
      <c r="G12115" t="s">
        <v>126</v>
      </c>
      <c r="H12115" t="s">
        <v>124</v>
      </c>
      <c r="I12115" t="s">
        <v>15</v>
      </c>
      <c r="J12115" s="10">
        <v>3.3108476759999999</v>
      </c>
    </row>
    <row r="12116" spans="1:10" x14ac:dyDescent="0.35">
      <c r="A12116" t="s">
        <v>33</v>
      </c>
      <c r="B12116" t="s">
        <v>75</v>
      </c>
      <c r="C12116" t="s">
        <v>117</v>
      </c>
      <c r="D12116" t="s">
        <v>118</v>
      </c>
      <c r="E12116">
        <v>2013</v>
      </c>
      <c r="F12116">
        <v>2013</v>
      </c>
      <c r="G12116" t="s">
        <v>14</v>
      </c>
      <c r="H12116" t="s">
        <v>119</v>
      </c>
      <c r="I12116" t="s">
        <v>15</v>
      </c>
      <c r="J12116" s="10">
        <v>18.029677849999999</v>
      </c>
    </row>
    <row r="12117" spans="1:10" x14ac:dyDescent="0.35">
      <c r="A12117" t="s">
        <v>33</v>
      </c>
      <c r="B12117" t="s">
        <v>75</v>
      </c>
      <c r="C12117" t="s">
        <v>117</v>
      </c>
      <c r="D12117" t="s">
        <v>118</v>
      </c>
      <c r="E12117">
        <v>2013</v>
      </c>
      <c r="F12117">
        <v>2013</v>
      </c>
      <c r="G12117" t="s">
        <v>14</v>
      </c>
      <c r="H12117" t="s">
        <v>120</v>
      </c>
      <c r="I12117" t="s">
        <v>15</v>
      </c>
      <c r="J12117" s="10">
        <v>10.169404650000001</v>
      </c>
    </row>
    <row r="12118" spans="1:10" x14ac:dyDescent="0.35">
      <c r="A12118" t="s">
        <v>33</v>
      </c>
      <c r="B12118" t="s">
        <v>75</v>
      </c>
      <c r="C12118" t="s">
        <v>117</v>
      </c>
      <c r="D12118" t="s">
        <v>118</v>
      </c>
      <c r="E12118">
        <v>2013</v>
      </c>
      <c r="F12118">
        <v>2013</v>
      </c>
      <c r="G12118" t="s">
        <v>14</v>
      </c>
      <c r="H12118" t="s">
        <v>121</v>
      </c>
      <c r="I12118" t="s">
        <v>15</v>
      </c>
      <c r="J12118" s="10">
        <v>32.322714570000002</v>
      </c>
    </row>
    <row r="12119" spans="1:10" x14ac:dyDescent="0.35">
      <c r="A12119" t="s">
        <v>33</v>
      </c>
      <c r="B12119" t="s">
        <v>75</v>
      </c>
      <c r="C12119" t="s">
        <v>117</v>
      </c>
      <c r="D12119" t="s">
        <v>118</v>
      </c>
      <c r="E12119">
        <v>2013</v>
      </c>
      <c r="F12119">
        <v>2013</v>
      </c>
      <c r="G12119" t="s">
        <v>14</v>
      </c>
      <c r="H12119" t="s">
        <v>122</v>
      </c>
      <c r="I12119" t="s">
        <v>15</v>
      </c>
      <c r="J12119" s="10">
        <v>20.028703960000001</v>
      </c>
    </row>
    <row r="12120" spans="1:10" x14ac:dyDescent="0.35">
      <c r="A12120" t="s">
        <v>33</v>
      </c>
      <c r="B12120" t="s">
        <v>75</v>
      </c>
      <c r="C12120" t="s">
        <v>117</v>
      </c>
      <c r="D12120" t="s">
        <v>118</v>
      </c>
      <c r="E12120">
        <v>2013</v>
      </c>
      <c r="F12120">
        <v>2013</v>
      </c>
      <c r="G12120" t="s">
        <v>14</v>
      </c>
      <c r="H12120" t="s">
        <v>123</v>
      </c>
      <c r="I12120" t="s">
        <v>15</v>
      </c>
      <c r="J12120" s="10">
        <v>16.99941054</v>
      </c>
    </row>
    <row r="12121" spans="1:10" x14ac:dyDescent="0.35">
      <c r="A12121" t="s">
        <v>33</v>
      </c>
      <c r="B12121" t="s">
        <v>75</v>
      </c>
      <c r="C12121" t="s">
        <v>117</v>
      </c>
      <c r="D12121" t="s">
        <v>118</v>
      </c>
      <c r="E12121">
        <v>2013</v>
      </c>
      <c r="F12121">
        <v>2013</v>
      </c>
      <c r="G12121" t="s">
        <v>14</v>
      </c>
      <c r="H12121" t="s">
        <v>124</v>
      </c>
      <c r="I12121" t="s">
        <v>15</v>
      </c>
      <c r="J12121" s="10">
        <v>2.450088418</v>
      </c>
    </row>
    <row r="12122" spans="1:10" x14ac:dyDescent="0.35">
      <c r="A12122" t="s">
        <v>33</v>
      </c>
      <c r="B12122" t="s">
        <v>75</v>
      </c>
      <c r="C12122" t="s">
        <v>117</v>
      </c>
      <c r="D12122" t="s">
        <v>118</v>
      </c>
      <c r="E12122">
        <v>2013</v>
      </c>
      <c r="F12122">
        <v>2013</v>
      </c>
      <c r="G12122" t="s">
        <v>125</v>
      </c>
      <c r="H12122" t="s">
        <v>119</v>
      </c>
      <c r="I12122" t="s">
        <v>15</v>
      </c>
      <c r="J12122" s="10">
        <v>19.12276507</v>
      </c>
    </row>
    <row r="12123" spans="1:10" x14ac:dyDescent="0.35">
      <c r="A12123" t="s">
        <v>33</v>
      </c>
      <c r="B12123" t="s">
        <v>75</v>
      </c>
      <c r="C12123" t="s">
        <v>117</v>
      </c>
      <c r="D12123" t="s">
        <v>118</v>
      </c>
      <c r="E12123">
        <v>2013</v>
      </c>
      <c r="F12123">
        <v>2013</v>
      </c>
      <c r="G12123" t="s">
        <v>125</v>
      </c>
      <c r="H12123" t="s">
        <v>120</v>
      </c>
      <c r="I12123" t="s">
        <v>15</v>
      </c>
      <c r="J12123" s="10">
        <v>10.45402619</v>
      </c>
    </row>
    <row r="12124" spans="1:10" x14ac:dyDescent="0.35">
      <c r="A12124" t="s">
        <v>33</v>
      </c>
      <c r="B12124" t="s">
        <v>75</v>
      </c>
      <c r="C12124" t="s">
        <v>117</v>
      </c>
      <c r="D12124" t="s">
        <v>118</v>
      </c>
      <c r="E12124">
        <v>2013</v>
      </c>
      <c r="F12124">
        <v>2013</v>
      </c>
      <c r="G12124" t="s">
        <v>125</v>
      </c>
      <c r="H12124" t="s">
        <v>121</v>
      </c>
      <c r="I12124" t="s">
        <v>15</v>
      </c>
      <c r="J12124" s="10">
        <v>32.58149358</v>
      </c>
    </row>
    <row r="12125" spans="1:10" x14ac:dyDescent="0.35">
      <c r="A12125" t="s">
        <v>33</v>
      </c>
      <c r="B12125" t="s">
        <v>75</v>
      </c>
      <c r="C12125" t="s">
        <v>117</v>
      </c>
      <c r="D12125" t="s">
        <v>118</v>
      </c>
      <c r="E12125">
        <v>2013</v>
      </c>
      <c r="F12125">
        <v>2013</v>
      </c>
      <c r="G12125" t="s">
        <v>125</v>
      </c>
      <c r="H12125" t="s">
        <v>122</v>
      </c>
      <c r="I12125" t="s">
        <v>15</v>
      </c>
      <c r="J12125" s="10">
        <v>20.18543609</v>
      </c>
    </row>
    <row r="12126" spans="1:10" x14ac:dyDescent="0.35">
      <c r="A12126" t="s">
        <v>33</v>
      </c>
      <c r="B12126" t="s">
        <v>75</v>
      </c>
      <c r="C12126" t="s">
        <v>117</v>
      </c>
      <c r="D12126" t="s">
        <v>118</v>
      </c>
      <c r="E12126">
        <v>2013</v>
      </c>
      <c r="F12126">
        <v>2013</v>
      </c>
      <c r="G12126" t="s">
        <v>125</v>
      </c>
      <c r="H12126" t="s">
        <v>123</v>
      </c>
      <c r="I12126" t="s">
        <v>15</v>
      </c>
      <c r="J12126" s="10">
        <v>16.019765679999999</v>
      </c>
    </row>
    <row r="12127" spans="1:10" x14ac:dyDescent="0.35">
      <c r="A12127" t="s">
        <v>33</v>
      </c>
      <c r="B12127" t="s">
        <v>75</v>
      </c>
      <c r="C12127" t="s">
        <v>117</v>
      </c>
      <c r="D12127" t="s">
        <v>118</v>
      </c>
      <c r="E12127">
        <v>2013</v>
      </c>
      <c r="F12127">
        <v>2013</v>
      </c>
      <c r="G12127" t="s">
        <v>125</v>
      </c>
      <c r="H12127" t="s">
        <v>124</v>
      </c>
      <c r="I12127" t="s">
        <v>15</v>
      </c>
      <c r="J12127" s="10">
        <v>1.6365133759999999</v>
      </c>
    </row>
    <row r="12128" spans="1:10" x14ac:dyDescent="0.35">
      <c r="A12128" t="s">
        <v>33</v>
      </c>
      <c r="B12128" t="s">
        <v>75</v>
      </c>
      <c r="C12128" t="s">
        <v>117</v>
      </c>
      <c r="D12128" t="s">
        <v>118</v>
      </c>
      <c r="E12128">
        <v>2013</v>
      </c>
      <c r="F12128">
        <v>2013</v>
      </c>
      <c r="G12128" t="s">
        <v>126</v>
      </c>
      <c r="H12128" t="s">
        <v>119</v>
      </c>
      <c r="I12128" t="s">
        <v>15</v>
      </c>
      <c r="J12128" s="10">
        <v>17.0111642</v>
      </c>
    </row>
    <row r="12129" spans="1:10" x14ac:dyDescent="0.35">
      <c r="A12129" t="s">
        <v>33</v>
      </c>
      <c r="B12129" t="s">
        <v>75</v>
      </c>
      <c r="C12129" t="s">
        <v>117</v>
      </c>
      <c r="D12129" t="s">
        <v>118</v>
      </c>
      <c r="E12129">
        <v>2013</v>
      </c>
      <c r="F12129">
        <v>2013</v>
      </c>
      <c r="G12129" t="s">
        <v>126</v>
      </c>
      <c r="H12129" t="s">
        <v>120</v>
      </c>
      <c r="I12129" t="s">
        <v>15</v>
      </c>
      <c r="J12129" s="10">
        <v>9.9042008070000005</v>
      </c>
    </row>
    <row r="12130" spans="1:10" x14ac:dyDescent="0.35">
      <c r="A12130" t="s">
        <v>33</v>
      </c>
      <c r="B12130" t="s">
        <v>75</v>
      </c>
      <c r="C12130" t="s">
        <v>117</v>
      </c>
      <c r="D12130" t="s">
        <v>118</v>
      </c>
      <c r="E12130">
        <v>2013</v>
      </c>
      <c r="F12130">
        <v>2013</v>
      </c>
      <c r="G12130" t="s">
        <v>126</v>
      </c>
      <c r="H12130" t="s">
        <v>121</v>
      </c>
      <c r="I12130" t="s">
        <v>15</v>
      </c>
      <c r="J12130" s="10">
        <v>32.081590220000002</v>
      </c>
    </row>
    <row r="12131" spans="1:10" x14ac:dyDescent="0.35">
      <c r="A12131" t="s">
        <v>33</v>
      </c>
      <c r="B12131" t="s">
        <v>75</v>
      </c>
      <c r="C12131" t="s">
        <v>117</v>
      </c>
      <c r="D12131" t="s">
        <v>118</v>
      </c>
      <c r="E12131">
        <v>2013</v>
      </c>
      <c r="F12131">
        <v>2013</v>
      </c>
      <c r="G12131" t="s">
        <v>126</v>
      </c>
      <c r="H12131" t="s">
        <v>122</v>
      </c>
      <c r="I12131" t="s">
        <v>15</v>
      </c>
      <c r="J12131" s="10">
        <v>19.882664550000001</v>
      </c>
    </row>
    <row r="12132" spans="1:10" x14ac:dyDescent="0.35">
      <c r="A12132" t="s">
        <v>33</v>
      </c>
      <c r="B12132" t="s">
        <v>75</v>
      </c>
      <c r="C12132" t="s">
        <v>117</v>
      </c>
      <c r="D12132" t="s">
        <v>118</v>
      </c>
      <c r="E12132">
        <v>2013</v>
      </c>
      <c r="F12132">
        <v>2013</v>
      </c>
      <c r="G12132" t="s">
        <v>126</v>
      </c>
      <c r="H12132" t="s">
        <v>123</v>
      </c>
      <c r="I12132" t="s">
        <v>15</v>
      </c>
      <c r="J12132" s="10">
        <v>17.912221200000001</v>
      </c>
    </row>
    <row r="12133" spans="1:10" x14ac:dyDescent="0.35">
      <c r="A12133" t="s">
        <v>33</v>
      </c>
      <c r="B12133" t="s">
        <v>75</v>
      </c>
      <c r="C12133" t="s">
        <v>117</v>
      </c>
      <c r="D12133" t="s">
        <v>118</v>
      </c>
      <c r="E12133">
        <v>2013</v>
      </c>
      <c r="F12133">
        <v>2013</v>
      </c>
      <c r="G12133" t="s">
        <v>126</v>
      </c>
      <c r="H12133" t="s">
        <v>124</v>
      </c>
      <c r="I12133" t="s">
        <v>15</v>
      </c>
      <c r="J12133" s="10">
        <v>3.2081590219999998</v>
      </c>
    </row>
    <row r="12134" spans="1:10" x14ac:dyDescent="0.35">
      <c r="A12134" t="s">
        <v>33</v>
      </c>
      <c r="B12134" t="s">
        <v>75</v>
      </c>
      <c r="C12134" t="s">
        <v>117</v>
      </c>
      <c r="D12134" t="s">
        <v>118</v>
      </c>
      <c r="E12134">
        <v>2012</v>
      </c>
      <c r="F12134">
        <v>2012</v>
      </c>
      <c r="G12134" t="s">
        <v>14</v>
      </c>
      <c r="H12134" t="s">
        <v>119</v>
      </c>
      <c r="I12134" t="s">
        <v>15</v>
      </c>
      <c r="J12134" s="10">
        <v>18.045228059999999</v>
      </c>
    </row>
    <row r="12135" spans="1:10" x14ac:dyDescent="0.35">
      <c r="A12135" t="s">
        <v>33</v>
      </c>
      <c r="B12135" t="s">
        <v>75</v>
      </c>
      <c r="C12135" t="s">
        <v>117</v>
      </c>
      <c r="D12135" t="s">
        <v>118</v>
      </c>
      <c r="E12135">
        <v>2012</v>
      </c>
      <c r="F12135">
        <v>2012</v>
      </c>
      <c r="G12135" t="s">
        <v>14</v>
      </c>
      <c r="H12135" t="s">
        <v>120</v>
      </c>
      <c r="I12135" t="s">
        <v>15</v>
      </c>
      <c r="J12135" s="10">
        <v>10.31301904</v>
      </c>
    </row>
    <row r="12136" spans="1:10" x14ac:dyDescent="0.35">
      <c r="A12136" t="s">
        <v>33</v>
      </c>
      <c r="B12136" t="s">
        <v>75</v>
      </c>
      <c r="C12136" t="s">
        <v>117</v>
      </c>
      <c r="D12136" t="s">
        <v>118</v>
      </c>
      <c r="E12136">
        <v>2012</v>
      </c>
      <c r="F12136">
        <v>2012</v>
      </c>
      <c r="G12136" t="s">
        <v>14</v>
      </c>
      <c r="H12136" t="s">
        <v>121</v>
      </c>
      <c r="I12136" t="s">
        <v>15</v>
      </c>
      <c r="J12136" s="10">
        <v>32.716238660000002</v>
      </c>
    </row>
    <row r="12137" spans="1:10" x14ac:dyDescent="0.35">
      <c r="A12137" t="s">
        <v>33</v>
      </c>
      <c r="B12137" t="s">
        <v>75</v>
      </c>
      <c r="C12137" t="s">
        <v>117</v>
      </c>
      <c r="D12137" t="s">
        <v>118</v>
      </c>
      <c r="E12137">
        <v>2012</v>
      </c>
      <c r="F12137">
        <v>2012</v>
      </c>
      <c r="G12137" t="s">
        <v>14</v>
      </c>
      <c r="H12137" t="s">
        <v>122</v>
      </c>
      <c r="I12137" t="s">
        <v>15</v>
      </c>
      <c r="J12137" s="10">
        <v>19.854350329999999</v>
      </c>
    </row>
    <row r="12138" spans="1:10" x14ac:dyDescent="0.35">
      <c r="A12138" t="s">
        <v>33</v>
      </c>
      <c r="B12138" t="s">
        <v>75</v>
      </c>
      <c r="C12138" t="s">
        <v>117</v>
      </c>
      <c r="D12138" t="s">
        <v>118</v>
      </c>
      <c r="E12138">
        <v>2012</v>
      </c>
      <c r="F12138">
        <v>2012</v>
      </c>
      <c r="G12138" t="s">
        <v>14</v>
      </c>
      <c r="H12138" t="s">
        <v>123</v>
      </c>
      <c r="I12138" t="s">
        <v>15</v>
      </c>
      <c r="J12138" s="10">
        <v>16.620672030000001</v>
      </c>
    </row>
    <row r="12139" spans="1:10" x14ac:dyDescent="0.35">
      <c r="A12139" t="s">
        <v>33</v>
      </c>
      <c r="B12139" t="s">
        <v>75</v>
      </c>
      <c r="C12139" t="s">
        <v>117</v>
      </c>
      <c r="D12139" t="s">
        <v>118</v>
      </c>
      <c r="E12139">
        <v>2012</v>
      </c>
      <c r="F12139">
        <v>2012</v>
      </c>
      <c r="G12139" t="s">
        <v>14</v>
      </c>
      <c r="H12139" t="s">
        <v>124</v>
      </c>
      <c r="I12139" t="s">
        <v>15</v>
      </c>
      <c r="J12139" s="10">
        <v>2.4504918870000001</v>
      </c>
    </row>
    <row r="12140" spans="1:10" x14ac:dyDescent="0.35">
      <c r="A12140" t="s">
        <v>33</v>
      </c>
      <c r="B12140" t="s">
        <v>75</v>
      </c>
      <c r="C12140" t="s">
        <v>117</v>
      </c>
      <c r="D12140" t="s">
        <v>118</v>
      </c>
      <c r="E12140">
        <v>2012</v>
      </c>
      <c r="F12140">
        <v>2012</v>
      </c>
      <c r="G12140" t="s">
        <v>125</v>
      </c>
      <c r="H12140" t="s">
        <v>119</v>
      </c>
      <c r="I12140" t="s">
        <v>15</v>
      </c>
      <c r="J12140" s="10">
        <v>19.180227769999998</v>
      </c>
    </row>
    <row r="12141" spans="1:10" x14ac:dyDescent="0.35">
      <c r="A12141" t="s">
        <v>33</v>
      </c>
      <c r="B12141" t="s">
        <v>75</v>
      </c>
      <c r="C12141" t="s">
        <v>117</v>
      </c>
      <c r="D12141" t="s">
        <v>118</v>
      </c>
      <c r="E12141">
        <v>2012</v>
      </c>
      <c r="F12141">
        <v>2012</v>
      </c>
      <c r="G12141" t="s">
        <v>125</v>
      </c>
      <c r="H12141" t="s">
        <v>120</v>
      </c>
      <c r="I12141" t="s">
        <v>15</v>
      </c>
      <c r="J12141" s="10">
        <v>10.51262311</v>
      </c>
    </row>
    <row r="12142" spans="1:10" x14ac:dyDescent="0.35">
      <c r="A12142" t="s">
        <v>33</v>
      </c>
      <c r="B12142" t="s">
        <v>75</v>
      </c>
      <c r="C12142" t="s">
        <v>117</v>
      </c>
      <c r="D12142" t="s">
        <v>118</v>
      </c>
      <c r="E12142">
        <v>2012</v>
      </c>
      <c r="F12142">
        <v>2012</v>
      </c>
      <c r="G12142" t="s">
        <v>125</v>
      </c>
      <c r="H12142" t="s">
        <v>121</v>
      </c>
      <c r="I12142" t="s">
        <v>15</v>
      </c>
      <c r="J12142" s="10">
        <v>33.043085830000003</v>
      </c>
    </row>
    <row r="12143" spans="1:10" x14ac:dyDescent="0.35">
      <c r="A12143" t="s">
        <v>33</v>
      </c>
      <c r="B12143" t="s">
        <v>75</v>
      </c>
      <c r="C12143" t="s">
        <v>117</v>
      </c>
      <c r="D12143" t="s">
        <v>118</v>
      </c>
      <c r="E12143">
        <v>2012</v>
      </c>
      <c r="F12143">
        <v>2012</v>
      </c>
      <c r="G12143" t="s">
        <v>125</v>
      </c>
      <c r="H12143" t="s">
        <v>122</v>
      </c>
      <c r="I12143" t="s">
        <v>15</v>
      </c>
      <c r="J12143" s="10">
        <v>20.080172019999999</v>
      </c>
    </row>
    <row r="12144" spans="1:10" x14ac:dyDescent="0.35">
      <c r="A12144" t="s">
        <v>33</v>
      </c>
      <c r="B12144" t="s">
        <v>75</v>
      </c>
      <c r="C12144" t="s">
        <v>117</v>
      </c>
      <c r="D12144" t="s">
        <v>118</v>
      </c>
      <c r="E12144">
        <v>2012</v>
      </c>
      <c r="F12144">
        <v>2012</v>
      </c>
      <c r="G12144" t="s">
        <v>125</v>
      </c>
      <c r="H12144" t="s">
        <v>123</v>
      </c>
      <c r="I12144" t="s">
        <v>15</v>
      </c>
      <c r="J12144" s="10">
        <v>15.57514136</v>
      </c>
    </row>
    <row r="12145" spans="1:10" x14ac:dyDescent="0.35">
      <c r="A12145" t="s">
        <v>33</v>
      </c>
      <c r="B12145" t="s">
        <v>75</v>
      </c>
      <c r="C12145" t="s">
        <v>117</v>
      </c>
      <c r="D12145" t="s">
        <v>118</v>
      </c>
      <c r="E12145">
        <v>2012</v>
      </c>
      <c r="F12145">
        <v>2012</v>
      </c>
      <c r="G12145" t="s">
        <v>125</v>
      </c>
      <c r="H12145" t="s">
        <v>124</v>
      </c>
      <c r="I12145" t="s">
        <v>15</v>
      </c>
      <c r="J12145" s="10">
        <v>1.6087499000000001</v>
      </c>
    </row>
    <row r="12146" spans="1:10" x14ac:dyDescent="0.35">
      <c r="A12146" t="s">
        <v>33</v>
      </c>
      <c r="B12146" t="s">
        <v>75</v>
      </c>
      <c r="C12146" t="s">
        <v>117</v>
      </c>
      <c r="D12146" t="s">
        <v>118</v>
      </c>
      <c r="E12146">
        <v>2012</v>
      </c>
      <c r="F12146">
        <v>2012</v>
      </c>
      <c r="G12146" t="s">
        <v>126</v>
      </c>
      <c r="H12146" t="s">
        <v>119</v>
      </c>
      <c r="I12146" t="s">
        <v>15</v>
      </c>
      <c r="J12146" s="10">
        <v>16.99219231</v>
      </c>
    </row>
    <row r="12147" spans="1:10" x14ac:dyDescent="0.35">
      <c r="A12147" t="s">
        <v>33</v>
      </c>
      <c r="B12147" t="s">
        <v>75</v>
      </c>
      <c r="C12147" t="s">
        <v>117</v>
      </c>
      <c r="D12147" t="s">
        <v>118</v>
      </c>
      <c r="E12147">
        <v>2012</v>
      </c>
      <c r="F12147">
        <v>2012</v>
      </c>
      <c r="G12147" t="s">
        <v>126</v>
      </c>
      <c r="H12147" t="s">
        <v>120</v>
      </c>
      <c r="I12147" t="s">
        <v>15</v>
      </c>
      <c r="J12147" s="10">
        <v>10.12782936</v>
      </c>
    </row>
    <row r="12148" spans="1:10" x14ac:dyDescent="0.35">
      <c r="A12148" t="s">
        <v>33</v>
      </c>
      <c r="B12148" t="s">
        <v>75</v>
      </c>
      <c r="C12148" t="s">
        <v>117</v>
      </c>
      <c r="D12148" t="s">
        <v>118</v>
      </c>
      <c r="E12148">
        <v>2012</v>
      </c>
      <c r="F12148">
        <v>2012</v>
      </c>
      <c r="G12148" t="s">
        <v>126</v>
      </c>
      <c r="H12148" t="s">
        <v>121</v>
      </c>
      <c r="I12148" t="s">
        <v>15</v>
      </c>
      <c r="J12148" s="10">
        <v>32.412994750000003</v>
      </c>
    </row>
    <row r="12149" spans="1:10" x14ac:dyDescent="0.35">
      <c r="A12149" t="s">
        <v>33</v>
      </c>
      <c r="B12149" t="s">
        <v>75</v>
      </c>
      <c r="C12149" t="s">
        <v>117</v>
      </c>
      <c r="D12149" t="s">
        <v>118</v>
      </c>
      <c r="E12149">
        <v>2012</v>
      </c>
      <c r="F12149">
        <v>2012</v>
      </c>
      <c r="G12149" t="s">
        <v>126</v>
      </c>
      <c r="H12149" t="s">
        <v>122</v>
      </c>
      <c r="I12149" t="s">
        <v>15</v>
      </c>
      <c r="J12149" s="10">
        <v>19.64483633</v>
      </c>
    </row>
    <row r="12150" spans="1:10" x14ac:dyDescent="0.35">
      <c r="A12150" t="s">
        <v>33</v>
      </c>
      <c r="B12150" t="s">
        <v>75</v>
      </c>
      <c r="C12150" t="s">
        <v>117</v>
      </c>
      <c r="D12150" t="s">
        <v>118</v>
      </c>
      <c r="E12150">
        <v>2012</v>
      </c>
      <c r="F12150">
        <v>2012</v>
      </c>
      <c r="G12150" t="s">
        <v>126</v>
      </c>
      <c r="H12150" t="s">
        <v>123</v>
      </c>
      <c r="I12150" t="s">
        <v>15</v>
      </c>
      <c r="J12150" s="10">
        <v>17.590699740000002</v>
      </c>
    </row>
    <row r="12151" spans="1:10" x14ac:dyDescent="0.35">
      <c r="A12151" t="s">
        <v>33</v>
      </c>
      <c r="B12151" t="s">
        <v>75</v>
      </c>
      <c r="C12151" t="s">
        <v>117</v>
      </c>
      <c r="D12151" t="s">
        <v>118</v>
      </c>
      <c r="E12151">
        <v>2012</v>
      </c>
      <c r="F12151">
        <v>2012</v>
      </c>
      <c r="G12151" t="s">
        <v>126</v>
      </c>
      <c r="H12151" t="s">
        <v>124</v>
      </c>
      <c r="I12151" t="s">
        <v>15</v>
      </c>
      <c r="J12151" s="10">
        <v>3.2314475009999999</v>
      </c>
    </row>
    <row r="12152" spans="1:10" x14ac:dyDescent="0.35">
      <c r="A12152" t="s">
        <v>33</v>
      </c>
      <c r="B12152" t="s">
        <v>75</v>
      </c>
      <c r="C12152" t="s">
        <v>117</v>
      </c>
      <c r="D12152" t="s">
        <v>118</v>
      </c>
      <c r="E12152">
        <v>2011</v>
      </c>
      <c r="F12152">
        <v>2011</v>
      </c>
      <c r="G12152" t="s">
        <v>14</v>
      </c>
      <c r="H12152" t="s">
        <v>119</v>
      </c>
      <c r="I12152" t="s">
        <v>15</v>
      </c>
      <c r="J12152" s="10">
        <v>18.109652430000001</v>
      </c>
    </row>
    <row r="12153" spans="1:10" x14ac:dyDescent="0.35">
      <c r="A12153" t="s">
        <v>33</v>
      </c>
      <c r="B12153" t="s">
        <v>75</v>
      </c>
      <c r="C12153" t="s">
        <v>117</v>
      </c>
      <c r="D12153" t="s">
        <v>118</v>
      </c>
      <c r="E12153">
        <v>2011</v>
      </c>
      <c r="F12153">
        <v>2011</v>
      </c>
      <c r="G12153" t="s">
        <v>14</v>
      </c>
      <c r="H12153" t="s">
        <v>120</v>
      </c>
      <c r="I12153" t="s">
        <v>15</v>
      </c>
      <c r="J12153" s="10">
        <v>10.42068798</v>
      </c>
    </row>
    <row r="12154" spans="1:10" x14ac:dyDescent="0.35">
      <c r="A12154" t="s">
        <v>33</v>
      </c>
      <c r="B12154" t="s">
        <v>75</v>
      </c>
      <c r="C12154" t="s">
        <v>117</v>
      </c>
      <c r="D12154" t="s">
        <v>118</v>
      </c>
      <c r="E12154">
        <v>2011</v>
      </c>
      <c r="F12154">
        <v>2011</v>
      </c>
      <c r="G12154" t="s">
        <v>14</v>
      </c>
      <c r="H12154" t="s">
        <v>121</v>
      </c>
      <c r="I12154" t="s">
        <v>15</v>
      </c>
      <c r="J12154" s="10">
        <v>33.051681600000002</v>
      </c>
    </row>
    <row r="12155" spans="1:10" x14ac:dyDescent="0.35">
      <c r="A12155" t="s">
        <v>33</v>
      </c>
      <c r="B12155" t="s">
        <v>75</v>
      </c>
      <c r="C12155" t="s">
        <v>117</v>
      </c>
      <c r="D12155" t="s">
        <v>118</v>
      </c>
      <c r="E12155">
        <v>2011</v>
      </c>
      <c r="F12155">
        <v>2011</v>
      </c>
      <c r="G12155" t="s">
        <v>14</v>
      </c>
      <c r="H12155" t="s">
        <v>122</v>
      </c>
      <c r="I12155" t="s">
        <v>15</v>
      </c>
      <c r="J12155" s="10">
        <v>19.89671349</v>
      </c>
    </row>
    <row r="12156" spans="1:10" x14ac:dyDescent="0.35">
      <c r="A12156" t="s">
        <v>33</v>
      </c>
      <c r="B12156" t="s">
        <v>75</v>
      </c>
      <c r="C12156" t="s">
        <v>117</v>
      </c>
      <c r="D12156" t="s">
        <v>118</v>
      </c>
      <c r="E12156">
        <v>2011</v>
      </c>
      <c r="F12156">
        <v>2011</v>
      </c>
      <c r="G12156" t="s">
        <v>14</v>
      </c>
      <c r="H12156" t="s">
        <v>123</v>
      </c>
      <c r="I12156" t="s">
        <v>15</v>
      </c>
      <c r="J12156" s="10">
        <v>16.138516410000001</v>
      </c>
    </row>
    <row r="12157" spans="1:10" x14ac:dyDescent="0.35">
      <c r="A12157" t="s">
        <v>33</v>
      </c>
      <c r="B12157" t="s">
        <v>75</v>
      </c>
      <c r="C12157" t="s">
        <v>117</v>
      </c>
      <c r="D12157" t="s">
        <v>118</v>
      </c>
      <c r="E12157">
        <v>2011</v>
      </c>
      <c r="F12157">
        <v>2011</v>
      </c>
      <c r="G12157" t="s">
        <v>14</v>
      </c>
      <c r="H12157" t="s">
        <v>124</v>
      </c>
      <c r="I12157" t="s">
        <v>15</v>
      </c>
      <c r="J12157" s="10">
        <v>2.3827480859999999</v>
      </c>
    </row>
    <row r="12158" spans="1:10" x14ac:dyDescent="0.35">
      <c r="A12158" t="s">
        <v>33</v>
      </c>
      <c r="B12158" t="s">
        <v>75</v>
      </c>
      <c r="C12158" t="s">
        <v>117</v>
      </c>
      <c r="D12158" t="s">
        <v>118</v>
      </c>
      <c r="E12158">
        <v>2011</v>
      </c>
      <c r="F12158">
        <v>2011</v>
      </c>
      <c r="G12158" t="s">
        <v>125</v>
      </c>
      <c r="H12158" t="s">
        <v>119</v>
      </c>
      <c r="I12158" t="s">
        <v>15</v>
      </c>
      <c r="J12158" s="10">
        <v>19.358783500000001</v>
      </c>
    </row>
    <row r="12159" spans="1:10" x14ac:dyDescent="0.35">
      <c r="A12159" t="s">
        <v>33</v>
      </c>
      <c r="B12159" t="s">
        <v>75</v>
      </c>
      <c r="C12159" t="s">
        <v>117</v>
      </c>
      <c r="D12159" t="s">
        <v>118</v>
      </c>
      <c r="E12159">
        <v>2011</v>
      </c>
      <c r="F12159">
        <v>2011</v>
      </c>
      <c r="G12159" t="s">
        <v>125</v>
      </c>
      <c r="H12159" t="s">
        <v>120</v>
      </c>
      <c r="I12159" t="s">
        <v>15</v>
      </c>
      <c r="J12159" s="10">
        <v>10.407805189999999</v>
      </c>
    </row>
    <row r="12160" spans="1:10" x14ac:dyDescent="0.35">
      <c r="A12160" t="s">
        <v>33</v>
      </c>
      <c r="B12160" t="s">
        <v>75</v>
      </c>
      <c r="C12160" t="s">
        <v>117</v>
      </c>
      <c r="D12160" t="s">
        <v>118</v>
      </c>
      <c r="E12160">
        <v>2011</v>
      </c>
      <c r="F12160">
        <v>2011</v>
      </c>
      <c r="G12160" t="s">
        <v>125</v>
      </c>
      <c r="H12160" t="s">
        <v>121</v>
      </c>
      <c r="I12160" t="s">
        <v>15</v>
      </c>
      <c r="J12160" s="10">
        <v>33.517652060000003</v>
      </c>
    </row>
    <row r="12161" spans="1:10" x14ac:dyDescent="0.35">
      <c r="A12161" t="s">
        <v>33</v>
      </c>
      <c r="B12161" t="s">
        <v>75</v>
      </c>
      <c r="C12161" t="s">
        <v>117</v>
      </c>
      <c r="D12161" t="s">
        <v>118</v>
      </c>
      <c r="E12161">
        <v>2011</v>
      </c>
      <c r="F12161">
        <v>2011</v>
      </c>
      <c r="G12161" t="s">
        <v>125</v>
      </c>
      <c r="H12161" t="s">
        <v>122</v>
      </c>
      <c r="I12161" t="s">
        <v>15</v>
      </c>
      <c r="J12161" s="10">
        <v>20.132390470000001</v>
      </c>
    </row>
    <row r="12162" spans="1:10" x14ac:dyDescent="0.35">
      <c r="A12162" t="s">
        <v>33</v>
      </c>
      <c r="B12162" t="s">
        <v>75</v>
      </c>
      <c r="C12162" t="s">
        <v>117</v>
      </c>
      <c r="D12162" t="s">
        <v>118</v>
      </c>
      <c r="E12162">
        <v>2011</v>
      </c>
      <c r="F12162">
        <v>2011</v>
      </c>
      <c r="G12162" t="s">
        <v>125</v>
      </c>
      <c r="H12162" t="s">
        <v>123</v>
      </c>
      <c r="I12162" t="s">
        <v>15</v>
      </c>
      <c r="J12162" s="10">
        <v>15.08134836</v>
      </c>
    </row>
    <row r="12163" spans="1:10" x14ac:dyDescent="0.35">
      <c r="A12163" t="s">
        <v>33</v>
      </c>
      <c r="B12163" t="s">
        <v>75</v>
      </c>
      <c r="C12163" t="s">
        <v>117</v>
      </c>
      <c r="D12163" t="s">
        <v>118</v>
      </c>
      <c r="E12163">
        <v>2011</v>
      </c>
      <c r="F12163">
        <v>2011</v>
      </c>
      <c r="G12163" t="s">
        <v>125</v>
      </c>
      <c r="H12163" t="s">
        <v>124</v>
      </c>
      <c r="I12163" t="s">
        <v>15</v>
      </c>
      <c r="J12163" s="10">
        <v>1.502020417</v>
      </c>
    </row>
    <row r="12164" spans="1:10" x14ac:dyDescent="0.35">
      <c r="A12164" t="s">
        <v>33</v>
      </c>
      <c r="B12164" t="s">
        <v>75</v>
      </c>
      <c r="C12164" t="s">
        <v>117</v>
      </c>
      <c r="D12164" t="s">
        <v>118</v>
      </c>
      <c r="E12164">
        <v>2011</v>
      </c>
      <c r="F12164">
        <v>2011</v>
      </c>
      <c r="G12164" t="s">
        <v>126</v>
      </c>
      <c r="H12164" t="s">
        <v>119</v>
      </c>
      <c r="I12164" t="s">
        <v>15</v>
      </c>
      <c r="J12164" s="10">
        <v>16.95269987</v>
      </c>
    </row>
    <row r="12165" spans="1:10" x14ac:dyDescent="0.35">
      <c r="A12165" t="s">
        <v>33</v>
      </c>
      <c r="B12165" t="s">
        <v>75</v>
      </c>
      <c r="C12165" t="s">
        <v>117</v>
      </c>
      <c r="D12165" t="s">
        <v>118</v>
      </c>
      <c r="E12165">
        <v>2011</v>
      </c>
      <c r="F12165">
        <v>2011</v>
      </c>
      <c r="G12165" t="s">
        <v>126</v>
      </c>
      <c r="H12165" t="s">
        <v>120</v>
      </c>
      <c r="I12165" t="s">
        <v>15</v>
      </c>
      <c r="J12165" s="10">
        <v>10.432620099999999</v>
      </c>
    </row>
    <row r="12166" spans="1:10" x14ac:dyDescent="0.35">
      <c r="A12166" t="s">
        <v>33</v>
      </c>
      <c r="B12166" t="s">
        <v>75</v>
      </c>
      <c r="C12166" t="s">
        <v>117</v>
      </c>
      <c r="D12166" t="s">
        <v>118</v>
      </c>
      <c r="E12166">
        <v>2011</v>
      </c>
      <c r="F12166">
        <v>2011</v>
      </c>
      <c r="G12166" t="s">
        <v>126</v>
      </c>
      <c r="H12166" t="s">
        <v>121</v>
      </c>
      <c r="I12166" t="s">
        <v>15</v>
      </c>
      <c r="J12166" s="10">
        <v>32.620097010000002</v>
      </c>
    </row>
    <row r="12167" spans="1:10" x14ac:dyDescent="0.35">
      <c r="A12167" t="s">
        <v>33</v>
      </c>
      <c r="B12167" t="s">
        <v>75</v>
      </c>
      <c r="C12167" t="s">
        <v>117</v>
      </c>
      <c r="D12167" t="s">
        <v>118</v>
      </c>
      <c r="E12167">
        <v>2011</v>
      </c>
      <c r="F12167">
        <v>2011</v>
      </c>
      <c r="G12167" t="s">
        <v>126</v>
      </c>
      <c r="H12167" t="s">
        <v>122</v>
      </c>
      <c r="I12167" t="s">
        <v>15</v>
      </c>
      <c r="J12167" s="10">
        <v>19.678428090000001</v>
      </c>
    </row>
    <row r="12168" spans="1:10" x14ac:dyDescent="0.35">
      <c r="A12168" t="s">
        <v>33</v>
      </c>
      <c r="B12168" t="s">
        <v>75</v>
      </c>
      <c r="C12168" t="s">
        <v>117</v>
      </c>
      <c r="D12168" t="s">
        <v>118</v>
      </c>
      <c r="E12168">
        <v>2011</v>
      </c>
      <c r="F12168">
        <v>2011</v>
      </c>
      <c r="G12168" t="s">
        <v>126</v>
      </c>
      <c r="H12168" t="s">
        <v>123</v>
      </c>
      <c r="I12168" t="s">
        <v>15</v>
      </c>
      <c r="J12168" s="10">
        <v>17.117671680000001</v>
      </c>
    </row>
    <row r="12169" spans="1:10" x14ac:dyDescent="0.35">
      <c r="A12169" t="s">
        <v>33</v>
      </c>
      <c r="B12169" t="s">
        <v>75</v>
      </c>
      <c r="C12169" t="s">
        <v>117</v>
      </c>
      <c r="D12169" t="s">
        <v>118</v>
      </c>
      <c r="E12169">
        <v>2011</v>
      </c>
      <c r="F12169">
        <v>2011</v>
      </c>
      <c r="G12169" t="s">
        <v>126</v>
      </c>
      <c r="H12169" t="s">
        <v>124</v>
      </c>
      <c r="I12169" t="s">
        <v>15</v>
      </c>
      <c r="J12169" s="10">
        <v>3.1984832440000002</v>
      </c>
    </row>
    <row r="12170" spans="1:10" x14ac:dyDescent="0.35">
      <c r="A12170" t="s">
        <v>22</v>
      </c>
      <c r="B12170" t="s">
        <v>76</v>
      </c>
      <c r="C12170" t="s">
        <v>117</v>
      </c>
      <c r="D12170" t="s">
        <v>118</v>
      </c>
      <c r="E12170">
        <v>2020</v>
      </c>
      <c r="F12170">
        <v>2020</v>
      </c>
      <c r="G12170" t="s">
        <v>14</v>
      </c>
      <c r="H12170" t="s">
        <v>119</v>
      </c>
      <c r="I12170" t="s">
        <v>15</v>
      </c>
      <c r="J12170" s="10">
        <v>19.442085859999999</v>
      </c>
    </row>
    <row r="12171" spans="1:10" x14ac:dyDescent="0.35">
      <c r="A12171" t="s">
        <v>22</v>
      </c>
      <c r="B12171" t="s">
        <v>76</v>
      </c>
      <c r="C12171" t="s">
        <v>117</v>
      </c>
      <c r="D12171" t="s">
        <v>118</v>
      </c>
      <c r="E12171">
        <v>2020</v>
      </c>
      <c r="F12171">
        <v>2020</v>
      </c>
      <c r="G12171" t="s">
        <v>14</v>
      </c>
      <c r="H12171" t="s">
        <v>120</v>
      </c>
      <c r="I12171" t="s">
        <v>15</v>
      </c>
      <c r="J12171" s="10">
        <v>9.2136599910000001</v>
      </c>
    </row>
    <row r="12172" spans="1:10" x14ac:dyDescent="0.35">
      <c r="A12172" t="s">
        <v>22</v>
      </c>
      <c r="B12172" t="s">
        <v>76</v>
      </c>
      <c r="C12172" t="s">
        <v>117</v>
      </c>
      <c r="D12172" t="s">
        <v>118</v>
      </c>
      <c r="E12172">
        <v>2020</v>
      </c>
      <c r="F12172">
        <v>2020</v>
      </c>
      <c r="G12172" t="s">
        <v>14</v>
      </c>
      <c r="H12172" t="s">
        <v>121</v>
      </c>
      <c r="I12172" t="s">
        <v>15</v>
      </c>
      <c r="J12172" s="10">
        <v>33.263611320000003</v>
      </c>
    </row>
    <row r="12173" spans="1:10" x14ac:dyDescent="0.35">
      <c r="A12173" t="s">
        <v>22</v>
      </c>
      <c r="B12173" t="s">
        <v>76</v>
      </c>
      <c r="C12173" t="s">
        <v>117</v>
      </c>
      <c r="D12173" t="s">
        <v>118</v>
      </c>
      <c r="E12173">
        <v>2020</v>
      </c>
      <c r="F12173">
        <v>2020</v>
      </c>
      <c r="G12173" t="s">
        <v>14</v>
      </c>
      <c r="H12173" t="s">
        <v>122</v>
      </c>
      <c r="I12173" t="s">
        <v>15</v>
      </c>
      <c r="J12173" s="10">
        <v>20.805806950000001</v>
      </c>
    </row>
    <row r="12174" spans="1:10" x14ac:dyDescent="0.35">
      <c r="A12174" t="s">
        <v>22</v>
      </c>
      <c r="B12174" t="s">
        <v>76</v>
      </c>
      <c r="C12174" t="s">
        <v>117</v>
      </c>
      <c r="D12174" t="s">
        <v>118</v>
      </c>
      <c r="E12174">
        <v>2020</v>
      </c>
      <c r="F12174">
        <v>2020</v>
      </c>
      <c r="G12174" t="s">
        <v>14</v>
      </c>
      <c r="H12174" t="s">
        <v>123</v>
      </c>
      <c r="I12174" t="s">
        <v>15</v>
      </c>
      <c r="J12174" s="10">
        <v>15.29500694</v>
      </c>
    </row>
    <row r="12175" spans="1:10" x14ac:dyDescent="0.35">
      <c r="A12175" t="s">
        <v>22</v>
      </c>
      <c r="B12175" t="s">
        <v>76</v>
      </c>
      <c r="C12175" t="s">
        <v>117</v>
      </c>
      <c r="D12175" t="s">
        <v>118</v>
      </c>
      <c r="E12175">
        <v>2020</v>
      </c>
      <c r="F12175">
        <v>2020</v>
      </c>
      <c r="G12175" t="s">
        <v>14</v>
      </c>
      <c r="H12175" t="s">
        <v>124</v>
      </c>
      <c r="I12175" t="s">
        <v>15</v>
      </c>
      <c r="J12175" s="10">
        <v>1.9798289389999999</v>
      </c>
    </row>
    <row r="12176" spans="1:10" x14ac:dyDescent="0.35">
      <c r="A12176" t="s">
        <v>22</v>
      </c>
      <c r="B12176" t="s">
        <v>76</v>
      </c>
      <c r="C12176" t="s">
        <v>117</v>
      </c>
      <c r="D12176" t="s">
        <v>118</v>
      </c>
      <c r="E12176">
        <v>2020</v>
      </c>
      <c r="F12176">
        <v>2020</v>
      </c>
      <c r="G12176" t="s">
        <v>125</v>
      </c>
      <c r="H12176" t="s">
        <v>119</v>
      </c>
      <c r="I12176" t="s">
        <v>15</v>
      </c>
      <c r="J12176" s="10">
        <v>20.589352810000001</v>
      </c>
    </row>
    <row r="12177" spans="1:10" x14ac:dyDescent="0.35">
      <c r="A12177" t="s">
        <v>22</v>
      </c>
      <c r="B12177" t="s">
        <v>76</v>
      </c>
      <c r="C12177" t="s">
        <v>117</v>
      </c>
      <c r="D12177" t="s">
        <v>118</v>
      </c>
      <c r="E12177">
        <v>2020</v>
      </c>
      <c r="F12177">
        <v>2020</v>
      </c>
      <c r="G12177" t="s">
        <v>125</v>
      </c>
      <c r="H12177" t="s">
        <v>120</v>
      </c>
      <c r="I12177" t="s">
        <v>15</v>
      </c>
      <c r="J12177" s="10">
        <v>9.5727614299999999</v>
      </c>
    </row>
    <row r="12178" spans="1:10" x14ac:dyDescent="0.35">
      <c r="A12178" t="s">
        <v>22</v>
      </c>
      <c r="B12178" t="s">
        <v>76</v>
      </c>
      <c r="C12178" t="s">
        <v>117</v>
      </c>
      <c r="D12178" t="s">
        <v>118</v>
      </c>
      <c r="E12178">
        <v>2020</v>
      </c>
      <c r="F12178">
        <v>2020</v>
      </c>
      <c r="G12178" t="s">
        <v>125</v>
      </c>
      <c r="H12178" t="s">
        <v>121</v>
      </c>
      <c r="I12178" t="s">
        <v>15</v>
      </c>
      <c r="J12178" s="10">
        <v>32.980115679999997</v>
      </c>
    </row>
    <row r="12179" spans="1:10" x14ac:dyDescent="0.35">
      <c r="A12179" t="s">
        <v>22</v>
      </c>
      <c r="B12179" t="s">
        <v>76</v>
      </c>
      <c r="C12179" t="s">
        <v>117</v>
      </c>
      <c r="D12179" t="s">
        <v>118</v>
      </c>
      <c r="E12179">
        <v>2020</v>
      </c>
      <c r="F12179">
        <v>2020</v>
      </c>
      <c r="G12179" t="s">
        <v>125</v>
      </c>
      <c r="H12179" t="s">
        <v>122</v>
      </c>
      <c r="I12179" t="s">
        <v>15</v>
      </c>
      <c r="J12179" s="10">
        <v>20.882762700000001</v>
      </c>
    </row>
    <row r="12180" spans="1:10" x14ac:dyDescent="0.35">
      <c r="A12180" t="s">
        <v>22</v>
      </c>
      <c r="B12180" t="s">
        <v>76</v>
      </c>
      <c r="C12180" t="s">
        <v>117</v>
      </c>
      <c r="D12180" t="s">
        <v>118</v>
      </c>
      <c r="E12180">
        <v>2020</v>
      </c>
      <c r="F12180">
        <v>2020</v>
      </c>
      <c r="G12180" t="s">
        <v>125</v>
      </c>
      <c r="H12180" t="s">
        <v>123</v>
      </c>
      <c r="I12180" t="s">
        <v>15</v>
      </c>
      <c r="J12180" s="10">
        <v>14.472073290000001</v>
      </c>
    </row>
    <row r="12181" spans="1:10" x14ac:dyDescent="0.35">
      <c r="A12181" t="s">
        <v>22</v>
      </c>
      <c r="B12181" t="s">
        <v>76</v>
      </c>
      <c r="C12181" t="s">
        <v>117</v>
      </c>
      <c r="D12181" t="s">
        <v>118</v>
      </c>
      <c r="E12181">
        <v>2020</v>
      </c>
      <c r="F12181">
        <v>2020</v>
      </c>
      <c r="G12181" t="s">
        <v>125</v>
      </c>
      <c r="H12181" t="s">
        <v>124</v>
      </c>
      <c r="I12181" t="s">
        <v>15</v>
      </c>
      <c r="J12181" s="10">
        <v>1.502934099</v>
      </c>
    </row>
    <row r="12182" spans="1:10" x14ac:dyDescent="0.35">
      <c r="A12182" t="s">
        <v>22</v>
      </c>
      <c r="B12182" t="s">
        <v>76</v>
      </c>
      <c r="C12182" t="s">
        <v>117</v>
      </c>
      <c r="D12182" t="s">
        <v>118</v>
      </c>
      <c r="E12182">
        <v>2020</v>
      </c>
      <c r="F12182">
        <v>2020</v>
      </c>
      <c r="G12182" t="s">
        <v>126</v>
      </c>
      <c r="H12182" t="s">
        <v>119</v>
      </c>
      <c r="I12182" t="s">
        <v>15</v>
      </c>
      <c r="J12182" s="10">
        <v>18.337398369999999</v>
      </c>
    </row>
    <row r="12183" spans="1:10" x14ac:dyDescent="0.35">
      <c r="A12183" t="s">
        <v>22</v>
      </c>
      <c r="B12183" t="s">
        <v>76</v>
      </c>
      <c r="C12183" t="s">
        <v>117</v>
      </c>
      <c r="D12183" t="s">
        <v>118</v>
      </c>
      <c r="E12183">
        <v>2020</v>
      </c>
      <c r="F12183">
        <v>2020</v>
      </c>
      <c r="G12183" t="s">
        <v>126</v>
      </c>
      <c r="H12183" t="s">
        <v>120</v>
      </c>
      <c r="I12183" t="s">
        <v>15</v>
      </c>
      <c r="J12183" s="10">
        <v>8.8678861789999992</v>
      </c>
    </row>
    <row r="12184" spans="1:10" x14ac:dyDescent="0.35">
      <c r="A12184" t="s">
        <v>22</v>
      </c>
      <c r="B12184" t="s">
        <v>76</v>
      </c>
      <c r="C12184" t="s">
        <v>117</v>
      </c>
      <c r="D12184" t="s">
        <v>118</v>
      </c>
      <c r="E12184">
        <v>2020</v>
      </c>
      <c r="F12184">
        <v>2020</v>
      </c>
      <c r="G12184" t="s">
        <v>126</v>
      </c>
      <c r="H12184" t="s">
        <v>121</v>
      </c>
      <c r="I12184" t="s">
        <v>15</v>
      </c>
      <c r="J12184" s="10">
        <v>33.536585369999997</v>
      </c>
    </row>
    <row r="12185" spans="1:10" x14ac:dyDescent="0.35">
      <c r="A12185" t="s">
        <v>22</v>
      </c>
      <c r="B12185" t="s">
        <v>76</v>
      </c>
      <c r="C12185" t="s">
        <v>117</v>
      </c>
      <c r="D12185" t="s">
        <v>118</v>
      </c>
      <c r="E12185">
        <v>2020</v>
      </c>
      <c r="F12185">
        <v>2020</v>
      </c>
      <c r="G12185" t="s">
        <v>126</v>
      </c>
      <c r="H12185" t="s">
        <v>122</v>
      </c>
      <c r="I12185" t="s">
        <v>15</v>
      </c>
      <c r="J12185" s="10">
        <v>20.731707320000002</v>
      </c>
    </row>
    <row r="12186" spans="1:10" x14ac:dyDescent="0.35">
      <c r="A12186" t="s">
        <v>22</v>
      </c>
      <c r="B12186" t="s">
        <v>76</v>
      </c>
      <c r="C12186" t="s">
        <v>117</v>
      </c>
      <c r="D12186" t="s">
        <v>118</v>
      </c>
      <c r="E12186">
        <v>2020</v>
      </c>
      <c r="F12186">
        <v>2020</v>
      </c>
      <c r="G12186" t="s">
        <v>126</v>
      </c>
      <c r="H12186" t="s">
        <v>123</v>
      </c>
      <c r="I12186" t="s">
        <v>15</v>
      </c>
      <c r="J12186" s="10">
        <v>16.087398369999999</v>
      </c>
    </row>
    <row r="12187" spans="1:10" x14ac:dyDescent="0.35">
      <c r="A12187" t="s">
        <v>22</v>
      </c>
      <c r="B12187" t="s">
        <v>76</v>
      </c>
      <c r="C12187" t="s">
        <v>117</v>
      </c>
      <c r="D12187" t="s">
        <v>118</v>
      </c>
      <c r="E12187">
        <v>2020</v>
      </c>
      <c r="F12187">
        <v>2020</v>
      </c>
      <c r="G12187" t="s">
        <v>126</v>
      </c>
      <c r="H12187" t="s">
        <v>124</v>
      </c>
      <c r="I12187" t="s">
        <v>15</v>
      </c>
      <c r="J12187" s="10">
        <v>2.4390243900000002</v>
      </c>
    </row>
    <row r="12188" spans="1:10" x14ac:dyDescent="0.35">
      <c r="A12188" t="s">
        <v>22</v>
      </c>
      <c r="B12188" t="s">
        <v>76</v>
      </c>
      <c r="C12188" t="s">
        <v>117</v>
      </c>
      <c r="D12188" t="s">
        <v>118</v>
      </c>
      <c r="E12188">
        <v>2019</v>
      </c>
      <c r="F12188">
        <v>2019</v>
      </c>
      <c r="G12188" t="s">
        <v>14</v>
      </c>
      <c r="H12188" t="s">
        <v>119</v>
      </c>
      <c r="I12188" t="s">
        <v>15</v>
      </c>
      <c r="J12188" s="10">
        <v>19.63481715</v>
      </c>
    </row>
    <row r="12189" spans="1:10" x14ac:dyDescent="0.35">
      <c r="A12189" t="s">
        <v>22</v>
      </c>
      <c r="B12189" t="s">
        <v>76</v>
      </c>
      <c r="C12189" t="s">
        <v>117</v>
      </c>
      <c r="D12189" t="s">
        <v>118</v>
      </c>
      <c r="E12189">
        <v>2019</v>
      </c>
      <c r="F12189">
        <v>2019</v>
      </c>
      <c r="G12189" t="s">
        <v>14</v>
      </c>
      <c r="H12189" t="s">
        <v>120</v>
      </c>
      <c r="I12189" t="s">
        <v>15</v>
      </c>
      <c r="J12189" s="10">
        <v>9.2262740329999993</v>
      </c>
    </row>
    <row r="12190" spans="1:10" x14ac:dyDescent="0.35">
      <c r="A12190" t="s">
        <v>22</v>
      </c>
      <c r="B12190" t="s">
        <v>76</v>
      </c>
      <c r="C12190" t="s">
        <v>117</v>
      </c>
      <c r="D12190" t="s">
        <v>118</v>
      </c>
      <c r="E12190">
        <v>2019</v>
      </c>
      <c r="F12190">
        <v>2019</v>
      </c>
      <c r="G12190" t="s">
        <v>14</v>
      </c>
      <c r="H12190" t="s">
        <v>121</v>
      </c>
      <c r="I12190" t="s">
        <v>15</v>
      </c>
      <c r="J12190" s="10">
        <v>33.441474040000003</v>
      </c>
    </row>
    <row r="12191" spans="1:10" x14ac:dyDescent="0.35">
      <c r="A12191" t="s">
        <v>22</v>
      </c>
      <c r="B12191" t="s">
        <v>76</v>
      </c>
      <c r="C12191" t="s">
        <v>117</v>
      </c>
      <c r="D12191" t="s">
        <v>118</v>
      </c>
      <c r="E12191">
        <v>2019</v>
      </c>
      <c r="F12191">
        <v>2019</v>
      </c>
      <c r="G12191" t="s">
        <v>14</v>
      </c>
      <c r="H12191" t="s">
        <v>122</v>
      </c>
      <c r="I12191" t="s">
        <v>15</v>
      </c>
      <c r="J12191" s="10">
        <v>20.52905762</v>
      </c>
    </row>
    <row r="12192" spans="1:10" x14ac:dyDescent="0.35">
      <c r="A12192" t="s">
        <v>22</v>
      </c>
      <c r="B12192" t="s">
        <v>76</v>
      </c>
      <c r="C12192" t="s">
        <v>117</v>
      </c>
      <c r="D12192" t="s">
        <v>118</v>
      </c>
      <c r="E12192">
        <v>2019</v>
      </c>
      <c r="F12192">
        <v>2019</v>
      </c>
      <c r="G12192" t="s">
        <v>14</v>
      </c>
      <c r="H12192" t="s">
        <v>123</v>
      </c>
      <c r="I12192" t="s">
        <v>15</v>
      </c>
      <c r="J12192" s="10">
        <v>15.212486090000001</v>
      </c>
    </row>
    <row r="12193" spans="1:10" x14ac:dyDescent="0.35">
      <c r="A12193" t="s">
        <v>22</v>
      </c>
      <c r="B12193" t="s">
        <v>76</v>
      </c>
      <c r="C12193" t="s">
        <v>117</v>
      </c>
      <c r="D12193" t="s">
        <v>118</v>
      </c>
      <c r="E12193">
        <v>2019</v>
      </c>
      <c r="F12193">
        <v>2019</v>
      </c>
      <c r="G12193" t="s">
        <v>14</v>
      </c>
      <c r="H12193" t="s">
        <v>124</v>
      </c>
      <c r="I12193" t="s">
        <v>15</v>
      </c>
      <c r="J12193" s="10">
        <v>1.955891069</v>
      </c>
    </row>
    <row r="12194" spans="1:10" x14ac:dyDescent="0.35">
      <c r="A12194" t="s">
        <v>22</v>
      </c>
      <c r="B12194" t="s">
        <v>76</v>
      </c>
      <c r="C12194" t="s">
        <v>117</v>
      </c>
      <c r="D12194" t="s">
        <v>118</v>
      </c>
      <c r="E12194">
        <v>2019</v>
      </c>
      <c r="F12194">
        <v>2019</v>
      </c>
      <c r="G12194" t="s">
        <v>125</v>
      </c>
      <c r="H12194" t="s">
        <v>119</v>
      </c>
      <c r="I12194" t="s">
        <v>15</v>
      </c>
      <c r="J12194" s="10">
        <v>20.906004670000002</v>
      </c>
    </row>
    <row r="12195" spans="1:10" x14ac:dyDescent="0.35">
      <c r="A12195" t="s">
        <v>22</v>
      </c>
      <c r="B12195" t="s">
        <v>76</v>
      </c>
      <c r="C12195" t="s">
        <v>117</v>
      </c>
      <c r="D12195" t="s">
        <v>118</v>
      </c>
      <c r="E12195">
        <v>2019</v>
      </c>
      <c r="F12195">
        <v>2019</v>
      </c>
      <c r="G12195" t="s">
        <v>125</v>
      </c>
      <c r="H12195" t="s">
        <v>120</v>
      </c>
      <c r="I12195" t="s">
        <v>15</v>
      </c>
      <c r="J12195" s="10">
        <v>9.5438149800000005</v>
      </c>
    </row>
    <row r="12196" spans="1:10" x14ac:dyDescent="0.35">
      <c r="A12196" t="s">
        <v>22</v>
      </c>
      <c r="B12196" t="s">
        <v>76</v>
      </c>
      <c r="C12196" t="s">
        <v>117</v>
      </c>
      <c r="D12196" t="s">
        <v>118</v>
      </c>
      <c r="E12196">
        <v>2019</v>
      </c>
      <c r="F12196">
        <v>2019</v>
      </c>
      <c r="G12196" t="s">
        <v>125</v>
      </c>
      <c r="H12196" t="s">
        <v>121</v>
      </c>
      <c r="I12196" t="s">
        <v>15</v>
      </c>
      <c r="J12196" s="10">
        <v>33.097814560000003</v>
      </c>
    </row>
    <row r="12197" spans="1:10" x14ac:dyDescent="0.35">
      <c r="A12197" t="s">
        <v>22</v>
      </c>
      <c r="B12197" t="s">
        <v>76</v>
      </c>
      <c r="C12197" t="s">
        <v>117</v>
      </c>
      <c r="D12197" t="s">
        <v>118</v>
      </c>
      <c r="E12197">
        <v>2019</v>
      </c>
      <c r="F12197">
        <v>2019</v>
      </c>
      <c r="G12197" t="s">
        <v>125</v>
      </c>
      <c r="H12197" t="s">
        <v>122</v>
      </c>
      <c r="I12197" t="s">
        <v>15</v>
      </c>
      <c r="J12197" s="10">
        <v>20.68109484</v>
      </c>
    </row>
    <row r="12198" spans="1:10" x14ac:dyDescent="0.35">
      <c r="A12198" t="s">
        <v>22</v>
      </c>
      <c r="B12198" t="s">
        <v>76</v>
      </c>
      <c r="C12198" t="s">
        <v>117</v>
      </c>
      <c r="D12198" t="s">
        <v>118</v>
      </c>
      <c r="E12198">
        <v>2019</v>
      </c>
      <c r="F12198">
        <v>2019</v>
      </c>
      <c r="G12198" t="s">
        <v>125</v>
      </c>
      <c r="H12198" t="s">
        <v>123</v>
      </c>
      <c r="I12198" t="s">
        <v>15</v>
      </c>
      <c r="J12198" s="10">
        <v>14.317844259999999</v>
      </c>
    </row>
    <row r="12199" spans="1:10" x14ac:dyDescent="0.35">
      <c r="A12199" t="s">
        <v>22</v>
      </c>
      <c r="B12199" t="s">
        <v>76</v>
      </c>
      <c r="C12199" t="s">
        <v>117</v>
      </c>
      <c r="D12199" t="s">
        <v>118</v>
      </c>
      <c r="E12199">
        <v>2019</v>
      </c>
      <c r="F12199">
        <v>2019</v>
      </c>
      <c r="G12199" t="s">
        <v>125</v>
      </c>
      <c r="H12199" t="s">
        <v>124</v>
      </c>
      <c r="I12199" t="s">
        <v>15</v>
      </c>
      <c r="J12199" s="10">
        <v>1.4534266920000001</v>
      </c>
    </row>
    <row r="12200" spans="1:10" x14ac:dyDescent="0.35">
      <c r="A12200" t="s">
        <v>22</v>
      </c>
      <c r="B12200" t="s">
        <v>76</v>
      </c>
      <c r="C12200" t="s">
        <v>117</v>
      </c>
      <c r="D12200" t="s">
        <v>118</v>
      </c>
      <c r="E12200">
        <v>2019</v>
      </c>
      <c r="F12200">
        <v>2019</v>
      </c>
      <c r="G12200" t="s">
        <v>126</v>
      </c>
      <c r="H12200" t="s">
        <v>119</v>
      </c>
      <c r="I12200" t="s">
        <v>15</v>
      </c>
      <c r="J12200" s="10">
        <v>18.413164500000001</v>
      </c>
    </row>
    <row r="12201" spans="1:10" x14ac:dyDescent="0.35">
      <c r="A12201" t="s">
        <v>22</v>
      </c>
      <c r="B12201" t="s">
        <v>76</v>
      </c>
      <c r="C12201" t="s">
        <v>117</v>
      </c>
      <c r="D12201" t="s">
        <v>118</v>
      </c>
      <c r="E12201">
        <v>2019</v>
      </c>
      <c r="F12201">
        <v>2019</v>
      </c>
      <c r="G12201" t="s">
        <v>126</v>
      </c>
      <c r="H12201" t="s">
        <v>120</v>
      </c>
      <c r="I12201" t="s">
        <v>15</v>
      </c>
      <c r="J12201" s="10">
        <v>8.9211068289999993</v>
      </c>
    </row>
    <row r="12202" spans="1:10" x14ac:dyDescent="0.35">
      <c r="A12202" t="s">
        <v>22</v>
      </c>
      <c r="B12202" t="s">
        <v>76</v>
      </c>
      <c r="C12202" t="s">
        <v>117</v>
      </c>
      <c r="D12202" t="s">
        <v>118</v>
      </c>
      <c r="E12202">
        <v>2019</v>
      </c>
      <c r="F12202">
        <v>2019</v>
      </c>
      <c r="G12202" t="s">
        <v>126</v>
      </c>
      <c r="H12202" t="s">
        <v>121</v>
      </c>
      <c r="I12202" t="s">
        <v>15</v>
      </c>
      <c r="J12202" s="10">
        <v>33.771742009999997</v>
      </c>
    </row>
    <row r="12203" spans="1:10" x14ac:dyDescent="0.35">
      <c r="A12203" t="s">
        <v>22</v>
      </c>
      <c r="B12203" t="s">
        <v>76</v>
      </c>
      <c r="C12203" t="s">
        <v>117</v>
      </c>
      <c r="D12203" t="s">
        <v>118</v>
      </c>
      <c r="E12203">
        <v>2019</v>
      </c>
      <c r="F12203">
        <v>2019</v>
      </c>
      <c r="G12203" t="s">
        <v>126</v>
      </c>
      <c r="H12203" t="s">
        <v>122</v>
      </c>
      <c r="I12203" t="s">
        <v>15</v>
      </c>
      <c r="J12203" s="10">
        <v>20.38294488</v>
      </c>
    </row>
    <row r="12204" spans="1:10" x14ac:dyDescent="0.35">
      <c r="A12204" t="s">
        <v>22</v>
      </c>
      <c r="B12204" t="s">
        <v>76</v>
      </c>
      <c r="C12204" t="s">
        <v>117</v>
      </c>
      <c r="D12204" t="s">
        <v>118</v>
      </c>
      <c r="E12204">
        <v>2019</v>
      </c>
      <c r="F12204">
        <v>2019</v>
      </c>
      <c r="G12204" t="s">
        <v>126</v>
      </c>
      <c r="H12204" t="s">
        <v>123</v>
      </c>
      <c r="I12204" t="s">
        <v>15</v>
      </c>
      <c r="J12204" s="10">
        <v>16.07226606</v>
      </c>
    </row>
    <row r="12205" spans="1:10" x14ac:dyDescent="0.35">
      <c r="A12205" t="s">
        <v>22</v>
      </c>
      <c r="B12205" t="s">
        <v>76</v>
      </c>
      <c r="C12205" t="s">
        <v>117</v>
      </c>
      <c r="D12205" t="s">
        <v>118</v>
      </c>
      <c r="E12205">
        <v>2019</v>
      </c>
      <c r="F12205">
        <v>2019</v>
      </c>
      <c r="G12205" t="s">
        <v>126</v>
      </c>
      <c r="H12205" t="s">
        <v>124</v>
      </c>
      <c r="I12205" t="s">
        <v>15</v>
      </c>
      <c r="J12205" s="10">
        <v>2.438775718</v>
      </c>
    </row>
    <row r="12206" spans="1:10" x14ac:dyDescent="0.35">
      <c r="A12206" t="s">
        <v>22</v>
      </c>
      <c r="B12206" t="s">
        <v>76</v>
      </c>
      <c r="C12206" t="s">
        <v>117</v>
      </c>
      <c r="D12206" t="s">
        <v>118</v>
      </c>
      <c r="E12206">
        <v>2018</v>
      </c>
      <c r="F12206">
        <v>2018</v>
      </c>
      <c r="G12206" t="s">
        <v>14</v>
      </c>
      <c r="H12206" t="s">
        <v>119</v>
      </c>
      <c r="I12206" t="s">
        <v>15</v>
      </c>
      <c r="J12206" s="10">
        <v>19.706678650000001</v>
      </c>
    </row>
    <row r="12207" spans="1:10" x14ac:dyDescent="0.35">
      <c r="A12207" t="s">
        <v>22</v>
      </c>
      <c r="B12207" t="s">
        <v>76</v>
      </c>
      <c r="C12207" t="s">
        <v>117</v>
      </c>
      <c r="D12207" t="s">
        <v>118</v>
      </c>
      <c r="E12207">
        <v>2018</v>
      </c>
      <c r="F12207">
        <v>2018</v>
      </c>
      <c r="G12207" t="s">
        <v>14</v>
      </c>
      <c r="H12207" t="s">
        <v>120</v>
      </c>
      <c r="I12207" t="s">
        <v>15</v>
      </c>
      <c r="J12207" s="10">
        <v>9.4707462660000008</v>
      </c>
    </row>
    <row r="12208" spans="1:10" x14ac:dyDescent="0.35">
      <c r="A12208" t="s">
        <v>22</v>
      </c>
      <c r="B12208" t="s">
        <v>76</v>
      </c>
      <c r="C12208" t="s">
        <v>117</v>
      </c>
      <c r="D12208" t="s">
        <v>118</v>
      </c>
      <c r="E12208">
        <v>2018</v>
      </c>
      <c r="F12208">
        <v>2018</v>
      </c>
      <c r="G12208" t="s">
        <v>14</v>
      </c>
      <c r="H12208" t="s">
        <v>121</v>
      </c>
      <c r="I12208" t="s">
        <v>15</v>
      </c>
      <c r="J12208" s="10">
        <v>33.56992777</v>
      </c>
    </row>
    <row r="12209" spans="1:10" x14ac:dyDescent="0.35">
      <c r="A12209" t="s">
        <v>22</v>
      </c>
      <c r="B12209" t="s">
        <v>76</v>
      </c>
      <c r="C12209" t="s">
        <v>117</v>
      </c>
      <c r="D12209" t="s">
        <v>118</v>
      </c>
      <c r="E12209">
        <v>2018</v>
      </c>
      <c r="F12209">
        <v>2018</v>
      </c>
      <c r="G12209" t="s">
        <v>14</v>
      </c>
      <c r="H12209" t="s">
        <v>122</v>
      </c>
      <c r="I12209" t="s">
        <v>15</v>
      </c>
      <c r="J12209" s="10">
        <v>20.245026809999999</v>
      </c>
    </row>
    <row r="12210" spans="1:10" x14ac:dyDescent="0.35">
      <c r="A12210" t="s">
        <v>22</v>
      </c>
      <c r="B12210" t="s">
        <v>76</v>
      </c>
      <c r="C12210" t="s">
        <v>117</v>
      </c>
      <c r="D12210" t="s">
        <v>118</v>
      </c>
      <c r="E12210">
        <v>2018</v>
      </c>
      <c r="F12210">
        <v>2018</v>
      </c>
      <c r="G12210" t="s">
        <v>14</v>
      </c>
      <c r="H12210" t="s">
        <v>123</v>
      </c>
      <c r="I12210" t="s">
        <v>15</v>
      </c>
      <c r="J12210" s="10">
        <v>15.16260205</v>
      </c>
    </row>
    <row r="12211" spans="1:10" x14ac:dyDescent="0.35">
      <c r="A12211" t="s">
        <v>22</v>
      </c>
      <c r="B12211" t="s">
        <v>76</v>
      </c>
      <c r="C12211" t="s">
        <v>117</v>
      </c>
      <c r="D12211" t="s">
        <v>118</v>
      </c>
      <c r="E12211">
        <v>2018</v>
      </c>
      <c r="F12211">
        <v>2018</v>
      </c>
      <c r="G12211" t="s">
        <v>14</v>
      </c>
      <c r="H12211" t="s">
        <v>124</v>
      </c>
      <c r="I12211" t="s">
        <v>15</v>
      </c>
      <c r="J12211" s="10">
        <v>1.84501845</v>
      </c>
    </row>
    <row r="12212" spans="1:10" x14ac:dyDescent="0.35">
      <c r="A12212" t="s">
        <v>22</v>
      </c>
      <c r="B12212" t="s">
        <v>76</v>
      </c>
      <c r="C12212" t="s">
        <v>117</v>
      </c>
      <c r="D12212" t="s">
        <v>118</v>
      </c>
      <c r="E12212">
        <v>2018</v>
      </c>
      <c r="F12212">
        <v>2018</v>
      </c>
      <c r="G12212" t="s">
        <v>125</v>
      </c>
      <c r="H12212" t="s">
        <v>119</v>
      </c>
      <c r="I12212" t="s">
        <v>15</v>
      </c>
      <c r="J12212" s="10">
        <v>20.90707493</v>
      </c>
    </row>
    <row r="12213" spans="1:10" x14ac:dyDescent="0.35">
      <c r="A12213" t="s">
        <v>22</v>
      </c>
      <c r="B12213" t="s">
        <v>76</v>
      </c>
      <c r="C12213" t="s">
        <v>117</v>
      </c>
      <c r="D12213" t="s">
        <v>118</v>
      </c>
      <c r="E12213">
        <v>2018</v>
      </c>
      <c r="F12213">
        <v>2018</v>
      </c>
      <c r="G12213" t="s">
        <v>125</v>
      </c>
      <c r="H12213" t="s">
        <v>120</v>
      </c>
      <c r="I12213" t="s">
        <v>15</v>
      </c>
      <c r="J12213" s="10">
        <v>9.7189645609999999</v>
      </c>
    </row>
    <row r="12214" spans="1:10" x14ac:dyDescent="0.35">
      <c r="A12214" t="s">
        <v>22</v>
      </c>
      <c r="B12214" t="s">
        <v>76</v>
      </c>
      <c r="C12214" t="s">
        <v>117</v>
      </c>
      <c r="D12214" t="s">
        <v>118</v>
      </c>
      <c r="E12214">
        <v>2018</v>
      </c>
      <c r="F12214">
        <v>2018</v>
      </c>
      <c r="G12214" t="s">
        <v>125</v>
      </c>
      <c r="H12214" t="s">
        <v>121</v>
      </c>
      <c r="I12214" t="s">
        <v>15</v>
      </c>
      <c r="J12214" s="10">
        <v>33.314853509999999</v>
      </c>
    </row>
    <row r="12215" spans="1:10" x14ac:dyDescent="0.35">
      <c r="A12215" t="s">
        <v>22</v>
      </c>
      <c r="B12215" t="s">
        <v>76</v>
      </c>
      <c r="C12215" t="s">
        <v>117</v>
      </c>
      <c r="D12215" t="s">
        <v>118</v>
      </c>
      <c r="E12215">
        <v>2018</v>
      </c>
      <c r="F12215">
        <v>2018</v>
      </c>
      <c r="G12215" t="s">
        <v>125</v>
      </c>
      <c r="H12215" t="s">
        <v>122</v>
      </c>
      <c r="I12215" t="s">
        <v>15</v>
      </c>
      <c r="J12215" s="10">
        <v>20.344151140000001</v>
      </c>
    </row>
    <row r="12216" spans="1:10" x14ac:dyDescent="0.35">
      <c r="A12216" t="s">
        <v>22</v>
      </c>
      <c r="B12216" t="s">
        <v>76</v>
      </c>
      <c r="C12216" t="s">
        <v>117</v>
      </c>
      <c r="D12216" t="s">
        <v>118</v>
      </c>
      <c r="E12216">
        <v>2018</v>
      </c>
      <c r="F12216">
        <v>2018</v>
      </c>
      <c r="G12216" t="s">
        <v>125</v>
      </c>
      <c r="H12216" t="s">
        <v>123</v>
      </c>
      <c r="I12216" t="s">
        <v>15</v>
      </c>
      <c r="J12216" s="10">
        <v>14.34389526</v>
      </c>
    </row>
    <row r="12217" spans="1:10" x14ac:dyDescent="0.35">
      <c r="A12217" t="s">
        <v>22</v>
      </c>
      <c r="B12217" t="s">
        <v>76</v>
      </c>
      <c r="C12217" t="s">
        <v>117</v>
      </c>
      <c r="D12217" t="s">
        <v>118</v>
      </c>
      <c r="E12217">
        <v>2018</v>
      </c>
      <c r="F12217">
        <v>2018</v>
      </c>
      <c r="G12217" t="s">
        <v>125</v>
      </c>
      <c r="H12217" t="s">
        <v>124</v>
      </c>
      <c r="I12217" t="s">
        <v>15</v>
      </c>
      <c r="J12217" s="10">
        <v>1.3710606000000001</v>
      </c>
    </row>
    <row r="12218" spans="1:10" x14ac:dyDescent="0.35">
      <c r="A12218" t="s">
        <v>22</v>
      </c>
      <c r="B12218" t="s">
        <v>76</v>
      </c>
      <c r="C12218" t="s">
        <v>117</v>
      </c>
      <c r="D12218" t="s">
        <v>118</v>
      </c>
      <c r="E12218">
        <v>2018</v>
      </c>
      <c r="F12218">
        <v>2018</v>
      </c>
      <c r="G12218" t="s">
        <v>126</v>
      </c>
      <c r="H12218" t="s">
        <v>119</v>
      </c>
      <c r="I12218" t="s">
        <v>15</v>
      </c>
      <c r="J12218" s="10">
        <v>18.552240340000001</v>
      </c>
    </row>
    <row r="12219" spans="1:10" x14ac:dyDescent="0.35">
      <c r="A12219" t="s">
        <v>22</v>
      </c>
      <c r="B12219" t="s">
        <v>76</v>
      </c>
      <c r="C12219" t="s">
        <v>117</v>
      </c>
      <c r="D12219" t="s">
        <v>118</v>
      </c>
      <c r="E12219">
        <v>2018</v>
      </c>
      <c r="F12219">
        <v>2018</v>
      </c>
      <c r="G12219" t="s">
        <v>126</v>
      </c>
      <c r="H12219" t="s">
        <v>120</v>
      </c>
      <c r="I12219" t="s">
        <v>15</v>
      </c>
      <c r="J12219" s="10">
        <v>9.2320311700000008</v>
      </c>
    </row>
    <row r="12220" spans="1:10" x14ac:dyDescent="0.35">
      <c r="A12220" t="s">
        <v>22</v>
      </c>
      <c r="B12220" t="s">
        <v>76</v>
      </c>
      <c r="C12220" t="s">
        <v>117</v>
      </c>
      <c r="D12220" t="s">
        <v>118</v>
      </c>
      <c r="E12220">
        <v>2018</v>
      </c>
      <c r="F12220">
        <v>2018</v>
      </c>
      <c r="G12220" t="s">
        <v>126</v>
      </c>
      <c r="H12220" t="s">
        <v>121</v>
      </c>
      <c r="I12220" t="s">
        <v>15</v>
      </c>
      <c r="J12220" s="10">
        <v>33.815236339999998</v>
      </c>
    </row>
    <row r="12221" spans="1:10" x14ac:dyDescent="0.35">
      <c r="A12221" t="s">
        <v>22</v>
      </c>
      <c r="B12221" t="s">
        <v>76</v>
      </c>
      <c r="C12221" t="s">
        <v>117</v>
      </c>
      <c r="D12221" t="s">
        <v>118</v>
      </c>
      <c r="E12221">
        <v>2018</v>
      </c>
      <c r="F12221">
        <v>2018</v>
      </c>
      <c r="G12221" t="s">
        <v>126</v>
      </c>
      <c r="H12221" t="s">
        <v>122</v>
      </c>
      <c r="I12221" t="s">
        <v>15</v>
      </c>
      <c r="J12221" s="10">
        <v>20.149697530000001</v>
      </c>
    </row>
    <row r="12222" spans="1:10" x14ac:dyDescent="0.35">
      <c r="A12222" t="s">
        <v>22</v>
      </c>
      <c r="B12222" t="s">
        <v>76</v>
      </c>
      <c r="C12222" t="s">
        <v>117</v>
      </c>
      <c r="D12222" t="s">
        <v>118</v>
      </c>
      <c r="E12222">
        <v>2018</v>
      </c>
      <c r="F12222">
        <v>2018</v>
      </c>
      <c r="G12222" t="s">
        <v>126</v>
      </c>
      <c r="H12222" t="s">
        <v>123</v>
      </c>
      <c r="I12222" t="s">
        <v>15</v>
      </c>
      <c r="J12222" s="10">
        <v>15.94996411</v>
      </c>
    </row>
    <row r="12223" spans="1:10" x14ac:dyDescent="0.35">
      <c r="A12223" t="s">
        <v>22</v>
      </c>
      <c r="B12223" t="s">
        <v>76</v>
      </c>
      <c r="C12223" t="s">
        <v>117</v>
      </c>
      <c r="D12223" t="s">
        <v>118</v>
      </c>
      <c r="E12223">
        <v>2018</v>
      </c>
      <c r="F12223">
        <v>2018</v>
      </c>
      <c r="G12223" t="s">
        <v>126</v>
      </c>
      <c r="H12223" t="s">
        <v>124</v>
      </c>
      <c r="I12223" t="s">
        <v>15</v>
      </c>
      <c r="J12223" s="10">
        <v>2.3008305139999998</v>
      </c>
    </row>
    <row r="12224" spans="1:10" x14ac:dyDescent="0.35">
      <c r="A12224" t="s">
        <v>22</v>
      </c>
      <c r="B12224" t="s">
        <v>76</v>
      </c>
      <c r="C12224" t="s">
        <v>117</v>
      </c>
      <c r="D12224" t="s">
        <v>118</v>
      </c>
      <c r="E12224">
        <v>2017</v>
      </c>
      <c r="F12224">
        <v>2017</v>
      </c>
      <c r="G12224" t="s">
        <v>14</v>
      </c>
      <c r="H12224" t="s">
        <v>119</v>
      </c>
      <c r="I12224" t="s">
        <v>15</v>
      </c>
      <c r="J12224" s="10">
        <v>19.666386020000001</v>
      </c>
    </row>
    <row r="12225" spans="1:10" x14ac:dyDescent="0.35">
      <c r="A12225" t="s">
        <v>22</v>
      </c>
      <c r="B12225" t="s">
        <v>76</v>
      </c>
      <c r="C12225" t="s">
        <v>117</v>
      </c>
      <c r="D12225" t="s">
        <v>118</v>
      </c>
      <c r="E12225">
        <v>2017</v>
      </c>
      <c r="F12225">
        <v>2017</v>
      </c>
      <c r="G12225" t="s">
        <v>14</v>
      </c>
      <c r="H12225" t="s">
        <v>120</v>
      </c>
      <c r="I12225" t="s">
        <v>15</v>
      </c>
      <c r="J12225" s="10">
        <v>9.6242896229999992</v>
      </c>
    </row>
    <row r="12226" spans="1:10" x14ac:dyDescent="0.35">
      <c r="A12226" t="s">
        <v>22</v>
      </c>
      <c r="B12226" t="s">
        <v>76</v>
      </c>
      <c r="C12226" t="s">
        <v>117</v>
      </c>
      <c r="D12226" t="s">
        <v>118</v>
      </c>
      <c r="E12226">
        <v>2017</v>
      </c>
      <c r="F12226">
        <v>2017</v>
      </c>
      <c r="G12226" t="s">
        <v>14</v>
      </c>
      <c r="H12226" t="s">
        <v>121</v>
      </c>
      <c r="I12226" t="s">
        <v>15</v>
      </c>
      <c r="J12226" s="10">
        <v>33.752894130000001</v>
      </c>
    </row>
    <row r="12227" spans="1:10" x14ac:dyDescent="0.35">
      <c r="A12227" t="s">
        <v>22</v>
      </c>
      <c r="B12227" t="s">
        <v>76</v>
      </c>
      <c r="C12227" t="s">
        <v>117</v>
      </c>
      <c r="D12227" t="s">
        <v>118</v>
      </c>
      <c r="E12227">
        <v>2017</v>
      </c>
      <c r="F12227">
        <v>2017</v>
      </c>
      <c r="G12227" t="s">
        <v>14</v>
      </c>
      <c r="H12227" t="s">
        <v>122</v>
      </c>
      <c r="I12227" t="s">
        <v>15</v>
      </c>
      <c r="J12227" s="10">
        <v>20.028415070000001</v>
      </c>
    </row>
    <row r="12228" spans="1:10" x14ac:dyDescent="0.35">
      <c r="A12228" t="s">
        <v>22</v>
      </c>
      <c r="B12228" t="s">
        <v>76</v>
      </c>
      <c r="C12228" t="s">
        <v>117</v>
      </c>
      <c r="D12228" t="s">
        <v>118</v>
      </c>
      <c r="E12228">
        <v>2017</v>
      </c>
      <c r="F12228">
        <v>2017</v>
      </c>
      <c r="G12228" t="s">
        <v>14</v>
      </c>
      <c r="H12228" t="s">
        <v>123</v>
      </c>
      <c r="I12228" t="s">
        <v>15</v>
      </c>
      <c r="J12228" s="10">
        <v>15.07682593</v>
      </c>
    </row>
    <row r="12229" spans="1:10" x14ac:dyDescent="0.35">
      <c r="A12229" t="s">
        <v>22</v>
      </c>
      <c r="B12229" t="s">
        <v>76</v>
      </c>
      <c r="C12229" t="s">
        <v>117</v>
      </c>
      <c r="D12229" t="s">
        <v>118</v>
      </c>
      <c r="E12229">
        <v>2017</v>
      </c>
      <c r="F12229">
        <v>2017</v>
      </c>
      <c r="G12229" t="s">
        <v>14</v>
      </c>
      <c r="H12229" t="s">
        <v>124</v>
      </c>
      <c r="I12229" t="s">
        <v>15</v>
      </c>
      <c r="J12229" s="10">
        <v>1.851189223</v>
      </c>
    </row>
    <row r="12230" spans="1:10" x14ac:dyDescent="0.35">
      <c r="A12230" t="s">
        <v>22</v>
      </c>
      <c r="B12230" t="s">
        <v>76</v>
      </c>
      <c r="C12230" t="s">
        <v>117</v>
      </c>
      <c r="D12230" t="s">
        <v>118</v>
      </c>
      <c r="E12230">
        <v>2017</v>
      </c>
      <c r="F12230">
        <v>2017</v>
      </c>
      <c r="G12230" t="s">
        <v>125</v>
      </c>
      <c r="H12230" t="s">
        <v>119</v>
      </c>
      <c r="I12230" t="s">
        <v>15</v>
      </c>
      <c r="J12230" s="10">
        <v>20.803711419999999</v>
      </c>
    </row>
    <row r="12231" spans="1:10" x14ac:dyDescent="0.35">
      <c r="A12231" t="s">
        <v>22</v>
      </c>
      <c r="B12231" t="s">
        <v>76</v>
      </c>
      <c r="C12231" t="s">
        <v>117</v>
      </c>
      <c r="D12231" t="s">
        <v>118</v>
      </c>
      <c r="E12231">
        <v>2017</v>
      </c>
      <c r="F12231">
        <v>2017</v>
      </c>
      <c r="G12231" t="s">
        <v>125</v>
      </c>
      <c r="H12231" t="s">
        <v>120</v>
      </c>
      <c r="I12231" t="s">
        <v>15</v>
      </c>
      <c r="J12231" s="10">
        <v>9.9679975939999999</v>
      </c>
    </row>
    <row r="12232" spans="1:10" x14ac:dyDescent="0.35">
      <c r="A12232" t="s">
        <v>22</v>
      </c>
      <c r="B12232" t="s">
        <v>76</v>
      </c>
      <c r="C12232" t="s">
        <v>117</v>
      </c>
      <c r="D12232" t="s">
        <v>118</v>
      </c>
      <c r="E12232">
        <v>2017</v>
      </c>
      <c r="F12232">
        <v>2017</v>
      </c>
      <c r="G12232" t="s">
        <v>125</v>
      </c>
      <c r="H12232" t="s">
        <v>121</v>
      </c>
      <c r="I12232" t="s">
        <v>15</v>
      </c>
      <c r="J12232" s="10">
        <v>33.452178959999998</v>
      </c>
    </row>
    <row r="12233" spans="1:10" x14ac:dyDescent="0.35">
      <c r="A12233" t="s">
        <v>22</v>
      </c>
      <c r="B12233" t="s">
        <v>76</v>
      </c>
      <c r="C12233" t="s">
        <v>117</v>
      </c>
      <c r="D12233" t="s">
        <v>118</v>
      </c>
      <c r="E12233">
        <v>2017</v>
      </c>
      <c r="F12233">
        <v>2017</v>
      </c>
      <c r="G12233" t="s">
        <v>125</v>
      </c>
      <c r="H12233" t="s">
        <v>122</v>
      </c>
      <c r="I12233" t="s">
        <v>15</v>
      </c>
      <c r="J12233" s="10">
        <v>20.109967999999999</v>
      </c>
    </row>
    <row r="12234" spans="1:10" x14ac:dyDescent="0.35">
      <c r="A12234" t="s">
        <v>22</v>
      </c>
      <c r="B12234" t="s">
        <v>76</v>
      </c>
      <c r="C12234" t="s">
        <v>117</v>
      </c>
      <c r="D12234" t="s">
        <v>118</v>
      </c>
      <c r="E12234">
        <v>2017</v>
      </c>
      <c r="F12234">
        <v>2017</v>
      </c>
      <c r="G12234" t="s">
        <v>125</v>
      </c>
      <c r="H12234" t="s">
        <v>123</v>
      </c>
      <c r="I12234" t="s">
        <v>15</v>
      </c>
      <c r="J12234" s="10">
        <v>14.31302219</v>
      </c>
    </row>
    <row r="12235" spans="1:10" x14ac:dyDescent="0.35">
      <c r="A12235" t="s">
        <v>22</v>
      </c>
      <c r="B12235" t="s">
        <v>76</v>
      </c>
      <c r="C12235" t="s">
        <v>117</v>
      </c>
      <c r="D12235" t="s">
        <v>118</v>
      </c>
      <c r="E12235">
        <v>2017</v>
      </c>
      <c r="F12235">
        <v>2017</v>
      </c>
      <c r="G12235" t="s">
        <v>125</v>
      </c>
      <c r="H12235" t="s">
        <v>124</v>
      </c>
      <c r="I12235" t="s">
        <v>15</v>
      </c>
      <c r="J12235" s="10">
        <v>1.353121845</v>
      </c>
    </row>
    <row r="12236" spans="1:10" x14ac:dyDescent="0.35">
      <c r="A12236" t="s">
        <v>22</v>
      </c>
      <c r="B12236" t="s">
        <v>76</v>
      </c>
      <c r="C12236" t="s">
        <v>117</v>
      </c>
      <c r="D12236" t="s">
        <v>118</v>
      </c>
      <c r="E12236">
        <v>2017</v>
      </c>
      <c r="F12236">
        <v>2017</v>
      </c>
      <c r="G12236" t="s">
        <v>126</v>
      </c>
      <c r="H12236" t="s">
        <v>119</v>
      </c>
      <c r="I12236" t="s">
        <v>15</v>
      </c>
      <c r="J12236" s="10">
        <v>18.573698440000001</v>
      </c>
    </row>
    <row r="12237" spans="1:10" x14ac:dyDescent="0.35">
      <c r="A12237" t="s">
        <v>22</v>
      </c>
      <c r="B12237" t="s">
        <v>76</v>
      </c>
      <c r="C12237" t="s">
        <v>117</v>
      </c>
      <c r="D12237" t="s">
        <v>118</v>
      </c>
      <c r="E12237">
        <v>2017</v>
      </c>
      <c r="F12237">
        <v>2017</v>
      </c>
      <c r="G12237" t="s">
        <v>126</v>
      </c>
      <c r="H12237" t="s">
        <v>120</v>
      </c>
      <c r="I12237" t="s">
        <v>15</v>
      </c>
      <c r="J12237" s="10">
        <v>9.2940715209999993</v>
      </c>
    </row>
    <row r="12238" spans="1:10" x14ac:dyDescent="0.35">
      <c r="A12238" t="s">
        <v>22</v>
      </c>
      <c r="B12238" t="s">
        <v>76</v>
      </c>
      <c r="C12238" t="s">
        <v>117</v>
      </c>
      <c r="D12238" t="s">
        <v>118</v>
      </c>
      <c r="E12238">
        <v>2017</v>
      </c>
      <c r="F12238">
        <v>2017</v>
      </c>
      <c r="G12238" t="s">
        <v>126</v>
      </c>
      <c r="H12238" t="s">
        <v>121</v>
      </c>
      <c r="I12238" t="s">
        <v>15</v>
      </c>
      <c r="J12238" s="10">
        <v>34.041806809999997</v>
      </c>
    </row>
    <row r="12239" spans="1:10" x14ac:dyDescent="0.35">
      <c r="A12239" t="s">
        <v>22</v>
      </c>
      <c r="B12239" t="s">
        <v>76</v>
      </c>
      <c r="C12239" t="s">
        <v>117</v>
      </c>
      <c r="D12239" t="s">
        <v>118</v>
      </c>
      <c r="E12239">
        <v>2017</v>
      </c>
      <c r="F12239">
        <v>2017</v>
      </c>
      <c r="G12239" t="s">
        <v>126</v>
      </c>
      <c r="H12239" t="s">
        <v>122</v>
      </c>
      <c r="I12239" t="s">
        <v>15</v>
      </c>
      <c r="J12239" s="10">
        <v>19.950062939999999</v>
      </c>
    </row>
    <row r="12240" spans="1:10" x14ac:dyDescent="0.35">
      <c r="A12240" t="s">
        <v>22</v>
      </c>
      <c r="B12240" t="s">
        <v>76</v>
      </c>
      <c r="C12240" t="s">
        <v>117</v>
      </c>
      <c r="D12240" t="s">
        <v>118</v>
      </c>
      <c r="E12240">
        <v>2017</v>
      </c>
      <c r="F12240">
        <v>2017</v>
      </c>
      <c r="G12240" t="s">
        <v>126</v>
      </c>
      <c r="H12240" t="s">
        <v>123</v>
      </c>
      <c r="I12240" t="s">
        <v>15</v>
      </c>
      <c r="J12240" s="10">
        <v>15.81065186</v>
      </c>
    </row>
    <row r="12241" spans="1:10" x14ac:dyDescent="0.35">
      <c r="A12241" t="s">
        <v>22</v>
      </c>
      <c r="B12241" t="s">
        <v>76</v>
      </c>
      <c r="C12241" t="s">
        <v>117</v>
      </c>
      <c r="D12241" t="s">
        <v>118</v>
      </c>
      <c r="E12241">
        <v>2017</v>
      </c>
      <c r="F12241">
        <v>2017</v>
      </c>
      <c r="G12241" t="s">
        <v>126</v>
      </c>
      <c r="H12241" t="s">
        <v>124</v>
      </c>
      <c r="I12241" t="s">
        <v>15</v>
      </c>
      <c r="J12241" s="10">
        <v>2.3297084250000002</v>
      </c>
    </row>
    <row r="12242" spans="1:10" x14ac:dyDescent="0.35">
      <c r="A12242" t="s">
        <v>22</v>
      </c>
      <c r="B12242" t="s">
        <v>76</v>
      </c>
      <c r="C12242" t="s">
        <v>117</v>
      </c>
      <c r="D12242" t="s">
        <v>118</v>
      </c>
      <c r="E12242">
        <v>2016</v>
      </c>
      <c r="F12242">
        <v>2016</v>
      </c>
      <c r="G12242" t="s">
        <v>14</v>
      </c>
      <c r="H12242" t="s">
        <v>119</v>
      </c>
      <c r="I12242" t="s">
        <v>15</v>
      </c>
      <c r="J12242" s="10">
        <v>19.57191744</v>
      </c>
    </row>
    <row r="12243" spans="1:10" x14ac:dyDescent="0.35">
      <c r="A12243" t="s">
        <v>22</v>
      </c>
      <c r="B12243" t="s">
        <v>76</v>
      </c>
      <c r="C12243" t="s">
        <v>117</v>
      </c>
      <c r="D12243" t="s">
        <v>118</v>
      </c>
      <c r="E12243">
        <v>2016</v>
      </c>
      <c r="F12243">
        <v>2016</v>
      </c>
      <c r="G12243" t="s">
        <v>14</v>
      </c>
      <c r="H12243" t="s">
        <v>120</v>
      </c>
      <c r="I12243" t="s">
        <v>15</v>
      </c>
      <c r="J12243" s="10">
        <v>9.7700172169999995</v>
      </c>
    </row>
    <row r="12244" spans="1:10" x14ac:dyDescent="0.35">
      <c r="A12244" t="s">
        <v>22</v>
      </c>
      <c r="B12244" t="s">
        <v>76</v>
      </c>
      <c r="C12244" t="s">
        <v>117</v>
      </c>
      <c r="D12244" t="s">
        <v>118</v>
      </c>
      <c r="E12244">
        <v>2016</v>
      </c>
      <c r="F12244">
        <v>2016</v>
      </c>
      <c r="G12244" t="s">
        <v>14</v>
      </c>
      <c r="H12244" t="s">
        <v>121</v>
      </c>
      <c r="I12244" t="s">
        <v>15</v>
      </c>
      <c r="J12244" s="10">
        <v>34.07231067</v>
      </c>
    </row>
    <row r="12245" spans="1:10" x14ac:dyDescent="0.35">
      <c r="A12245" t="s">
        <v>22</v>
      </c>
      <c r="B12245" t="s">
        <v>76</v>
      </c>
      <c r="C12245" t="s">
        <v>117</v>
      </c>
      <c r="D12245" t="s">
        <v>118</v>
      </c>
      <c r="E12245">
        <v>2016</v>
      </c>
      <c r="F12245">
        <v>2016</v>
      </c>
      <c r="G12245" t="s">
        <v>14</v>
      </c>
      <c r="H12245" t="s">
        <v>122</v>
      </c>
      <c r="I12245" t="s">
        <v>15</v>
      </c>
      <c r="J12245" s="10">
        <v>19.714328219999999</v>
      </c>
    </row>
    <row r="12246" spans="1:10" x14ac:dyDescent="0.35">
      <c r="A12246" t="s">
        <v>22</v>
      </c>
      <c r="B12246" t="s">
        <v>76</v>
      </c>
      <c r="C12246" t="s">
        <v>117</v>
      </c>
      <c r="D12246" t="s">
        <v>118</v>
      </c>
      <c r="E12246">
        <v>2016</v>
      </c>
      <c r="F12246">
        <v>2016</v>
      </c>
      <c r="G12246" t="s">
        <v>14</v>
      </c>
      <c r="H12246" t="s">
        <v>123</v>
      </c>
      <c r="I12246" t="s">
        <v>15</v>
      </c>
      <c r="J12246" s="10">
        <v>15.08704062</v>
      </c>
    </row>
    <row r="12247" spans="1:10" x14ac:dyDescent="0.35">
      <c r="A12247" t="s">
        <v>22</v>
      </c>
      <c r="B12247" t="s">
        <v>76</v>
      </c>
      <c r="C12247" t="s">
        <v>117</v>
      </c>
      <c r="D12247" t="s">
        <v>118</v>
      </c>
      <c r="E12247">
        <v>2016</v>
      </c>
      <c r="F12247">
        <v>2016</v>
      </c>
      <c r="G12247" t="s">
        <v>14</v>
      </c>
      <c r="H12247" t="s">
        <v>124</v>
      </c>
      <c r="I12247" t="s">
        <v>15</v>
      </c>
      <c r="J12247" s="10">
        <v>1.7843858269999999</v>
      </c>
    </row>
    <row r="12248" spans="1:10" x14ac:dyDescent="0.35">
      <c r="A12248" t="s">
        <v>22</v>
      </c>
      <c r="B12248" t="s">
        <v>76</v>
      </c>
      <c r="C12248" t="s">
        <v>117</v>
      </c>
      <c r="D12248" t="s">
        <v>118</v>
      </c>
      <c r="E12248">
        <v>2016</v>
      </c>
      <c r="F12248">
        <v>2016</v>
      </c>
      <c r="G12248" t="s">
        <v>125</v>
      </c>
      <c r="H12248" t="s">
        <v>119</v>
      </c>
      <c r="I12248" t="s">
        <v>15</v>
      </c>
      <c r="J12248" s="10">
        <v>20.701114220000001</v>
      </c>
    </row>
    <row r="12249" spans="1:10" x14ac:dyDescent="0.35">
      <c r="A12249" t="s">
        <v>22</v>
      </c>
      <c r="B12249" t="s">
        <v>76</v>
      </c>
      <c r="C12249" t="s">
        <v>117</v>
      </c>
      <c r="D12249" t="s">
        <v>118</v>
      </c>
      <c r="E12249">
        <v>2016</v>
      </c>
      <c r="F12249">
        <v>2016</v>
      </c>
      <c r="G12249" t="s">
        <v>125</v>
      </c>
      <c r="H12249" t="s">
        <v>120</v>
      </c>
      <c r="I12249" t="s">
        <v>15</v>
      </c>
      <c r="J12249" s="10">
        <v>10.07363003</v>
      </c>
    </row>
    <row r="12250" spans="1:10" x14ac:dyDescent="0.35">
      <c r="A12250" t="s">
        <v>22</v>
      </c>
      <c r="B12250" t="s">
        <v>76</v>
      </c>
      <c r="C12250" t="s">
        <v>117</v>
      </c>
      <c r="D12250" t="s">
        <v>118</v>
      </c>
      <c r="E12250">
        <v>2016</v>
      </c>
      <c r="F12250">
        <v>2016</v>
      </c>
      <c r="G12250" t="s">
        <v>125</v>
      </c>
      <c r="H12250" t="s">
        <v>121</v>
      </c>
      <c r="I12250" t="s">
        <v>15</v>
      </c>
      <c r="J12250" s="10">
        <v>33.822028189999997</v>
      </c>
    </row>
    <row r="12251" spans="1:10" x14ac:dyDescent="0.35">
      <c r="A12251" t="s">
        <v>22</v>
      </c>
      <c r="B12251" t="s">
        <v>76</v>
      </c>
      <c r="C12251" t="s">
        <v>117</v>
      </c>
      <c r="D12251" t="s">
        <v>118</v>
      </c>
      <c r="E12251">
        <v>2016</v>
      </c>
      <c r="F12251">
        <v>2016</v>
      </c>
      <c r="G12251" t="s">
        <v>125</v>
      </c>
      <c r="H12251" t="s">
        <v>122</v>
      </c>
      <c r="I12251" t="s">
        <v>15</v>
      </c>
      <c r="J12251" s="10">
        <v>19.849699180000002</v>
      </c>
    </row>
    <row r="12252" spans="1:10" x14ac:dyDescent="0.35">
      <c r="A12252" t="s">
        <v>22</v>
      </c>
      <c r="B12252" t="s">
        <v>76</v>
      </c>
      <c r="C12252" t="s">
        <v>117</v>
      </c>
      <c r="D12252" t="s">
        <v>118</v>
      </c>
      <c r="E12252">
        <v>2016</v>
      </c>
      <c r="F12252">
        <v>2016</v>
      </c>
      <c r="G12252" t="s">
        <v>125</v>
      </c>
      <c r="H12252" t="s">
        <v>123</v>
      </c>
      <c r="I12252" t="s">
        <v>15</v>
      </c>
      <c r="J12252" s="10">
        <v>14.259029999999999</v>
      </c>
    </row>
    <row r="12253" spans="1:10" x14ac:dyDescent="0.35">
      <c r="A12253" t="s">
        <v>22</v>
      </c>
      <c r="B12253" t="s">
        <v>76</v>
      </c>
      <c r="C12253" t="s">
        <v>117</v>
      </c>
      <c r="D12253" t="s">
        <v>118</v>
      </c>
      <c r="E12253">
        <v>2016</v>
      </c>
      <c r="F12253">
        <v>2016</v>
      </c>
      <c r="G12253" t="s">
        <v>125</v>
      </c>
      <c r="H12253" t="s">
        <v>124</v>
      </c>
      <c r="I12253" t="s">
        <v>15</v>
      </c>
      <c r="J12253" s="10">
        <v>1.294498382</v>
      </c>
    </row>
    <row r="12254" spans="1:10" x14ac:dyDescent="0.35">
      <c r="A12254" t="s">
        <v>22</v>
      </c>
      <c r="B12254" t="s">
        <v>76</v>
      </c>
      <c r="C12254" t="s">
        <v>117</v>
      </c>
      <c r="D12254" t="s">
        <v>118</v>
      </c>
      <c r="E12254">
        <v>2016</v>
      </c>
      <c r="F12254">
        <v>2016</v>
      </c>
      <c r="G12254" t="s">
        <v>126</v>
      </c>
      <c r="H12254" t="s">
        <v>119</v>
      </c>
      <c r="I12254" t="s">
        <v>15</v>
      </c>
      <c r="J12254" s="10">
        <v>18.49000062</v>
      </c>
    </row>
    <row r="12255" spans="1:10" x14ac:dyDescent="0.35">
      <c r="A12255" t="s">
        <v>22</v>
      </c>
      <c r="B12255" t="s">
        <v>76</v>
      </c>
      <c r="C12255" t="s">
        <v>117</v>
      </c>
      <c r="D12255" t="s">
        <v>118</v>
      </c>
      <c r="E12255">
        <v>2016</v>
      </c>
      <c r="F12255">
        <v>2016</v>
      </c>
      <c r="G12255" t="s">
        <v>126</v>
      </c>
      <c r="H12255" t="s">
        <v>120</v>
      </c>
      <c r="I12255" t="s">
        <v>15</v>
      </c>
      <c r="J12255" s="10">
        <v>9.4791168090000006</v>
      </c>
    </row>
    <row r="12256" spans="1:10" x14ac:dyDescent="0.35">
      <c r="A12256" t="s">
        <v>22</v>
      </c>
      <c r="B12256" t="s">
        <v>76</v>
      </c>
      <c r="C12256" t="s">
        <v>117</v>
      </c>
      <c r="D12256" t="s">
        <v>118</v>
      </c>
      <c r="E12256">
        <v>2016</v>
      </c>
      <c r="F12256">
        <v>2016</v>
      </c>
      <c r="G12256" t="s">
        <v>126</v>
      </c>
      <c r="H12256" t="s">
        <v>121</v>
      </c>
      <c r="I12256" t="s">
        <v>15</v>
      </c>
      <c r="J12256" s="10">
        <v>34.312113709999998</v>
      </c>
    </row>
    <row r="12257" spans="1:10" x14ac:dyDescent="0.35">
      <c r="A12257" t="s">
        <v>22</v>
      </c>
      <c r="B12257" t="s">
        <v>76</v>
      </c>
      <c r="C12257" t="s">
        <v>117</v>
      </c>
      <c r="D12257" t="s">
        <v>118</v>
      </c>
      <c r="E12257">
        <v>2016</v>
      </c>
      <c r="F12257">
        <v>2016</v>
      </c>
      <c r="G12257" t="s">
        <v>126</v>
      </c>
      <c r="H12257" t="s">
        <v>122</v>
      </c>
      <c r="I12257" t="s">
        <v>15</v>
      </c>
      <c r="J12257" s="10">
        <v>19.58462531</v>
      </c>
    </row>
    <row r="12258" spans="1:10" x14ac:dyDescent="0.35">
      <c r="A12258" t="s">
        <v>22</v>
      </c>
      <c r="B12258" t="s">
        <v>76</v>
      </c>
      <c r="C12258" t="s">
        <v>117</v>
      </c>
      <c r="D12258" t="s">
        <v>118</v>
      </c>
      <c r="E12258">
        <v>2016</v>
      </c>
      <c r="F12258">
        <v>2016</v>
      </c>
      <c r="G12258" t="s">
        <v>126</v>
      </c>
      <c r="H12258" t="s">
        <v>123</v>
      </c>
      <c r="I12258" t="s">
        <v>15</v>
      </c>
      <c r="J12258" s="10">
        <v>15.88038208</v>
      </c>
    </row>
    <row r="12259" spans="1:10" x14ac:dyDescent="0.35">
      <c r="A12259" t="s">
        <v>22</v>
      </c>
      <c r="B12259" t="s">
        <v>76</v>
      </c>
      <c r="C12259" t="s">
        <v>117</v>
      </c>
      <c r="D12259" t="s">
        <v>118</v>
      </c>
      <c r="E12259">
        <v>2016</v>
      </c>
      <c r="F12259">
        <v>2016</v>
      </c>
      <c r="G12259" t="s">
        <v>126</v>
      </c>
      <c r="H12259" t="s">
        <v>124</v>
      </c>
      <c r="I12259" t="s">
        <v>15</v>
      </c>
      <c r="J12259" s="10">
        <v>2.2537614719999999</v>
      </c>
    </row>
    <row r="12260" spans="1:10" x14ac:dyDescent="0.35">
      <c r="A12260" t="s">
        <v>22</v>
      </c>
      <c r="B12260" t="s">
        <v>76</v>
      </c>
      <c r="C12260" t="s">
        <v>117</v>
      </c>
      <c r="D12260" t="s">
        <v>118</v>
      </c>
      <c r="E12260">
        <v>2015</v>
      </c>
      <c r="F12260">
        <v>2015</v>
      </c>
      <c r="G12260" t="s">
        <v>14</v>
      </c>
      <c r="H12260" t="s">
        <v>119</v>
      </c>
      <c r="I12260" t="s">
        <v>15</v>
      </c>
      <c r="J12260" s="10">
        <v>19.488316050000002</v>
      </c>
    </row>
    <row r="12261" spans="1:10" x14ac:dyDescent="0.35">
      <c r="A12261" t="s">
        <v>22</v>
      </c>
      <c r="B12261" t="s">
        <v>76</v>
      </c>
      <c r="C12261" t="s">
        <v>117</v>
      </c>
      <c r="D12261" t="s">
        <v>118</v>
      </c>
      <c r="E12261">
        <v>2015</v>
      </c>
      <c r="F12261">
        <v>2015</v>
      </c>
      <c r="G12261" t="s">
        <v>14</v>
      </c>
      <c r="H12261" t="s">
        <v>120</v>
      </c>
      <c r="I12261" t="s">
        <v>15</v>
      </c>
      <c r="J12261" s="10">
        <v>10.04002238</v>
      </c>
    </row>
    <row r="12262" spans="1:10" x14ac:dyDescent="0.35">
      <c r="A12262" t="s">
        <v>22</v>
      </c>
      <c r="B12262" t="s">
        <v>76</v>
      </c>
      <c r="C12262" t="s">
        <v>117</v>
      </c>
      <c r="D12262" t="s">
        <v>118</v>
      </c>
      <c r="E12262">
        <v>2015</v>
      </c>
      <c r="F12262">
        <v>2015</v>
      </c>
      <c r="G12262" t="s">
        <v>14</v>
      </c>
      <c r="H12262" t="s">
        <v>121</v>
      </c>
      <c r="I12262" t="s">
        <v>15</v>
      </c>
      <c r="J12262" s="10">
        <v>34.249257649999997</v>
      </c>
    </row>
    <row r="12263" spans="1:10" x14ac:dyDescent="0.35">
      <c r="A12263" t="s">
        <v>22</v>
      </c>
      <c r="B12263" t="s">
        <v>76</v>
      </c>
      <c r="C12263" t="s">
        <v>117</v>
      </c>
      <c r="D12263" t="s">
        <v>118</v>
      </c>
      <c r="E12263">
        <v>2015</v>
      </c>
      <c r="F12263">
        <v>2015</v>
      </c>
      <c r="G12263" t="s">
        <v>14</v>
      </c>
      <c r="H12263" t="s">
        <v>122</v>
      </c>
      <c r="I12263" t="s">
        <v>15</v>
      </c>
      <c r="J12263" s="10">
        <v>19.497998880000001</v>
      </c>
    </row>
    <row r="12264" spans="1:10" x14ac:dyDescent="0.35">
      <c r="A12264" t="s">
        <v>22</v>
      </c>
      <c r="B12264" t="s">
        <v>76</v>
      </c>
      <c r="C12264" t="s">
        <v>117</v>
      </c>
      <c r="D12264" t="s">
        <v>118</v>
      </c>
      <c r="E12264">
        <v>2015</v>
      </c>
      <c r="F12264">
        <v>2015</v>
      </c>
      <c r="G12264" t="s">
        <v>14</v>
      </c>
      <c r="H12264" t="s">
        <v>123</v>
      </c>
      <c r="I12264" t="s">
        <v>15</v>
      </c>
      <c r="J12264" s="10">
        <v>15.01592288</v>
      </c>
    </row>
    <row r="12265" spans="1:10" x14ac:dyDescent="0.35">
      <c r="A12265" t="s">
        <v>22</v>
      </c>
      <c r="B12265" t="s">
        <v>76</v>
      </c>
      <c r="C12265" t="s">
        <v>117</v>
      </c>
      <c r="D12265" t="s">
        <v>118</v>
      </c>
      <c r="E12265">
        <v>2015</v>
      </c>
      <c r="F12265">
        <v>2015</v>
      </c>
      <c r="G12265" t="s">
        <v>14</v>
      </c>
      <c r="H12265" t="s">
        <v>124</v>
      </c>
      <c r="I12265" t="s">
        <v>15</v>
      </c>
      <c r="J12265" s="10">
        <v>1.7084821619999999</v>
      </c>
    </row>
    <row r="12266" spans="1:10" x14ac:dyDescent="0.35">
      <c r="A12266" t="s">
        <v>22</v>
      </c>
      <c r="B12266" t="s">
        <v>76</v>
      </c>
      <c r="C12266" t="s">
        <v>117</v>
      </c>
      <c r="D12266" t="s">
        <v>118</v>
      </c>
      <c r="E12266">
        <v>2015</v>
      </c>
      <c r="F12266">
        <v>2015</v>
      </c>
      <c r="G12266" t="s">
        <v>125</v>
      </c>
      <c r="H12266" t="s">
        <v>119</v>
      </c>
      <c r="I12266" t="s">
        <v>15</v>
      </c>
      <c r="J12266" s="10">
        <v>20.471956980000002</v>
      </c>
    </row>
    <row r="12267" spans="1:10" x14ac:dyDescent="0.35">
      <c r="A12267" t="s">
        <v>22</v>
      </c>
      <c r="B12267" t="s">
        <v>76</v>
      </c>
      <c r="C12267" t="s">
        <v>117</v>
      </c>
      <c r="D12267" t="s">
        <v>118</v>
      </c>
      <c r="E12267">
        <v>2015</v>
      </c>
      <c r="F12267">
        <v>2015</v>
      </c>
      <c r="G12267" t="s">
        <v>125</v>
      </c>
      <c r="H12267" t="s">
        <v>120</v>
      </c>
      <c r="I12267" t="s">
        <v>15</v>
      </c>
      <c r="J12267" s="10">
        <v>10.35232137</v>
      </c>
    </row>
    <row r="12268" spans="1:10" x14ac:dyDescent="0.35">
      <c r="A12268" t="s">
        <v>22</v>
      </c>
      <c r="B12268" t="s">
        <v>76</v>
      </c>
      <c r="C12268" t="s">
        <v>117</v>
      </c>
      <c r="D12268" t="s">
        <v>118</v>
      </c>
      <c r="E12268">
        <v>2015</v>
      </c>
      <c r="F12268">
        <v>2015</v>
      </c>
      <c r="G12268" t="s">
        <v>125</v>
      </c>
      <c r="H12268" t="s">
        <v>121</v>
      </c>
      <c r="I12268" t="s">
        <v>15</v>
      </c>
      <c r="J12268" s="10">
        <v>34.145538360000003</v>
      </c>
    </row>
    <row r="12269" spans="1:10" x14ac:dyDescent="0.35">
      <c r="A12269" t="s">
        <v>22</v>
      </c>
      <c r="B12269" t="s">
        <v>76</v>
      </c>
      <c r="C12269" t="s">
        <v>117</v>
      </c>
      <c r="D12269" t="s">
        <v>118</v>
      </c>
      <c r="E12269">
        <v>2015</v>
      </c>
      <c r="F12269">
        <v>2015</v>
      </c>
      <c r="G12269" t="s">
        <v>125</v>
      </c>
      <c r="H12269" t="s">
        <v>122</v>
      </c>
      <c r="I12269" t="s">
        <v>15</v>
      </c>
      <c r="J12269" s="10">
        <v>19.5675557</v>
      </c>
    </row>
    <row r="12270" spans="1:10" x14ac:dyDescent="0.35">
      <c r="A12270" t="s">
        <v>22</v>
      </c>
      <c r="B12270" t="s">
        <v>76</v>
      </c>
      <c r="C12270" t="s">
        <v>117</v>
      </c>
      <c r="D12270" t="s">
        <v>118</v>
      </c>
      <c r="E12270">
        <v>2015</v>
      </c>
      <c r="F12270">
        <v>2015</v>
      </c>
      <c r="G12270" t="s">
        <v>125</v>
      </c>
      <c r="H12270" t="s">
        <v>123</v>
      </c>
      <c r="I12270" t="s">
        <v>15</v>
      </c>
      <c r="J12270" s="10">
        <v>14.18724619</v>
      </c>
    </row>
    <row r="12271" spans="1:10" x14ac:dyDescent="0.35">
      <c r="A12271" t="s">
        <v>22</v>
      </c>
      <c r="B12271" t="s">
        <v>76</v>
      </c>
      <c r="C12271" t="s">
        <v>117</v>
      </c>
      <c r="D12271" t="s">
        <v>118</v>
      </c>
      <c r="E12271">
        <v>2015</v>
      </c>
      <c r="F12271">
        <v>2015</v>
      </c>
      <c r="G12271" t="s">
        <v>125</v>
      </c>
      <c r="H12271" t="s">
        <v>124</v>
      </c>
      <c r="I12271" t="s">
        <v>15</v>
      </c>
      <c r="J12271" s="10">
        <v>1.275381407</v>
      </c>
    </row>
    <row r="12272" spans="1:10" x14ac:dyDescent="0.35">
      <c r="A12272" t="s">
        <v>22</v>
      </c>
      <c r="B12272" t="s">
        <v>76</v>
      </c>
      <c r="C12272" t="s">
        <v>117</v>
      </c>
      <c r="D12272" t="s">
        <v>118</v>
      </c>
      <c r="E12272">
        <v>2015</v>
      </c>
      <c r="F12272">
        <v>2015</v>
      </c>
      <c r="G12272" t="s">
        <v>126</v>
      </c>
      <c r="H12272" t="s">
        <v>119</v>
      </c>
      <c r="I12272" t="s">
        <v>15</v>
      </c>
      <c r="J12272" s="10">
        <v>18.542822780000002</v>
      </c>
    </row>
    <row r="12273" spans="1:10" x14ac:dyDescent="0.35">
      <c r="A12273" t="s">
        <v>22</v>
      </c>
      <c r="B12273" t="s">
        <v>76</v>
      </c>
      <c r="C12273" t="s">
        <v>117</v>
      </c>
      <c r="D12273" t="s">
        <v>118</v>
      </c>
      <c r="E12273">
        <v>2015</v>
      </c>
      <c r="F12273">
        <v>2015</v>
      </c>
      <c r="G12273" t="s">
        <v>126</v>
      </c>
      <c r="H12273" t="s">
        <v>120</v>
      </c>
      <c r="I12273" t="s">
        <v>15</v>
      </c>
      <c r="J12273" s="10">
        <v>9.7398349970000009</v>
      </c>
    </row>
    <row r="12274" spans="1:10" x14ac:dyDescent="0.35">
      <c r="A12274" t="s">
        <v>22</v>
      </c>
      <c r="B12274" t="s">
        <v>76</v>
      </c>
      <c r="C12274" t="s">
        <v>117</v>
      </c>
      <c r="D12274" t="s">
        <v>118</v>
      </c>
      <c r="E12274">
        <v>2015</v>
      </c>
      <c r="F12274">
        <v>2015</v>
      </c>
      <c r="G12274" t="s">
        <v>126</v>
      </c>
      <c r="H12274" t="s">
        <v>121</v>
      </c>
      <c r="I12274" t="s">
        <v>15</v>
      </c>
      <c r="J12274" s="10">
        <v>34.348954489999997</v>
      </c>
    </row>
    <row r="12275" spans="1:10" x14ac:dyDescent="0.35">
      <c r="A12275" t="s">
        <v>22</v>
      </c>
      <c r="B12275" t="s">
        <v>76</v>
      </c>
      <c r="C12275" t="s">
        <v>117</v>
      </c>
      <c r="D12275" t="s">
        <v>118</v>
      </c>
      <c r="E12275">
        <v>2015</v>
      </c>
      <c r="F12275">
        <v>2015</v>
      </c>
      <c r="G12275" t="s">
        <v>126</v>
      </c>
      <c r="H12275" t="s">
        <v>122</v>
      </c>
      <c r="I12275" t="s">
        <v>15</v>
      </c>
      <c r="J12275" s="10">
        <v>19.43113962</v>
      </c>
    </row>
    <row r="12276" spans="1:10" x14ac:dyDescent="0.35">
      <c r="A12276" t="s">
        <v>22</v>
      </c>
      <c r="B12276" t="s">
        <v>76</v>
      </c>
      <c r="C12276" t="s">
        <v>117</v>
      </c>
      <c r="D12276" t="s">
        <v>118</v>
      </c>
      <c r="E12276">
        <v>2015</v>
      </c>
      <c r="F12276">
        <v>2015</v>
      </c>
      <c r="G12276" t="s">
        <v>126</v>
      </c>
      <c r="H12276" t="s">
        <v>123</v>
      </c>
      <c r="I12276" t="s">
        <v>15</v>
      </c>
      <c r="J12276" s="10">
        <v>15.81246176</v>
      </c>
    </row>
    <row r="12277" spans="1:10" x14ac:dyDescent="0.35">
      <c r="A12277" t="s">
        <v>22</v>
      </c>
      <c r="B12277" t="s">
        <v>76</v>
      </c>
      <c r="C12277" t="s">
        <v>117</v>
      </c>
      <c r="D12277" t="s">
        <v>118</v>
      </c>
      <c r="E12277">
        <v>2015</v>
      </c>
      <c r="F12277">
        <v>2015</v>
      </c>
      <c r="G12277" t="s">
        <v>126</v>
      </c>
      <c r="H12277" t="s">
        <v>124</v>
      </c>
      <c r="I12277" t="s">
        <v>15</v>
      </c>
      <c r="J12277" s="10">
        <v>2.124786361</v>
      </c>
    </row>
    <row r="12278" spans="1:10" x14ac:dyDescent="0.35">
      <c r="A12278" t="s">
        <v>22</v>
      </c>
      <c r="B12278" t="s">
        <v>76</v>
      </c>
      <c r="C12278" t="s">
        <v>117</v>
      </c>
      <c r="D12278" t="s">
        <v>118</v>
      </c>
      <c r="E12278">
        <v>2014</v>
      </c>
      <c r="F12278">
        <v>2014</v>
      </c>
      <c r="G12278" t="s">
        <v>14</v>
      </c>
      <c r="H12278" t="s">
        <v>119</v>
      </c>
      <c r="I12278" t="s">
        <v>15</v>
      </c>
      <c r="J12278" s="10">
        <v>19.43739309</v>
      </c>
    </row>
    <row r="12279" spans="1:10" x14ac:dyDescent="0.35">
      <c r="A12279" t="s">
        <v>22</v>
      </c>
      <c r="B12279" t="s">
        <v>76</v>
      </c>
      <c r="C12279" t="s">
        <v>117</v>
      </c>
      <c r="D12279" t="s">
        <v>118</v>
      </c>
      <c r="E12279">
        <v>2014</v>
      </c>
      <c r="F12279">
        <v>2014</v>
      </c>
      <c r="G12279" t="s">
        <v>14</v>
      </c>
      <c r="H12279" t="s">
        <v>120</v>
      </c>
      <c r="I12279" t="s">
        <v>15</v>
      </c>
      <c r="J12279" s="10">
        <v>10.11908004</v>
      </c>
    </row>
    <row r="12280" spans="1:10" x14ac:dyDescent="0.35">
      <c r="A12280" t="s">
        <v>22</v>
      </c>
      <c r="B12280" t="s">
        <v>76</v>
      </c>
      <c r="C12280" t="s">
        <v>117</v>
      </c>
      <c r="D12280" t="s">
        <v>118</v>
      </c>
      <c r="E12280">
        <v>2014</v>
      </c>
      <c r="F12280">
        <v>2014</v>
      </c>
      <c r="G12280" t="s">
        <v>14</v>
      </c>
      <c r="H12280" t="s">
        <v>121</v>
      </c>
      <c r="I12280" t="s">
        <v>15</v>
      </c>
      <c r="J12280" s="10">
        <v>34.730408449999999</v>
      </c>
    </row>
    <row r="12281" spans="1:10" x14ac:dyDescent="0.35">
      <c r="A12281" t="s">
        <v>22</v>
      </c>
      <c r="B12281" t="s">
        <v>76</v>
      </c>
      <c r="C12281" t="s">
        <v>117</v>
      </c>
      <c r="D12281" t="s">
        <v>118</v>
      </c>
      <c r="E12281">
        <v>2014</v>
      </c>
      <c r="F12281">
        <v>2014</v>
      </c>
      <c r="G12281" t="s">
        <v>14</v>
      </c>
      <c r="H12281" t="s">
        <v>122</v>
      </c>
      <c r="I12281" t="s">
        <v>15</v>
      </c>
      <c r="J12281" s="10">
        <v>19.141054830000002</v>
      </c>
    </row>
    <row r="12282" spans="1:10" x14ac:dyDescent="0.35">
      <c r="A12282" t="s">
        <v>22</v>
      </c>
      <c r="B12282" t="s">
        <v>76</v>
      </c>
      <c r="C12282" t="s">
        <v>117</v>
      </c>
      <c r="D12282" t="s">
        <v>118</v>
      </c>
      <c r="E12282">
        <v>2014</v>
      </c>
      <c r="F12282">
        <v>2014</v>
      </c>
      <c r="G12282" t="s">
        <v>14</v>
      </c>
      <c r="H12282" t="s">
        <v>123</v>
      </c>
      <c r="I12282" t="s">
        <v>15</v>
      </c>
      <c r="J12282" s="10">
        <v>14.87138702</v>
      </c>
    </row>
    <row r="12283" spans="1:10" x14ac:dyDescent="0.35">
      <c r="A12283" t="s">
        <v>22</v>
      </c>
      <c r="B12283" t="s">
        <v>76</v>
      </c>
      <c r="C12283" t="s">
        <v>117</v>
      </c>
      <c r="D12283" t="s">
        <v>118</v>
      </c>
      <c r="E12283">
        <v>2014</v>
      </c>
      <c r="F12283">
        <v>2014</v>
      </c>
      <c r="G12283" t="s">
        <v>14</v>
      </c>
      <c r="H12283" t="s">
        <v>124</v>
      </c>
      <c r="I12283" t="s">
        <v>15</v>
      </c>
      <c r="J12283" s="10">
        <v>1.7006765660000001</v>
      </c>
    </row>
    <row r="12284" spans="1:10" x14ac:dyDescent="0.35">
      <c r="A12284" t="s">
        <v>22</v>
      </c>
      <c r="B12284" t="s">
        <v>76</v>
      </c>
      <c r="C12284" t="s">
        <v>117</v>
      </c>
      <c r="D12284" t="s">
        <v>118</v>
      </c>
      <c r="E12284">
        <v>2014</v>
      </c>
      <c r="F12284">
        <v>2014</v>
      </c>
      <c r="G12284" t="s">
        <v>125</v>
      </c>
      <c r="H12284" t="s">
        <v>119</v>
      </c>
      <c r="I12284" t="s">
        <v>15</v>
      </c>
      <c r="J12284" s="10">
        <v>20.35437628</v>
      </c>
    </row>
    <row r="12285" spans="1:10" x14ac:dyDescent="0.35">
      <c r="A12285" t="s">
        <v>22</v>
      </c>
      <c r="B12285" t="s">
        <v>76</v>
      </c>
      <c r="C12285" t="s">
        <v>117</v>
      </c>
      <c r="D12285" t="s">
        <v>118</v>
      </c>
      <c r="E12285">
        <v>2014</v>
      </c>
      <c r="F12285">
        <v>2014</v>
      </c>
      <c r="G12285" t="s">
        <v>125</v>
      </c>
      <c r="H12285" t="s">
        <v>120</v>
      </c>
      <c r="I12285" t="s">
        <v>15</v>
      </c>
      <c r="J12285" s="10">
        <v>10.44653192</v>
      </c>
    </row>
    <row r="12286" spans="1:10" x14ac:dyDescent="0.35">
      <c r="A12286" t="s">
        <v>22</v>
      </c>
      <c r="B12286" t="s">
        <v>76</v>
      </c>
      <c r="C12286" t="s">
        <v>117</v>
      </c>
      <c r="D12286" t="s">
        <v>118</v>
      </c>
      <c r="E12286">
        <v>2014</v>
      </c>
      <c r="F12286">
        <v>2014</v>
      </c>
      <c r="G12286" t="s">
        <v>125</v>
      </c>
      <c r="H12286" t="s">
        <v>121</v>
      </c>
      <c r="I12286" t="s">
        <v>15</v>
      </c>
      <c r="J12286" s="10">
        <v>34.678568249999998</v>
      </c>
    </row>
    <row r="12287" spans="1:10" x14ac:dyDescent="0.35">
      <c r="A12287" t="s">
        <v>22</v>
      </c>
      <c r="B12287" t="s">
        <v>76</v>
      </c>
      <c r="C12287" t="s">
        <v>117</v>
      </c>
      <c r="D12287" t="s">
        <v>118</v>
      </c>
      <c r="E12287">
        <v>2014</v>
      </c>
      <c r="F12287">
        <v>2014</v>
      </c>
      <c r="G12287" t="s">
        <v>125</v>
      </c>
      <c r="H12287" t="s">
        <v>122</v>
      </c>
      <c r="I12287" t="s">
        <v>15</v>
      </c>
      <c r="J12287" s="10">
        <v>19.292583029999999</v>
      </c>
    </row>
    <row r="12288" spans="1:10" x14ac:dyDescent="0.35">
      <c r="A12288" t="s">
        <v>22</v>
      </c>
      <c r="B12288" t="s">
        <v>76</v>
      </c>
      <c r="C12288" t="s">
        <v>117</v>
      </c>
      <c r="D12288" t="s">
        <v>118</v>
      </c>
      <c r="E12288">
        <v>2014</v>
      </c>
      <c r="F12288">
        <v>2014</v>
      </c>
      <c r="G12288" t="s">
        <v>125</v>
      </c>
      <c r="H12288" t="s">
        <v>123</v>
      </c>
      <c r="I12288" t="s">
        <v>15</v>
      </c>
      <c r="J12288" s="10">
        <v>13.988068739999999</v>
      </c>
    </row>
    <row r="12289" spans="1:10" x14ac:dyDescent="0.35">
      <c r="A12289" t="s">
        <v>22</v>
      </c>
      <c r="B12289" t="s">
        <v>76</v>
      </c>
      <c r="C12289" t="s">
        <v>117</v>
      </c>
      <c r="D12289" t="s">
        <v>118</v>
      </c>
      <c r="E12289">
        <v>2014</v>
      </c>
      <c r="F12289">
        <v>2014</v>
      </c>
      <c r="G12289" t="s">
        <v>125</v>
      </c>
      <c r="H12289" t="s">
        <v>124</v>
      </c>
      <c r="I12289" t="s">
        <v>15</v>
      </c>
      <c r="J12289" s="10">
        <v>1.2398717829999999</v>
      </c>
    </row>
    <row r="12290" spans="1:10" x14ac:dyDescent="0.35">
      <c r="A12290" t="s">
        <v>22</v>
      </c>
      <c r="B12290" t="s">
        <v>76</v>
      </c>
      <c r="C12290" t="s">
        <v>117</v>
      </c>
      <c r="D12290" t="s">
        <v>118</v>
      </c>
      <c r="E12290">
        <v>2014</v>
      </c>
      <c r="F12290">
        <v>2014</v>
      </c>
      <c r="G12290" t="s">
        <v>126</v>
      </c>
      <c r="H12290" t="s">
        <v>119</v>
      </c>
      <c r="I12290" t="s">
        <v>15</v>
      </c>
      <c r="J12290" s="10">
        <v>18.55835094</v>
      </c>
    </row>
    <row r="12291" spans="1:10" x14ac:dyDescent="0.35">
      <c r="A12291" t="s">
        <v>22</v>
      </c>
      <c r="B12291" t="s">
        <v>76</v>
      </c>
      <c r="C12291" t="s">
        <v>117</v>
      </c>
      <c r="D12291" t="s">
        <v>118</v>
      </c>
      <c r="E12291">
        <v>2014</v>
      </c>
      <c r="F12291">
        <v>2014</v>
      </c>
      <c r="G12291" t="s">
        <v>126</v>
      </c>
      <c r="H12291" t="s">
        <v>120</v>
      </c>
      <c r="I12291" t="s">
        <v>15</v>
      </c>
      <c r="J12291" s="10">
        <v>9.8051767919999993</v>
      </c>
    </row>
    <row r="12292" spans="1:10" x14ac:dyDescent="0.35">
      <c r="A12292" t="s">
        <v>22</v>
      </c>
      <c r="B12292" t="s">
        <v>76</v>
      </c>
      <c r="C12292" t="s">
        <v>117</v>
      </c>
      <c r="D12292" t="s">
        <v>118</v>
      </c>
      <c r="E12292">
        <v>2014</v>
      </c>
      <c r="F12292">
        <v>2014</v>
      </c>
      <c r="G12292" t="s">
        <v>126</v>
      </c>
      <c r="H12292" t="s">
        <v>121</v>
      </c>
      <c r="I12292" t="s">
        <v>15</v>
      </c>
      <c r="J12292" s="10">
        <v>34.780103709999999</v>
      </c>
    </row>
    <row r="12293" spans="1:10" x14ac:dyDescent="0.35">
      <c r="A12293" t="s">
        <v>22</v>
      </c>
      <c r="B12293" t="s">
        <v>76</v>
      </c>
      <c r="C12293" t="s">
        <v>117</v>
      </c>
      <c r="D12293" t="s">
        <v>118</v>
      </c>
      <c r="E12293">
        <v>2014</v>
      </c>
      <c r="F12293">
        <v>2014</v>
      </c>
      <c r="G12293" t="s">
        <v>126</v>
      </c>
      <c r="H12293" t="s">
        <v>122</v>
      </c>
      <c r="I12293" t="s">
        <v>15</v>
      </c>
      <c r="J12293" s="10">
        <v>18.995796259999999</v>
      </c>
    </row>
    <row r="12294" spans="1:10" x14ac:dyDescent="0.35">
      <c r="A12294" t="s">
        <v>22</v>
      </c>
      <c r="B12294" t="s">
        <v>76</v>
      </c>
      <c r="C12294" t="s">
        <v>117</v>
      </c>
      <c r="D12294" t="s">
        <v>118</v>
      </c>
      <c r="E12294">
        <v>2014</v>
      </c>
      <c r="F12294">
        <v>2014</v>
      </c>
      <c r="G12294" t="s">
        <v>126</v>
      </c>
      <c r="H12294" t="s">
        <v>123</v>
      </c>
      <c r="I12294" t="s">
        <v>15</v>
      </c>
      <c r="J12294" s="10">
        <v>15.71815718</v>
      </c>
    </row>
    <row r="12295" spans="1:10" x14ac:dyDescent="0.35">
      <c r="A12295" t="s">
        <v>22</v>
      </c>
      <c r="B12295" t="s">
        <v>76</v>
      </c>
      <c r="C12295" t="s">
        <v>117</v>
      </c>
      <c r="D12295" t="s">
        <v>118</v>
      </c>
      <c r="E12295">
        <v>2014</v>
      </c>
      <c r="F12295">
        <v>2014</v>
      </c>
      <c r="G12295" t="s">
        <v>126</v>
      </c>
      <c r="H12295" t="s">
        <v>124</v>
      </c>
      <c r="I12295" t="s">
        <v>15</v>
      </c>
      <c r="J12295" s="10">
        <v>2.1424151249999999</v>
      </c>
    </row>
    <row r="12296" spans="1:10" x14ac:dyDescent="0.35">
      <c r="A12296" t="s">
        <v>22</v>
      </c>
      <c r="B12296" t="s">
        <v>76</v>
      </c>
      <c r="C12296" t="s">
        <v>117</v>
      </c>
      <c r="D12296" t="s">
        <v>118</v>
      </c>
      <c r="E12296">
        <v>2013</v>
      </c>
      <c r="F12296">
        <v>2013</v>
      </c>
      <c r="G12296" t="s">
        <v>14</v>
      </c>
      <c r="H12296" t="s">
        <v>119</v>
      </c>
      <c r="I12296" t="s">
        <v>15</v>
      </c>
      <c r="J12296" s="10">
        <v>19.473765230000001</v>
      </c>
    </row>
    <row r="12297" spans="1:10" x14ac:dyDescent="0.35">
      <c r="A12297" t="s">
        <v>22</v>
      </c>
      <c r="B12297" t="s">
        <v>76</v>
      </c>
      <c r="C12297" t="s">
        <v>117</v>
      </c>
      <c r="D12297" t="s">
        <v>118</v>
      </c>
      <c r="E12297">
        <v>2013</v>
      </c>
      <c r="F12297">
        <v>2013</v>
      </c>
      <c r="G12297" t="s">
        <v>14</v>
      </c>
      <c r="H12297" t="s">
        <v>120</v>
      </c>
      <c r="I12297" t="s">
        <v>15</v>
      </c>
      <c r="J12297" s="10">
        <v>10.183841320000001</v>
      </c>
    </row>
    <row r="12298" spans="1:10" x14ac:dyDescent="0.35">
      <c r="A12298" t="s">
        <v>22</v>
      </c>
      <c r="B12298" t="s">
        <v>76</v>
      </c>
      <c r="C12298" t="s">
        <v>117</v>
      </c>
      <c r="D12298" t="s">
        <v>118</v>
      </c>
      <c r="E12298">
        <v>2013</v>
      </c>
      <c r="F12298">
        <v>2013</v>
      </c>
      <c r="G12298" t="s">
        <v>14</v>
      </c>
      <c r="H12298" t="s">
        <v>121</v>
      </c>
      <c r="I12298" t="s">
        <v>15</v>
      </c>
      <c r="J12298" s="10">
        <v>35.044201080000001</v>
      </c>
    </row>
    <row r="12299" spans="1:10" x14ac:dyDescent="0.35">
      <c r="A12299" t="s">
        <v>22</v>
      </c>
      <c r="B12299" t="s">
        <v>76</v>
      </c>
      <c r="C12299" t="s">
        <v>117</v>
      </c>
      <c r="D12299" t="s">
        <v>118</v>
      </c>
      <c r="E12299">
        <v>2013</v>
      </c>
      <c r="F12299">
        <v>2013</v>
      </c>
      <c r="G12299" t="s">
        <v>14</v>
      </c>
      <c r="H12299" t="s">
        <v>122</v>
      </c>
      <c r="I12299" t="s">
        <v>15</v>
      </c>
      <c r="J12299" s="10">
        <v>19.004266170000001</v>
      </c>
    </row>
    <row r="12300" spans="1:10" x14ac:dyDescent="0.35">
      <c r="A12300" t="s">
        <v>22</v>
      </c>
      <c r="B12300" t="s">
        <v>76</v>
      </c>
      <c r="C12300" t="s">
        <v>117</v>
      </c>
      <c r="D12300" t="s">
        <v>118</v>
      </c>
      <c r="E12300">
        <v>2013</v>
      </c>
      <c r="F12300">
        <v>2013</v>
      </c>
      <c r="G12300" t="s">
        <v>14</v>
      </c>
      <c r="H12300" t="s">
        <v>123</v>
      </c>
      <c r="I12300" t="s">
        <v>15</v>
      </c>
      <c r="J12300" s="10">
        <v>14.652328799999999</v>
      </c>
    </row>
    <row r="12301" spans="1:10" x14ac:dyDescent="0.35">
      <c r="A12301" t="s">
        <v>22</v>
      </c>
      <c r="B12301" t="s">
        <v>76</v>
      </c>
      <c r="C12301" t="s">
        <v>117</v>
      </c>
      <c r="D12301" t="s">
        <v>118</v>
      </c>
      <c r="E12301">
        <v>2013</v>
      </c>
      <c r="F12301">
        <v>2013</v>
      </c>
      <c r="G12301" t="s">
        <v>14</v>
      </c>
      <c r="H12301" t="s">
        <v>124</v>
      </c>
      <c r="I12301" t="s">
        <v>15</v>
      </c>
      <c r="J12301" s="10">
        <v>1.6415973960000001</v>
      </c>
    </row>
    <row r="12302" spans="1:10" x14ac:dyDescent="0.35">
      <c r="A12302" t="s">
        <v>22</v>
      </c>
      <c r="B12302" t="s">
        <v>76</v>
      </c>
      <c r="C12302" t="s">
        <v>117</v>
      </c>
      <c r="D12302" t="s">
        <v>118</v>
      </c>
      <c r="E12302">
        <v>2013</v>
      </c>
      <c r="F12302">
        <v>2013</v>
      </c>
      <c r="G12302" t="s">
        <v>125</v>
      </c>
      <c r="H12302" t="s">
        <v>119</v>
      </c>
      <c r="I12302" t="s">
        <v>15</v>
      </c>
      <c r="J12302" s="10">
        <v>20.431026729999999</v>
      </c>
    </row>
    <row r="12303" spans="1:10" x14ac:dyDescent="0.35">
      <c r="A12303" t="s">
        <v>22</v>
      </c>
      <c r="B12303" t="s">
        <v>76</v>
      </c>
      <c r="C12303" t="s">
        <v>117</v>
      </c>
      <c r="D12303" t="s">
        <v>118</v>
      </c>
      <c r="E12303">
        <v>2013</v>
      </c>
      <c r="F12303">
        <v>2013</v>
      </c>
      <c r="G12303" t="s">
        <v>125</v>
      </c>
      <c r="H12303" t="s">
        <v>120</v>
      </c>
      <c r="I12303" t="s">
        <v>15</v>
      </c>
      <c r="J12303" s="10">
        <v>10.48771709</v>
      </c>
    </row>
    <row r="12304" spans="1:10" x14ac:dyDescent="0.35">
      <c r="A12304" t="s">
        <v>22</v>
      </c>
      <c r="B12304" t="s">
        <v>76</v>
      </c>
      <c r="C12304" t="s">
        <v>117</v>
      </c>
      <c r="D12304" t="s">
        <v>118</v>
      </c>
      <c r="E12304">
        <v>2013</v>
      </c>
      <c r="F12304">
        <v>2013</v>
      </c>
      <c r="G12304" t="s">
        <v>125</v>
      </c>
      <c r="H12304" t="s">
        <v>121</v>
      </c>
      <c r="I12304" t="s">
        <v>15</v>
      </c>
      <c r="J12304" s="10">
        <v>35.042292809999999</v>
      </c>
    </row>
    <row r="12305" spans="1:10" x14ac:dyDescent="0.35">
      <c r="A12305" t="s">
        <v>22</v>
      </c>
      <c r="B12305" t="s">
        <v>76</v>
      </c>
      <c r="C12305" t="s">
        <v>117</v>
      </c>
      <c r="D12305" t="s">
        <v>118</v>
      </c>
      <c r="E12305">
        <v>2013</v>
      </c>
      <c r="F12305">
        <v>2013</v>
      </c>
      <c r="G12305" t="s">
        <v>125</v>
      </c>
      <c r="H12305" t="s">
        <v>122</v>
      </c>
      <c r="I12305" t="s">
        <v>15</v>
      </c>
      <c r="J12305" s="10">
        <v>19.135247010000001</v>
      </c>
    </row>
    <row r="12306" spans="1:10" x14ac:dyDescent="0.35">
      <c r="A12306" t="s">
        <v>22</v>
      </c>
      <c r="B12306" t="s">
        <v>76</v>
      </c>
      <c r="C12306" t="s">
        <v>117</v>
      </c>
      <c r="D12306" t="s">
        <v>118</v>
      </c>
      <c r="E12306">
        <v>2013</v>
      </c>
      <c r="F12306">
        <v>2013</v>
      </c>
      <c r="G12306" t="s">
        <v>125</v>
      </c>
      <c r="H12306" t="s">
        <v>123</v>
      </c>
      <c r="I12306" t="s">
        <v>15</v>
      </c>
      <c r="J12306" s="10">
        <v>13.73616485</v>
      </c>
    </row>
    <row r="12307" spans="1:10" x14ac:dyDescent="0.35">
      <c r="A12307" t="s">
        <v>22</v>
      </c>
      <c r="B12307" t="s">
        <v>76</v>
      </c>
      <c r="C12307" t="s">
        <v>117</v>
      </c>
      <c r="D12307" t="s">
        <v>118</v>
      </c>
      <c r="E12307">
        <v>2013</v>
      </c>
      <c r="F12307">
        <v>2013</v>
      </c>
      <c r="G12307" t="s">
        <v>125</v>
      </c>
      <c r="H12307" t="s">
        <v>124</v>
      </c>
      <c r="I12307" t="s">
        <v>15</v>
      </c>
      <c r="J12307" s="10">
        <v>1.1675515160000001</v>
      </c>
    </row>
    <row r="12308" spans="1:10" x14ac:dyDescent="0.35">
      <c r="A12308" t="s">
        <v>22</v>
      </c>
      <c r="B12308" t="s">
        <v>76</v>
      </c>
      <c r="C12308" t="s">
        <v>117</v>
      </c>
      <c r="D12308" t="s">
        <v>118</v>
      </c>
      <c r="E12308">
        <v>2013</v>
      </c>
      <c r="F12308">
        <v>2013</v>
      </c>
      <c r="G12308" t="s">
        <v>126</v>
      </c>
      <c r="H12308" t="s">
        <v>119</v>
      </c>
      <c r="I12308" t="s">
        <v>15</v>
      </c>
      <c r="J12308" s="10">
        <v>18.55858568</v>
      </c>
    </row>
    <row r="12309" spans="1:10" x14ac:dyDescent="0.35">
      <c r="A12309" t="s">
        <v>22</v>
      </c>
      <c r="B12309" t="s">
        <v>76</v>
      </c>
      <c r="C12309" t="s">
        <v>117</v>
      </c>
      <c r="D12309" t="s">
        <v>118</v>
      </c>
      <c r="E12309">
        <v>2013</v>
      </c>
      <c r="F12309">
        <v>2013</v>
      </c>
      <c r="G12309" t="s">
        <v>126</v>
      </c>
      <c r="H12309" t="s">
        <v>120</v>
      </c>
      <c r="I12309" t="s">
        <v>15</v>
      </c>
      <c r="J12309" s="10">
        <v>9.8933241570000003</v>
      </c>
    </row>
    <row r="12310" spans="1:10" x14ac:dyDescent="0.35">
      <c r="A12310" t="s">
        <v>22</v>
      </c>
      <c r="B12310" t="s">
        <v>76</v>
      </c>
      <c r="C12310" t="s">
        <v>117</v>
      </c>
      <c r="D12310" t="s">
        <v>118</v>
      </c>
      <c r="E12310">
        <v>2013</v>
      </c>
      <c r="F12310">
        <v>2013</v>
      </c>
      <c r="G12310" t="s">
        <v>126</v>
      </c>
      <c r="H12310" t="s">
        <v>121</v>
      </c>
      <c r="I12310" t="s">
        <v>15</v>
      </c>
      <c r="J12310" s="10">
        <v>35.046025460000003</v>
      </c>
    </row>
    <row r="12311" spans="1:10" x14ac:dyDescent="0.35">
      <c r="A12311" t="s">
        <v>22</v>
      </c>
      <c r="B12311" t="s">
        <v>76</v>
      </c>
      <c r="C12311" t="s">
        <v>117</v>
      </c>
      <c r="D12311" t="s">
        <v>118</v>
      </c>
      <c r="E12311">
        <v>2013</v>
      </c>
      <c r="F12311">
        <v>2013</v>
      </c>
      <c r="G12311" t="s">
        <v>126</v>
      </c>
      <c r="H12311" t="s">
        <v>122</v>
      </c>
      <c r="I12311" t="s">
        <v>15</v>
      </c>
      <c r="J12311" s="10">
        <v>18.879043360000001</v>
      </c>
    </row>
    <row r="12312" spans="1:10" x14ac:dyDescent="0.35">
      <c r="A12312" t="s">
        <v>22</v>
      </c>
      <c r="B12312" t="s">
        <v>76</v>
      </c>
      <c r="C12312" t="s">
        <v>117</v>
      </c>
      <c r="D12312" t="s">
        <v>118</v>
      </c>
      <c r="E12312">
        <v>2013</v>
      </c>
      <c r="F12312">
        <v>2013</v>
      </c>
      <c r="G12312" t="s">
        <v>126</v>
      </c>
      <c r="H12312" t="s">
        <v>123</v>
      </c>
      <c r="I12312" t="s">
        <v>15</v>
      </c>
      <c r="J12312" s="10">
        <v>15.52821748</v>
      </c>
    </row>
    <row r="12313" spans="1:10" x14ac:dyDescent="0.35">
      <c r="A12313" t="s">
        <v>22</v>
      </c>
      <c r="B12313" t="s">
        <v>76</v>
      </c>
      <c r="C12313" t="s">
        <v>117</v>
      </c>
      <c r="D12313" t="s">
        <v>118</v>
      </c>
      <c r="E12313">
        <v>2013</v>
      </c>
      <c r="F12313">
        <v>2013</v>
      </c>
      <c r="G12313" t="s">
        <v>126</v>
      </c>
      <c r="H12313" t="s">
        <v>124</v>
      </c>
      <c r="I12313" t="s">
        <v>15</v>
      </c>
      <c r="J12313" s="10">
        <v>2.0948038539999998</v>
      </c>
    </row>
    <row r="12314" spans="1:10" x14ac:dyDescent="0.35">
      <c r="A12314" t="s">
        <v>22</v>
      </c>
      <c r="B12314" t="s">
        <v>76</v>
      </c>
      <c r="C12314" t="s">
        <v>117</v>
      </c>
      <c r="D12314" t="s">
        <v>118</v>
      </c>
      <c r="E12314">
        <v>2012</v>
      </c>
      <c r="F12314">
        <v>2012</v>
      </c>
      <c r="G12314" t="s">
        <v>14</v>
      </c>
      <c r="H12314" t="s">
        <v>119</v>
      </c>
      <c r="I12314" t="s">
        <v>15</v>
      </c>
      <c r="J12314" s="10">
        <v>19.4591131</v>
      </c>
    </row>
    <row r="12315" spans="1:10" x14ac:dyDescent="0.35">
      <c r="A12315" t="s">
        <v>22</v>
      </c>
      <c r="B12315" t="s">
        <v>76</v>
      </c>
      <c r="C12315" t="s">
        <v>117</v>
      </c>
      <c r="D12315" t="s">
        <v>118</v>
      </c>
      <c r="E12315">
        <v>2012</v>
      </c>
      <c r="F12315">
        <v>2012</v>
      </c>
      <c r="G12315" t="s">
        <v>14</v>
      </c>
      <c r="H12315" t="s">
        <v>120</v>
      </c>
      <c r="I12315" t="s">
        <v>15</v>
      </c>
      <c r="J12315" s="10">
        <v>10.3139707</v>
      </c>
    </row>
    <row r="12316" spans="1:10" x14ac:dyDescent="0.35">
      <c r="A12316" t="s">
        <v>22</v>
      </c>
      <c r="B12316" t="s">
        <v>76</v>
      </c>
      <c r="C12316" t="s">
        <v>117</v>
      </c>
      <c r="D12316" t="s">
        <v>118</v>
      </c>
      <c r="E12316">
        <v>2012</v>
      </c>
      <c r="F12316">
        <v>2012</v>
      </c>
      <c r="G12316" t="s">
        <v>14</v>
      </c>
      <c r="H12316" t="s">
        <v>121</v>
      </c>
      <c r="I12316" t="s">
        <v>15</v>
      </c>
      <c r="J12316" s="10">
        <v>35.518902320000002</v>
      </c>
    </row>
    <row r="12317" spans="1:10" x14ac:dyDescent="0.35">
      <c r="A12317" t="s">
        <v>22</v>
      </c>
      <c r="B12317" t="s">
        <v>76</v>
      </c>
      <c r="C12317" t="s">
        <v>117</v>
      </c>
      <c r="D12317" t="s">
        <v>118</v>
      </c>
      <c r="E12317">
        <v>2012</v>
      </c>
      <c r="F12317">
        <v>2012</v>
      </c>
      <c r="G12317" t="s">
        <v>14</v>
      </c>
      <c r="H12317" t="s">
        <v>122</v>
      </c>
      <c r="I12317" t="s">
        <v>15</v>
      </c>
      <c r="J12317" s="10">
        <v>18.77527122</v>
      </c>
    </row>
    <row r="12318" spans="1:10" x14ac:dyDescent="0.35">
      <c r="A12318" t="s">
        <v>22</v>
      </c>
      <c r="B12318" t="s">
        <v>76</v>
      </c>
      <c r="C12318" t="s">
        <v>117</v>
      </c>
      <c r="D12318" t="s">
        <v>118</v>
      </c>
      <c r="E12318">
        <v>2012</v>
      </c>
      <c r="F12318">
        <v>2012</v>
      </c>
      <c r="G12318" t="s">
        <v>14</v>
      </c>
      <c r="H12318" t="s">
        <v>123</v>
      </c>
      <c r="I12318" t="s">
        <v>15</v>
      </c>
      <c r="J12318" s="10">
        <v>14.33747984</v>
      </c>
    </row>
    <row r="12319" spans="1:10" x14ac:dyDescent="0.35">
      <c r="A12319" t="s">
        <v>22</v>
      </c>
      <c r="B12319" t="s">
        <v>76</v>
      </c>
      <c r="C12319" t="s">
        <v>117</v>
      </c>
      <c r="D12319" t="s">
        <v>118</v>
      </c>
      <c r="E12319">
        <v>2012</v>
      </c>
      <c r="F12319">
        <v>2012</v>
      </c>
      <c r="G12319" t="s">
        <v>14</v>
      </c>
      <c r="H12319" t="s">
        <v>124</v>
      </c>
      <c r="I12319" t="s">
        <v>15</v>
      </c>
      <c r="J12319" s="10">
        <v>1.5952628209999999</v>
      </c>
    </row>
    <row r="12320" spans="1:10" x14ac:dyDescent="0.35">
      <c r="A12320" t="s">
        <v>22</v>
      </c>
      <c r="B12320" t="s">
        <v>76</v>
      </c>
      <c r="C12320" t="s">
        <v>117</v>
      </c>
      <c r="D12320" t="s">
        <v>118</v>
      </c>
      <c r="E12320">
        <v>2012</v>
      </c>
      <c r="F12320">
        <v>2012</v>
      </c>
      <c r="G12320" t="s">
        <v>125</v>
      </c>
      <c r="H12320" t="s">
        <v>119</v>
      </c>
      <c r="I12320" t="s">
        <v>15</v>
      </c>
      <c r="J12320" s="10">
        <v>20.382900719999999</v>
      </c>
    </row>
    <row r="12321" spans="1:10" x14ac:dyDescent="0.35">
      <c r="A12321" t="s">
        <v>22</v>
      </c>
      <c r="B12321" t="s">
        <v>76</v>
      </c>
      <c r="C12321" t="s">
        <v>117</v>
      </c>
      <c r="D12321" t="s">
        <v>118</v>
      </c>
      <c r="E12321">
        <v>2012</v>
      </c>
      <c r="F12321">
        <v>2012</v>
      </c>
      <c r="G12321" t="s">
        <v>125</v>
      </c>
      <c r="H12321" t="s">
        <v>120</v>
      </c>
      <c r="I12321" t="s">
        <v>15</v>
      </c>
      <c r="J12321" s="10">
        <v>10.63160515</v>
      </c>
    </row>
    <row r="12322" spans="1:10" x14ac:dyDescent="0.35">
      <c r="A12322" t="s">
        <v>22</v>
      </c>
      <c r="B12322" t="s">
        <v>76</v>
      </c>
      <c r="C12322" t="s">
        <v>117</v>
      </c>
      <c r="D12322" t="s">
        <v>118</v>
      </c>
      <c r="E12322">
        <v>2012</v>
      </c>
      <c r="F12322">
        <v>2012</v>
      </c>
      <c r="G12322" t="s">
        <v>125</v>
      </c>
      <c r="H12322" t="s">
        <v>121</v>
      </c>
      <c r="I12322" t="s">
        <v>15</v>
      </c>
      <c r="J12322" s="10">
        <v>35.601620310000001</v>
      </c>
    </row>
    <row r="12323" spans="1:10" x14ac:dyDescent="0.35">
      <c r="A12323" t="s">
        <v>22</v>
      </c>
      <c r="B12323" t="s">
        <v>76</v>
      </c>
      <c r="C12323" t="s">
        <v>117</v>
      </c>
      <c r="D12323" t="s">
        <v>118</v>
      </c>
      <c r="E12323">
        <v>2012</v>
      </c>
      <c r="F12323">
        <v>2012</v>
      </c>
      <c r="G12323" t="s">
        <v>125</v>
      </c>
      <c r="H12323" t="s">
        <v>122</v>
      </c>
      <c r="I12323" t="s">
        <v>15</v>
      </c>
      <c r="J12323" s="10">
        <v>18.837267189999999</v>
      </c>
    </row>
    <row r="12324" spans="1:10" x14ac:dyDescent="0.35">
      <c r="A12324" t="s">
        <v>22</v>
      </c>
      <c r="B12324" t="s">
        <v>76</v>
      </c>
      <c r="C12324" t="s">
        <v>117</v>
      </c>
      <c r="D12324" t="s">
        <v>118</v>
      </c>
      <c r="E12324">
        <v>2012</v>
      </c>
      <c r="F12324">
        <v>2012</v>
      </c>
      <c r="G12324" t="s">
        <v>125</v>
      </c>
      <c r="H12324" t="s">
        <v>123</v>
      </c>
      <c r="I12324" t="s">
        <v>15</v>
      </c>
      <c r="J12324" s="10">
        <v>13.42868135</v>
      </c>
    </row>
    <row r="12325" spans="1:10" x14ac:dyDescent="0.35">
      <c r="A12325" t="s">
        <v>22</v>
      </c>
      <c r="B12325" t="s">
        <v>76</v>
      </c>
      <c r="C12325" t="s">
        <v>117</v>
      </c>
      <c r="D12325" t="s">
        <v>118</v>
      </c>
      <c r="E12325">
        <v>2012</v>
      </c>
      <c r="F12325">
        <v>2012</v>
      </c>
      <c r="G12325" t="s">
        <v>125</v>
      </c>
      <c r="H12325" t="s">
        <v>124</v>
      </c>
      <c r="I12325" t="s">
        <v>15</v>
      </c>
      <c r="J12325" s="10">
        <v>1.117925276</v>
      </c>
    </row>
    <row r="12326" spans="1:10" x14ac:dyDescent="0.35">
      <c r="A12326" t="s">
        <v>22</v>
      </c>
      <c r="B12326" t="s">
        <v>76</v>
      </c>
      <c r="C12326" t="s">
        <v>117</v>
      </c>
      <c r="D12326" t="s">
        <v>118</v>
      </c>
      <c r="E12326">
        <v>2012</v>
      </c>
      <c r="F12326">
        <v>2012</v>
      </c>
      <c r="G12326" t="s">
        <v>126</v>
      </c>
      <c r="H12326" t="s">
        <v>119</v>
      </c>
      <c r="I12326" t="s">
        <v>15</v>
      </c>
      <c r="J12326" s="10">
        <v>18.577996500000001</v>
      </c>
    </row>
    <row r="12327" spans="1:10" x14ac:dyDescent="0.35">
      <c r="A12327" t="s">
        <v>22</v>
      </c>
      <c r="B12327" t="s">
        <v>76</v>
      </c>
      <c r="C12327" t="s">
        <v>117</v>
      </c>
      <c r="D12327" t="s">
        <v>118</v>
      </c>
      <c r="E12327">
        <v>2012</v>
      </c>
      <c r="F12327">
        <v>2012</v>
      </c>
      <c r="G12327" t="s">
        <v>126</v>
      </c>
      <c r="H12327" t="s">
        <v>120</v>
      </c>
      <c r="I12327" t="s">
        <v>15</v>
      </c>
      <c r="J12327" s="10">
        <v>10.011008220000001</v>
      </c>
    </row>
    <row r="12328" spans="1:10" x14ac:dyDescent="0.35">
      <c r="A12328" t="s">
        <v>22</v>
      </c>
      <c r="B12328" t="s">
        <v>76</v>
      </c>
      <c r="C12328" t="s">
        <v>117</v>
      </c>
      <c r="D12328" t="s">
        <v>118</v>
      </c>
      <c r="E12328">
        <v>2012</v>
      </c>
      <c r="F12328">
        <v>2012</v>
      </c>
      <c r="G12328" t="s">
        <v>126</v>
      </c>
      <c r="H12328" t="s">
        <v>121</v>
      </c>
      <c r="I12328" t="s">
        <v>15</v>
      </c>
      <c r="J12328" s="10">
        <v>35.44000518</v>
      </c>
    </row>
    <row r="12329" spans="1:10" x14ac:dyDescent="0.35">
      <c r="A12329" t="s">
        <v>22</v>
      </c>
      <c r="B12329" t="s">
        <v>76</v>
      </c>
      <c r="C12329" t="s">
        <v>117</v>
      </c>
      <c r="D12329" t="s">
        <v>118</v>
      </c>
      <c r="E12329">
        <v>2012</v>
      </c>
      <c r="F12329">
        <v>2012</v>
      </c>
      <c r="G12329" t="s">
        <v>126</v>
      </c>
      <c r="H12329" t="s">
        <v>122</v>
      </c>
      <c r="I12329" t="s">
        <v>15</v>
      </c>
      <c r="J12329" s="10">
        <v>18.716138919999999</v>
      </c>
    </row>
    <row r="12330" spans="1:10" x14ac:dyDescent="0.35">
      <c r="A12330" t="s">
        <v>22</v>
      </c>
      <c r="B12330" t="s">
        <v>76</v>
      </c>
      <c r="C12330" t="s">
        <v>117</v>
      </c>
      <c r="D12330" t="s">
        <v>118</v>
      </c>
      <c r="E12330">
        <v>2012</v>
      </c>
      <c r="F12330">
        <v>2012</v>
      </c>
      <c r="G12330" t="s">
        <v>126</v>
      </c>
      <c r="H12330" t="s">
        <v>123</v>
      </c>
      <c r="I12330" t="s">
        <v>15</v>
      </c>
      <c r="J12330" s="10">
        <v>15.20429968</v>
      </c>
    </row>
    <row r="12331" spans="1:10" x14ac:dyDescent="0.35">
      <c r="A12331" t="s">
        <v>22</v>
      </c>
      <c r="B12331" t="s">
        <v>76</v>
      </c>
      <c r="C12331" t="s">
        <v>117</v>
      </c>
      <c r="D12331" t="s">
        <v>118</v>
      </c>
      <c r="E12331">
        <v>2012</v>
      </c>
      <c r="F12331">
        <v>2012</v>
      </c>
      <c r="G12331" t="s">
        <v>126</v>
      </c>
      <c r="H12331" t="s">
        <v>124</v>
      </c>
      <c r="I12331" t="s">
        <v>15</v>
      </c>
      <c r="J12331" s="10">
        <v>2.0505514900000001</v>
      </c>
    </row>
    <row r="12332" spans="1:10" x14ac:dyDescent="0.35">
      <c r="A12332" t="s">
        <v>22</v>
      </c>
      <c r="B12332" t="s">
        <v>76</v>
      </c>
      <c r="C12332" t="s">
        <v>117</v>
      </c>
      <c r="D12332" t="s">
        <v>118</v>
      </c>
      <c r="E12332">
        <v>2011</v>
      </c>
      <c r="F12332">
        <v>2011</v>
      </c>
      <c r="G12332" t="s">
        <v>14</v>
      </c>
      <c r="H12332" t="s">
        <v>119</v>
      </c>
      <c r="I12332" t="s">
        <v>15</v>
      </c>
      <c r="J12332" s="10">
        <v>19.602310599999999</v>
      </c>
    </row>
    <row r="12333" spans="1:10" x14ac:dyDescent="0.35">
      <c r="A12333" t="s">
        <v>22</v>
      </c>
      <c r="B12333" t="s">
        <v>76</v>
      </c>
      <c r="C12333" t="s">
        <v>117</v>
      </c>
      <c r="D12333" t="s">
        <v>118</v>
      </c>
      <c r="E12333">
        <v>2011</v>
      </c>
      <c r="F12333">
        <v>2011</v>
      </c>
      <c r="G12333" t="s">
        <v>14</v>
      </c>
      <c r="H12333" t="s">
        <v>120</v>
      </c>
      <c r="I12333" t="s">
        <v>15</v>
      </c>
      <c r="J12333" s="10">
        <v>10.43323706</v>
      </c>
    </row>
    <row r="12334" spans="1:10" x14ac:dyDescent="0.35">
      <c r="A12334" t="s">
        <v>22</v>
      </c>
      <c r="B12334" t="s">
        <v>76</v>
      </c>
      <c r="C12334" t="s">
        <v>117</v>
      </c>
      <c r="D12334" t="s">
        <v>118</v>
      </c>
      <c r="E12334">
        <v>2011</v>
      </c>
      <c r="F12334">
        <v>2011</v>
      </c>
      <c r="G12334" t="s">
        <v>14</v>
      </c>
      <c r="H12334" t="s">
        <v>121</v>
      </c>
      <c r="I12334" t="s">
        <v>15</v>
      </c>
      <c r="J12334" s="10">
        <v>35.810930900000002</v>
      </c>
    </row>
    <row r="12335" spans="1:10" x14ac:dyDescent="0.35">
      <c r="A12335" t="s">
        <v>22</v>
      </c>
      <c r="B12335" t="s">
        <v>76</v>
      </c>
      <c r="C12335" t="s">
        <v>117</v>
      </c>
      <c r="D12335" t="s">
        <v>118</v>
      </c>
      <c r="E12335">
        <v>2011</v>
      </c>
      <c r="F12335">
        <v>2011</v>
      </c>
      <c r="G12335" t="s">
        <v>14</v>
      </c>
      <c r="H12335" t="s">
        <v>122</v>
      </c>
      <c r="I12335" t="s">
        <v>15</v>
      </c>
      <c r="J12335" s="10">
        <v>18.749166850000002</v>
      </c>
    </row>
    <row r="12336" spans="1:10" x14ac:dyDescent="0.35">
      <c r="A12336" t="s">
        <v>22</v>
      </c>
      <c r="B12336" t="s">
        <v>76</v>
      </c>
      <c r="C12336" t="s">
        <v>117</v>
      </c>
      <c r="D12336" t="s">
        <v>118</v>
      </c>
      <c r="E12336">
        <v>2011</v>
      </c>
      <c r="F12336">
        <v>2011</v>
      </c>
      <c r="G12336" t="s">
        <v>14</v>
      </c>
      <c r="H12336" t="s">
        <v>123</v>
      </c>
      <c r="I12336" t="s">
        <v>15</v>
      </c>
      <c r="J12336" s="10">
        <v>13.92690513</v>
      </c>
    </row>
    <row r="12337" spans="1:10" x14ac:dyDescent="0.35">
      <c r="A12337" t="s">
        <v>22</v>
      </c>
      <c r="B12337" t="s">
        <v>76</v>
      </c>
      <c r="C12337" t="s">
        <v>117</v>
      </c>
      <c r="D12337" t="s">
        <v>118</v>
      </c>
      <c r="E12337">
        <v>2011</v>
      </c>
      <c r="F12337">
        <v>2011</v>
      </c>
      <c r="G12337" t="s">
        <v>14</v>
      </c>
      <c r="H12337" t="s">
        <v>124</v>
      </c>
      <c r="I12337" t="s">
        <v>15</v>
      </c>
      <c r="J12337" s="10">
        <v>1.477449456</v>
      </c>
    </row>
    <row r="12338" spans="1:10" x14ac:dyDescent="0.35">
      <c r="A12338" t="s">
        <v>22</v>
      </c>
      <c r="B12338" t="s">
        <v>76</v>
      </c>
      <c r="C12338" t="s">
        <v>117</v>
      </c>
      <c r="D12338" t="s">
        <v>118</v>
      </c>
      <c r="E12338">
        <v>2011</v>
      </c>
      <c r="F12338">
        <v>2011</v>
      </c>
      <c r="G12338" t="s">
        <v>125</v>
      </c>
      <c r="H12338" t="s">
        <v>119</v>
      </c>
      <c r="I12338" t="s">
        <v>15</v>
      </c>
      <c r="J12338" s="10">
        <v>20.524117149999999</v>
      </c>
    </row>
    <row r="12339" spans="1:10" x14ac:dyDescent="0.35">
      <c r="A12339" t="s">
        <v>22</v>
      </c>
      <c r="B12339" t="s">
        <v>76</v>
      </c>
      <c r="C12339" t="s">
        <v>117</v>
      </c>
      <c r="D12339" t="s">
        <v>118</v>
      </c>
      <c r="E12339">
        <v>2011</v>
      </c>
      <c r="F12339">
        <v>2011</v>
      </c>
      <c r="G12339" t="s">
        <v>125</v>
      </c>
      <c r="H12339" t="s">
        <v>120</v>
      </c>
      <c r="I12339" t="s">
        <v>15</v>
      </c>
      <c r="J12339" s="10">
        <v>10.651265779999999</v>
      </c>
    </row>
    <row r="12340" spans="1:10" x14ac:dyDescent="0.35">
      <c r="A12340" t="s">
        <v>22</v>
      </c>
      <c r="B12340" t="s">
        <v>76</v>
      </c>
      <c r="C12340" t="s">
        <v>117</v>
      </c>
      <c r="D12340" t="s">
        <v>118</v>
      </c>
      <c r="E12340">
        <v>2011</v>
      </c>
      <c r="F12340">
        <v>2011</v>
      </c>
      <c r="G12340" t="s">
        <v>125</v>
      </c>
      <c r="H12340" t="s">
        <v>121</v>
      </c>
      <c r="I12340" t="s">
        <v>15</v>
      </c>
      <c r="J12340" s="10">
        <v>35.934896250000001</v>
      </c>
    </row>
    <row r="12341" spans="1:10" x14ac:dyDescent="0.35">
      <c r="A12341" t="s">
        <v>22</v>
      </c>
      <c r="B12341" t="s">
        <v>76</v>
      </c>
      <c r="C12341" t="s">
        <v>117</v>
      </c>
      <c r="D12341" t="s">
        <v>118</v>
      </c>
      <c r="E12341">
        <v>2011</v>
      </c>
      <c r="F12341">
        <v>2011</v>
      </c>
      <c r="G12341" t="s">
        <v>125</v>
      </c>
      <c r="H12341" t="s">
        <v>122</v>
      </c>
      <c r="I12341" t="s">
        <v>15</v>
      </c>
      <c r="J12341" s="10">
        <v>18.834889400000002</v>
      </c>
    </row>
    <row r="12342" spans="1:10" x14ac:dyDescent="0.35">
      <c r="A12342" t="s">
        <v>22</v>
      </c>
      <c r="B12342" t="s">
        <v>76</v>
      </c>
      <c r="C12342" t="s">
        <v>117</v>
      </c>
      <c r="D12342" t="s">
        <v>118</v>
      </c>
      <c r="E12342">
        <v>2011</v>
      </c>
      <c r="F12342">
        <v>2011</v>
      </c>
      <c r="G12342" t="s">
        <v>125</v>
      </c>
      <c r="H12342" t="s">
        <v>123</v>
      </c>
      <c r="I12342" t="s">
        <v>15</v>
      </c>
      <c r="J12342" s="10">
        <v>13.09151505</v>
      </c>
    </row>
    <row r="12343" spans="1:10" x14ac:dyDescent="0.35">
      <c r="A12343" t="s">
        <v>22</v>
      </c>
      <c r="B12343" t="s">
        <v>76</v>
      </c>
      <c r="C12343" t="s">
        <v>117</v>
      </c>
      <c r="D12343" t="s">
        <v>118</v>
      </c>
      <c r="E12343">
        <v>2011</v>
      </c>
      <c r="F12343">
        <v>2011</v>
      </c>
      <c r="G12343" t="s">
        <v>125</v>
      </c>
      <c r="H12343" t="s">
        <v>124</v>
      </c>
      <c r="I12343" t="s">
        <v>15</v>
      </c>
      <c r="J12343" s="10">
        <v>0.96331636499999995</v>
      </c>
    </row>
    <row r="12344" spans="1:10" x14ac:dyDescent="0.35">
      <c r="A12344" t="s">
        <v>22</v>
      </c>
      <c r="B12344" t="s">
        <v>76</v>
      </c>
      <c r="C12344" t="s">
        <v>117</v>
      </c>
      <c r="D12344" t="s">
        <v>118</v>
      </c>
      <c r="E12344">
        <v>2011</v>
      </c>
      <c r="F12344">
        <v>2011</v>
      </c>
      <c r="G12344" t="s">
        <v>126</v>
      </c>
      <c r="H12344" t="s">
        <v>119</v>
      </c>
      <c r="I12344" t="s">
        <v>15</v>
      </c>
      <c r="J12344" s="10">
        <v>18.728496310000001</v>
      </c>
    </row>
    <row r="12345" spans="1:10" x14ac:dyDescent="0.35">
      <c r="A12345" t="s">
        <v>22</v>
      </c>
      <c r="B12345" t="s">
        <v>76</v>
      </c>
      <c r="C12345" t="s">
        <v>117</v>
      </c>
      <c r="D12345" t="s">
        <v>118</v>
      </c>
      <c r="E12345">
        <v>2011</v>
      </c>
      <c r="F12345">
        <v>2011</v>
      </c>
      <c r="G12345" t="s">
        <v>126</v>
      </c>
      <c r="H12345" t="s">
        <v>120</v>
      </c>
      <c r="I12345" t="s">
        <v>15</v>
      </c>
      <c r="J12345" s="10">
        <v>10.226559630000001</v>
      </c>
    </row>
    <row r="12346" spans="1:10" x14ac:dyDescent="0.35">
      <c r="A12346" t="s">
        <v>22</v>
      </c>
      <c r="B12346" t="s">
        <v>76</v>
      </c>
      <c r="C12346" t="s">
        <v>117</v>
      </c>
      <c r="D12346" t="s">
        <v>118</v>
      </c>
      <c r="E12346">
        <v>2011</v>
      </c>
      <c r="F12346">
        <v>2011</v>
      </c>
      <c r="G12346" t="s">
        <v>126</v>
      </c>
      <c r="H12346" t="s">
        <v>121</v>
      </c>
      <c r="I12346" t="s">
        <v>15</v>
      </c>
      <c r="J12346" s="10">
        <v>35.693419599999999</v>
      </c>
    </row>
    <row r="12347" spans="1:10" x14ac:dyDescent="0.35">
      <c r="A12347" t="s">
        <v>22</v>
      </c>
      <c r="B12347" t="s">
        <v>76</v>
      </c>
      <c r="C12347" t="s">
        <v>117</v>
      </c>
      <c r="D12347" t="s">
        <v>118</v>
      </c>
      <c r="E12347">
        <v>2011</v>
      </c>
      <c r="F12347">
        <v>2011</v>
      </c>
      <c r="G12347" t="s">
        <v>126</v>
      </c>
      <c r="H12347" t="s">
        <v>122</v>
      </c>
      <c r="I12347" t="s">
        <v>15</v>
      </c>
      <c r="J12347" s="10">
        <v>18.6679073</v>
      </c>
    </row>
    <row r="12348" spans="1:10" x14ac:dyDescent="0.35">
      <c r="A12348" t="s">
        <v>22</v>
      </c>
      <c r="B12348" t="s">
        <v>76</v>
      </c>
      <c r="C12348" t="s">
        <v>117</v>
      </c>
      <c r="D12348" t="s">
        <v>118</v>
      </c>
      <c r="E12348">
        <v>2011</v>
      </c>
      <c r="F12348">
        <v>2011</v>
      </c>
      <c r="G12348" t="s">
        <v>126</v>
      </c>
      <c r="H12348" t="s">
        <v>123</v>
      </c>
      <c r="I12348" t="s">
        <v>15</v>
      </c>
      <c r="J12348" s="10">
        <v>14.718802070000001</v>
      </c>
    </row>
    <row r="12349" spans="1:10" x14ac:dyDescent="0.35">
      <c r="A12349" t="s">
        <v>22</v>
      </c>
      <c r="B12349" t="s">
        <v>76</v>
      </c>
      <c r="C12349" t="s">
        <v>117</v>
      </c>
      <c r="D12349" t="s">
        <v>118</v>
      </c>
      <c r="E12349">
        <v>2011</v>
      </c>
      <c r="F12349">
        <v>2011</v>
      </c>
      <c r="G12349" t="s">
        <v>126</v>
      </c>
      <c r="H12349" t="s">
        <v>124</v>
      </c>
      <c r="I12349" t="s">
        <v>15</v>
      </c>
      <c r="J12349" s="10">
        <v>1.9648150950000001</v>
      </c>
    </row>
    <row r="12350" spans="1:10" x14ac:dyDescent="0.35">
      <c r="A12350" t="s">
        <v>33</v>
      </c>
      <c r="B12350" t="s">
        <v>77</v>
      </c>
      <c r="C12350" t="s">
        <v>117</v>
      </c>
      <c r="D12350" t="s">
        <v>118</v>
      </c>
      <c r="E12350">
        <v>2020</v>
      </c>
      <c r="F12350">
        <v>2020</v>
      </c>
      <c r="G12350" t="s">
        <v>14</v>
      </c>
      <c r="H12350" t="s">
        <v>119</v>
      </c>
      <c r="I12350" t="s">
        <v>15</v>
      </c>
      <c r="J12350" s="10">
        <v>17.668338519999999</v>
      </c>
    </row>
    <row r="12351" spans="1:10" x14ac:dyDescent="0.35">
      <c r="A12351" t="s">
        <v>33</v>
      </c>
      <c r="B12351" t="s">
        <v>77</v>
      </c>
      <c r="C12351" t="s">
        <v>117</v>
      </c>
      <c r="D12351" t="s">
        <v>118</v>
      </c>
      <c r="E12351">
        <v>2020</v>
      </c>
      <c r="F12351">
        <v>2020</v>
      </c>
      <c r="G12351" t="s">
        <v>14</v>
      </c>
      <c r="H12351" t="s">
        <v>120</v>
      </c>
      <c r="I12351" t="s">
        <v>15</v>
      </c>
      <c r="J12351" s="10">
        <v>9.1418770899999995</v>
      </c>
    </row>
    <row r="12352" spans="1:10" x14ac:dyDescent="0.35">
      <c r="A12352" t="s">
        <v>33</v>
      </c>
      <c r="B12352" t="s">
        <v>77</v>
      </c>
      <c r="C12352" t="s">
        <v>117</v>
      </c>
      <c r="D12352" t="s">
        <v>118</v>
      </c>
      <c r="E12352">
        <v>2020</v>
      </c>
      <c r="F12352">
        <v>2020</v>
      </c>
      <c r="G12352" t="s">
        <v>14</v>
      </c>
      <c r="H12352" t="s">
        <v>121</v>
      </c>
      <c r="I12352" t="s">
        <v>15</v>
      </c>
      <c r="J12352" s="10">
        <v>28.8236481</v>
      </c>
    </row>
    <row r="12353" spans="1:10" x14ac:dyDescent="0.35">
      <c r="A12353" t="s">
        <v>33</v>
      </c>
      <c r="B12353" t="s">
        <v>77</v>
      </c>
      <c r="C12353" t="s">
        <v>117</v>
      </c>
      <c r="D12353" t="s">
        <v>118</v>
      </c>
      <c r="E12353">
        <v>2020</v>
      </c>
      <c r="F12353">
        <v>2020</v>
      </c>
      <c r="G12353" t="s">
        <v>14</v>
      </c>
      <c r="H12353" t="s">
        <v>122</v>
      </c>
      <c r="I12353" t="s">
        <v>15</v>
      </c>
      <c r="J12353" s="10">
        <v>22.709846649999999</v>
      </c>
    </row>
    <row r="12354" spans="1:10" x14ac:dyDescent="0.35">
      <c r="A12354" t="s">
        <v>33</v>
      </c>
      <c r="B12354" t="s">
        <v>77</v>
      </c>
      <c r="C12354" t="s">
        <v>117</v>
      </c>
      <c r="D12354" t="s">
        <v>118</v>
      </c>
      <c r="E12354">
        <v>2020</v>
      </c>
      <c r="F12354">
        <v>2020</v>
      </c>
      <c r="G12354" t="s">
        <v>14</v>
      </c>
      <c r="H12354" t="s">
        <v>123</v>
      </c>
      <c r="I12354" t="s">
        <v>15</v>
      </c>
      <c r="J12354" s="10">
        <v>19.12112303</v>
      </c>
    </row>
    <row r="12355" spans="1:10" x14ac:dyDescent="0.35">
      <c r="A12355" t="s">
        <v>33</v>
      </c>
      <c r="B12355" t="s">
        <v>77</v>
      </c>
      <c r="C12355" t="s">
        <v>117</v>
      </c>
      <c r="D12355" t="s">
        <v>118</v>
      </c>
      <c r="E12355">
        <v>2020</v>
      </c>
      <c r="F12355">
        <v>2020</v>
      </c>
      <c r="G12355" t="s">
        <v>14</v>
      </c>
      <c r="H12355" t="s">
        <v>124</v>
      </c>
      <c r="I12355" t="s">
        <v>15</v>
      </c>
      <c r="J12355" s="10">
        <v>2.535166609</v>
      </c>
    </row>
    <row r="12356" spans="1:10" x14ac:dyDescent="0.35">
      <c r="A12356" t="s">
        <v>33</v>
      </c>
      <c r="B12356" t="s">
        <v>77</v>
      </c>
      <c r="C12356" t="s">
        <v>117</v>
      </c>
      <c r="D12356" t="s">
        <v>118</v>
      </c>
      <c r="E12356">
        <v>2020</v>
      </c>
      <c r="F12356">
        <v>2020</v>
      </c>
      <c r="G12356" t="s">
        <v>125</v>
      </c>
      <c r="H12356" t="s">
        <v>119</v>
      </c>
      <c r="I12356" t="s">
        <v>15</v>
      </c>
      <c r="J12356" s="10">
        <v>18.839460710000001</v>
      </c>
    </row>
    <row r="12357" spans="1:10" x14ac:dyDescent="0.35">
      <c r="A12357" t="s">
        <v>33</v>
      </c>
      <c r="B12357" t="s">
        <v>77</v>
      </c>
      <c r="C12357" t="s">
        <v>117</v>
      </c>
      <c r="D12357" t="s">
        <v>118</v>
      </c>
      <c r="E12357">
        <v>2020</v>
      </c>
      <c r="F12357">
        <v>2020</v>
      </c>
      <c r="G12357" t="s">
        <v>125</v>
      </c>
      <c r="H12357" t="s">
        <v>120</v>
      </c>
      <c r="I12357" t="s">
        <v>15</v>
      </c>
      <c r="J12357" s="10">
        <v>9.7582704759999999</v>
      </c>
    </row>
    <row r="12358" spans="1:10" x14ac:dyDescent="0.35">
      <c r="A12358" t="s">
        <v>33</v>
      </c>
      <c r="B12358" t="s">
        <v>77</v>
      </c>
      <c r="C12358" t="s">
        <v>117</v>
      </c>
      <c r="D12358" t="s">
        <v>118</v>
      </c>
      <c r="E12358">
        <v>2020</v>
      </c>
      <c r="F12358">
        <v>2020</v>
      </c>
      <c r="G12358" t="s">
        <v>125</v>
      </c>
      <c r="H12358" t="s">
        <v>121</v>
      </c>
      <c r="I12358" t="s">
        <v>15</v>
      </c>
      <c r="J12358" s="10">
        <v>28.40470393</v>
      </c>
    </row>
    <row r="12359" spans="1:10" x14ac:dyDescent="0.35">
      <c r="A12359" t="s">
        <v>33</v>
      </c>
      <c r="B12359" t="s">
        <v>77</v>
      </c>
      <c r="C12359" t="s">
        <v>117</v>
      </c>
      <c r="D12359" t="s">
        <v>118</v>
      </c>
      <c r="E12359">
        <v>2020</v>
      </c>
      <c r="F12359">
        <v>2020</v>
      </c>
      <c r="G12359" t="s">
        <v>125</v>
      </c>
      <c r="H12359" t="s">
        <v>122</v>
      </c>
      <c r="I12359" t="s">
        <v>15</v>
      </c>
      <c r="J12359" s="10">
        <v>22.75642929</v>
      </c>
    </row>
    <row r="12360" spans="1:10" x14ac:dyDescent="0.35">
      <c r="A12360" t="s">
        <v>33</v>
      </c>
      <c r="B12360" t="s">
        <v>77</v>
      </c>
      <c r="C12360" t="s">
        <v>117</v>
      </c>
      <c r="D12360" t="s">
        <v>118</v>
      </c>
      <c r="E12360">
        <v>2020</v>
      </c>
      <c r="F12360">
        <v>2020</v>
      </c>
      <c r="G12360" t="s">
        <v>125</v>
      </c>
      <c r="H12360" t="s">
        <v>123</v>
      </c>
      <c r="I12360" t="s">
        <v>15</v>
      </c>
      <c r="J12360" s="10">
        <v>18.28116648</v>
      </c>
    </row>
    <row r="12361" spans="1:10" x14ac:dyDescent="0.35">
      <c r="A12361" t="s">
        <v>33</v>
      </c>
      <c r="B12361" t="s">
        <v>77</v>
      </c>
      <c r="C12361" t="s">
        <v>117</v>
      </c>
      <c r="D12361" t="s">
        <v>118</v>
      </c>
      <c r="E12361">
        <v>2020</v>
      </c>
      <c r="F12361">
        <v>2020</v>
      </c>
      <c r="G12361" t="s">
        <v>125</v>
      </c>
      <c r="H12361" t="s">
        <v>124</v>
      </c>
      <c r="I12361" t="s">
        <v>15</v>
      </c>
      <c r="J12361" s="10">
        <v>1.9599691159999999</v>
      </c>
    </row>
    <row r="12362" spans="1:10" x14ac:dyDescent="0.35">
      <c r="A12362" t="s">
        <v>33</v>
      </c>
      <c r="B12362" t="s">
        <v>77</v>
      </c>
      <c r="C12362" t="s">
        <v>117</v>
      </c>
      <c r="D12362" t="s">
        <v>118</v>
      </c>
      <c r="E12362">
        <v>2020</v>
      </c>
      <c r="F12362">
        <v>2020</v>
      </c>
      <c r="G12362" t="s">
        <v>126</v>
      </c>
      <c r="H12362" t="s">
        <v>119</v>
      </c>
      <c r="I12362" t="s">
        <v>15</v>
      </c>
      <c r="J12362" s="10">
        <v>16.56398768</v>
      </c>
    </row>
    <row r="12363" spans="1:10" x14ac:dyDescent="0.35">
      <c r="A12363" t="s">
        <v>33</v>
      </c>
      <c r="B12363" t="s">
        <v>77</v>
      </c>
      <c r="C12363" t="s">
        <v>117</v>
      </c>
      <c r="D12363" t="s">
        <v>118</v>
      </c>
      <c r="E12363">
        <v>2020</v>
      </c>
      <c r="F12363">
        <v>2020</v>
      </c>
      <c r="G12363" t="s">
        <v>126</v>
      </c>
      <c r="H12363" t="s">
        <v>120</v>
      </c>
      <c r="I12363" t="s">
        <v>15</v>
      </c>
      <c r="J12363" s="10">
        <v>8.5606272749999999</v>
      </c>
    </row>
    <row r="12364" spans="1:10" x14ac:dyDescent="0.35">
      <c r="A12364" t="s">
        <v>33</v>
      </c>
      <c r="B12364" t="s">
        <v>77</v>
      </c>
      <c r="C12364" t="s">
        <v>117</v>
      </c>
      <c r="D12364" t="s">
        <v>118</v>
      </c>
      <c r="E12364">
        <v>2020</v>
      </c>
      <c r="F12364">
        <v>2020</v>
      </c>
      <c r="G12364" t="s">
        <v>126</v>
      </c>
      <c r="H12364" t="s">
        <v>121</v>
      </c>
      <c r="I12364" t="s">
        <v>15</v>
      </c>
      <c r="J12364" s="10">
        <v>29.218706239999999</v>
      </c>
    </row>
    <row r="12365" spans="1:10" x14ac:dyDescent="0.35">
      <c r="A12365" t="s">
        <v>33</v>
      </c>
      <c r="B12365" t="s">
        <v>77</v>
      </c>
      <c r="C12365" t="s">
        <v>117</v>
      </c>
      <c r="D12365" t="s">
        <v>118</v>
      </c>
      <c r="E12365">
        <v>2020</v>
      </c>
      <c r="F12365">
        <v>2020</v>
      </c>
      <c r="G12365" t="s">
        <v>126</v>
      </c>
      <c r="H12365" t="s">
        <v>122</v>
      </c>
      <c r="I12365" t="s">
        <v>15</v>
      </c>
      <c r="J12365" s="10">
        <v>22.66591991</v>
      </c>
    </row>
    <row r="12366" spans="1:10" x14ac:dyDescent="0.35">
      <c r="A12366" t="s">
        <v>33</v>
      </c>
      <c r="B12366" t="s">
        <v>77</v>
      </c>
      <c r="C12366" t="s">
        <v>117</v>
      </c>
      <c r="D12366" t="s">
        <v>118</v>
      </c>
      <c r="E12366">
        <v>2020</v>
      </c>
      <c r="F12366">
        <v>2020</v>
      </c>
      <c r="G12366" t="s">
        <v>126</v>
      </c>
      <c r="H12366" t="s">
        <v>123</v>
      </c>
      <c r="I12366" t="s">
        <v>15</v>
      </c>
      <c r="J12366" s="10">
        <v>19.913189580000001</v>
      </c>
    </row>
    <row r="12367" spans="1:10" x14ac:dyDescent="0.35">
      <c r="A12367" t="s">
        <v>33</v>
      </c>
      <c r="B12367" t="s">
        <v>77</v>
      </c>
      <c r="C12367" t="s">
        <v>117</v>
      </c>
      <c r="D12367" t="s">
        <v>118</v>
      </c>
      <c r="E12367">
        <v>2020</v>
      </c>
      <c r="F12367">
        <v>2020</v>
      </c>
      <c r="G12367" t="s">
        <v>126</v>
      </c>
      <c r="H12367" t="s">
        <v>124</v>
      </c>
      <c r="I12367" t="s">
        <v>15</v>
      </c>
      <c r="J12367" s="10">
        <v>3.0775693080000002</v>
      </c>
    </row>
    <row r="12368" spans="1:10" x14ac:dyDescent="0.35">
      <c r="A12368" t="s">
        <v>33</v>
      </c>
      <c r="B12368" t="s">
        <v>77</v>
      </c>
      <c r="C12368" t="s">
        <v>117</v>
      </c>
      <c r="D12368" t="s">
        <v>118</v>
      </c>
      <c r="E12368">
        <v>2019</v>
      </c>
      <c r="F12368">
        <v>2019</v>
      </c>
      <c r="G12368" t="s">
        <v>14</v>
      </c>
      <c r="H12368" t="s">
        <v>119</v>
      </c>
      <c r="I12368" t="s">
        <v>15</v>
      </c>
      <c r="J12368" s="10">
        <v>17.715923159999999</v>
      </c>
    </row>
    <row r="12369" spans="1:10" x14ac:dyDescent="0.35">
      <c r="A12369" t="s">
        <v>33</v>
      </c>
      <c r="B12369" t="s">
        <v>77</v>
      </c>
      <c r="C12369" t="s">
        <v>117</v>
      </c>
      <c r="D12369" t="s">
        <v>118</v>
      </c>
      <c r="E12369">
        <v>2019</v>
      </c>
      <c r="F12369">
        <v>2019</v>
      </c>
      <c r="G12369" t="s">
        <v>14</v>
      </c>
      <c r="H12369" t="s">
        <v>120</v>
      </c>
      <c r="I12369" t="s">
        <v>15</v>
      </c>
      <c r="J12369" s="10">
        <v>9.2345131469999995</v>
      </c>
    </row>
    <row r="12370" spans="1:10" x14ac:dyDescent="0.35">
      <c r="A12370" t="s">
        <v>33</v>
      </c>
      <c r="B12370" t="s">
        <v>77</v>
      </c>
      <c r="C12370" t="s">
        <v>117</v>
      </c>
      <c r="D12370" t="s">
        <v>118</v>
      </c>
      <c r="E12370">
        <v>2019</v>
      </c>
      <c r="F12370">
        <v>2019</v>
      </c>
      <c r="G12370" t="s">
        <v>14</v>
      </c>
      <c r="H12370" t="s">
        <v>121</v>
      </c>
      <c r="I12370" t="s">
        <v>15</v>
      </c>
      <c r="J12370" s="10">
        <v>29.094548280000001</v>
      </c>
    </row>
    <row r="12371" spans="1:10" x14ac:dyDescent="0.35">
      <c r="A12371" t="s">
        <v>33</v>
      </c>
      <c r="B12371" t="s">
        <v>77</v>
      </c>
      <c r="C12371" t="s">
        <v>117</v>
      </c>
      <c r="D12371" t="s">
        <v>118</v>
      </c>
      <c r="E12371">
        <v>2019</v>
      </c>
      <c r="F12371">
        <v>2019</v>
      </c>
      <c r="G12371" t="s">
        <v>14</v>
      </c>
      <c r="H12371" t="s">
        <v>122</v>
      </c>
      <c r="I12371" t="s">
        <v>15</v>
      </c>
      <c r="J12371" s="10">
        <v>22.63917288</v>
      </c>
    </row>
    <row r="12372" spans="1:10" x14ac:dyDescent="0.35">
      <c r="A12372" t="s">
        <v>33</v>
      </c>
      <c r="B12372" t="s">
        <v>77</v>
      </c>
      <c r="C12372" t="s">
        <v>117</v>
      </c>
      <c r="D12372" t="s">
        <v>118</v>
      </c>
      <c r="E12372">
        <v>2019</v>
      </c>
      <c r="F12372">
        <v>2019</v>
      </c>
      <c r="G12372" t="s">
        <v>14</v>
      </c>
      <c r="H12372" t="s">
        <v>123</v>
      </c>
      <c r="I12372" t="s">
        <v>15</v>
      </c>
      <c r="J12372" s="10">
        <v>18.863577459999998</v>
      </c>
    </row>
    <row r="12373" spans="1:10" x14ac:dyDescent="0.35">
      <c r="A12373" t="s">
        <v>33</v>
      </c>
      <c r="B12373" t="s">
        <v>77</v>
      </c>
      <c r="C12373" t="s">
        <v>117</v>
      </c>
      <c r="D12373" t="s">
        <v>118</v>
      </c>
      <c r="E12373">
        <v>2019</v>
      </c>
      <c r="F12373">
        <v>2019</v>
      </c>
      <c r="G12373" t="s">
        <v>14</v>
      </c>
      <c r="H12373" t="s">
        <v>124</v>
      </c>
      <c r="I12373" t="s">
        <v>15</v>
      </c>
      <c r="J12373" s="10">
        <v>2.4522650690000001</v>
      </c>
    </row>
    <row r="12374" spans="1:10" x14ac:dyDescent="0.35">
      <c r="A12374" t="s">
        <v>33</v>
      </c>
      <c r="B12374" t="s">
        <v>77</v>
      </c>
      <c r="C12374" t="s">
        <v>117</v>
      </c>
      <c r="D12374" t="s">
        <v>118</v>
      </c>
      <c r="E12374">
        <v>2019</v>
      </c>
      <c r="F12374">
        <v>2019</v>
      </c>
      <c r="G12374" t="s">
        <v>125</v>
      </c>
      <c r="H12374" t="s">
        <v>119</v>
      </c>
      <c r="I12374" t="s">
        <v>15</v>
      </c>
      <c r="J12374" s="10">
        <v>18.92636946</v>
      </c>
    </row>
    <row r="12375" spans="1:10" x14ac:dyDescent="0.35">
      <c r="A12375" t="s">
        <v>33</v>
      </c>
      <c r="B12375" t="s">
        <v>77</v>
      </c>
      <c r="C12375" t="s">
        <v>117</v>
      </c>
      <c r="D12375" t="s">
        <v>118</v>
      </c>
      <c r="E12375">
        <v>2019</v>
      </c>
      <c r="F12375">
        <v>2019</v>
      </c>
      <c r="G12375" t="s">
        <v>125</v>
      </c>
      <c r="H12375" t="s">
        <v>120</v>
      </c>
      <c r="I12375" t="s">
        <v>15</v>
      </c>
      <c r="J12375" s="10">
        <v>9.8648328200000002</v>
      </c>
    </row>
    <row r="12376" spans="1:10" x14ac:dyDescent="0.35">
      <c r="A12376" t="s">
        <v>33</v>
      </c>
      <c r="B12376" t="s">
        <v>77</v>
      </c>
      <c r="C12376" t="s">
        <v>117</v>
      </c>
      <c r="D12376" t="s">
        <v>118</v>
      </c>
      <c r="E12376">
        <v>2019</v>
      </c>
      <c r="F12376">
        <v>2019</v>
      </c>
      <c r="G12376" t="s">
        <v>125</v>
      </c>
      <c r="H12376" t="s">
        <v>121</v>
      </c>
      <c r="I12376" t="s">
        <v>15</v>
      </c>
      <c r="J12376" s="10">
        <v>28.711169080000001</v>
      </c>
    </row>
    <row r="12377" spans="1:10" x14ac:dyDescent="0.35">
      <c r="A12377" t="s">
        <v>33</v>
      </c>
      <c r="B12377" t="s">
        <v>77</v>
      </c>
      <c r="C12377" t="s">
        <v>117</v>
      </c>
      <c r="D12377" t="s">
        <v>118</v>
      </c>
      <c r="E12377">
        <v>2019</v>
      </c>
      <c r="F12377">
        <v>2019</v>
      </c>
      <c r="G12377" t="s">
        <v>125</v>
      </c>
      <c r="H12377" t="s">
        <v>122</v>
      </c>
      <c r="I12377" t="s">
        <v>15</v>
      </c>
      <c r="J12377" s="10">
        <v>22.63457434</v>
      </c>
    </row>
    <row r="12378" spans="1:10" x14ac:dyDescent="0.35">
      <c r="A12378" t="s">
        <v>33</v>
      </c>
      <c r="B12378" t="s">
        <v>77</v>
      </c>
      <c r="C12378" t="s">
        <v>117</v>
      </c>
      <c r="D12378" t="s">
        <v>118</v>
      </c>
      <c r="E12378">
        <v>2019</v>
      </c>
      <c r="F12378">
        <v>2019</v>
      </c>
      <c r="G12378" t="s">
        <v>125</v>
      </c>
      <c r="H12378" t="s">
        <v>123</v>
      </c>
      <c r="I12378" t="s">
        <v>15</v>
      </c>
      <c r="J12378" s="10">
        <v>18.004505569999999</v>
      </c>
    </row>
    <row r="12379" spans="1:10" x14ac:dyDescent="0.35">
      <c r="A12379" t="s">
        <v>33</v>
      </c>
      <c r="B12379" t="s">
        <v>77</v>
      </c>
      <c r="C12379" t="s">
        <v>117</v>
      </c>
      <c r="D12379" t="s">
        <v>118</v>
      </c>
      <c r="E12379">
        <v>2019</v>
      </c>
      <c r="F12379">
        <v>2019</v>
      </c>
      <c r="G12379" t="s">
        <v>125</v>
      </c>
      <c r="H12379" t="s">
        <v>124</v>
      </c>
      <c r="I12379" t="s">
        <v>15</v>
      </c>
      <c r="J12379" s="10">
        <v>1.858548731</v>
      </c>
    </row>
    <row r="12380" spans="1:10" x14ac:dyDescent="0.35">
      <c r="A12380" t="s">
        <v>33</v>
      </c>
      <c r="B12380" t="s">
        <v>77</v>
      </c>
      <c r="C12380" t="s">
        <v>117</v>
      </c>
      <c r="D12380" t="s">
        <v>118</v>
      </c>
      <c r="E12380">
        <v>2019</v>
      </c>
      <c r="F12380">
        <v>2019</v>
      </c>
      <c r="G12380" t="s">
        <v>126</v>
      </c>
      <c r="H12380" t="s">
        <v>119</v>
      </c>
      <c r="I12380" t="s">
        <v>15</v>
      </c>
      <c r="J12380" s="10">
        <v>16.57238869</v>
      </c>
    </row>
    <row r="12381" spans="1:10" x14ac:dyDescent="0.35">
      <c r="A12381" t="s">
        <v>33</v>
      </c>
      <c r="B12381" t="s">
        <v>77</v>
      </c>
      <c r="C12381" t="s">
        <v>117</v>
      </c>
      <c r="D12381" t="s">
        <v>118</v>
      </c>
      <c r="E12381">
        <v>2019</v>
      </c>
      <c r="F12381">
        <v>2019</v>
      </c>
      <c r="G12381" t="s">
        <v>126</v>
      </c>
      <c r="H12381" t="s">
        <v>120</v>
      </c>
      <c r="I12381" t="s">
        <v>15</v>
      </c>
      <c r="J12381" s="10">
        <v>8.6390366840000006</v>
      </c>
    </row>
    <row r="12382" spans="1:10" x14ac:dyDescent="0.35">
      <c r="A12382" t="s">
        <v>33</v>
      </c>
      <c r="B12382" t="s">
        <v>77</v>
      </c>
      <c r="C12382" t="s">
        <v>117</v>
      </c>
      <c r="D12382" t="s">
        <v>118</v>
      </c>
      <c r="E12382">
        <v>2019</v>
      </c>
      <c r="F12382">
        <v>2019</v>
      </c>
      <c r="G12382" t="s">
        <v>126</v>
      </c>
      <c r="H12382" t="s">
        <v>121</v>
      </c>
      <c r="I12382" t="s">
        <v>15</v>
      </c>
      <c r="J12382" s="10">
        <v>29.45673481</v>
      </c>
    </row>
    <row r="12383" spans="1:10" x14ac:dyDescent="0.35">
      <c r="A12383" t="s">
        <v>33</v>
      </c>
      <c r="B12383" t="s">
        <v>77</v>
      </c>
      <c r="C12383" t="s">
        <v>117</v>
      </c>
      <c r="D12383" t="s">
        <v>118</v>
      </c>
      <c r="E12383">
        <v>2019</v>
      </c>
      <c r="F12383">
        <v>2019</v>
      </c>
      <c r="G12383" t="s">
        <v>126</v>
      </c>
      <c r="H12383" t="s">
        <v>122</v>
      </c>
      <c r="I12383" t="s">
        <v>15</v>
      </c>
      <c r="J12383" s="10">
        <v>22.64351722</v>
      </c>
    </row>
    <row r="12384" spans="1:10" x14ac:dyDescent="0.35">
      <c r="A12384" t="s">
        <v>33</v>
      </c>
      <c r="B12384" t="s">
        <v>77</v>
      </c>
      <c r="C12384" t="s">
        <v>117</v>
      </c>
      <c r="D12384" t="s">
        <v>118</v>
      </c>
      <c r="E12384">
        <v>2019</v>
      </c>
      <c r="F12384">
        <v>2019</v>
      </c>
      <c r="G12384" t="s">
        <v>126</v>
      </c>
      <c r="H12384" t="s">
        <v>123</v>
      </c>
      <c r="I12384" t="s">
        <v>15</v>
      </c>
      <c r="J12384" s="10">
        <v>19.675161020000001</v>
      </c>
    </row>
    <row r="12385" spans="1:10" x14ac:dyDescent="0.35">
      <c r="A12385" t="s">
        <v>33</v>
      </c>
      <c r="B12385" t="s">
        <v>77</v>
      </c>
      <c r="C12385" t="s">
        <v>117</v>
      </c>
      <c r="D12385" t="s">
        <v>118</v>
      </c>
      <c r="E12385">
        <v>2019</v>
      </c>
      <c r="F12385">
        <v>2019</v>
      </c>
      <c r="G12385" t="s">
        <v>126</v>
      </c>
      <c r="H12385" t="s">
        <v>124</v>
      </c>
      <c r="I12385" t="s">
        <v>15</v>
      </c>
      <c r="J12385" s="10">
        <v>3.0131615790000001</v>
      </c>
    </row>
    <row r="12386" spans="1:10" x14ac:dyDescent="0.35">
      <c r="A12386" t="s">
        <v>33</v>
      </c>
      <c r="B12386" t="s">
        <v>77</v>
      </c>
      <c r="C12386" t="s">
        <v>117</v>
      </c>
      <c r="D12386" t="s">
        <v>118</v>
      </c>
      <c r="E12386">
        <v>2018</v>
      </c>
      <c r="F12386">
        <v>2018</v>
      </c>
      <c r="G12386" t="s">
        <v>14</v>
      </c>
      <c r="H12386" t="s">
        <v>119</v>
      </c>
      <c r="I12386" t="s">
        <v>15</v>
      </c>
      <c r="J12386" s="10">
        <v>17.777137509999999</v>
      </c>
    </row>
    <row r="12387" spans="1:10" x14ac:dyDescent="0.35">
      <c r="A12387" t="s">
        <v>33</v>
      </c>
      <c r="B12387" t="s">
        <v>77</v>
      </c>
      <c r="C12387" t="s">
        <v>117</v>
      </c>
      <c r="D12387" t="s">
        <v>118</v>
      </c>
      <c r="E12387">
        <v>2018</v>
      </c>
      <c r="F12387">
        <v>2018</v>
      </c>
      <c r="G12387" t="s">
        <v>14</v>
      </c>
      <c r="H12387" t="s">
        <v>120</v>
      </c>
      <c r="I12387" t="s">
        <v>15</v>
      </c>
      <c r="J12387" s="10">
        <v>9.4792191890000002</v>
      </c>
    </row>
    <row r="12388" spans="1:10" x14ac:dyDescent="0.35">
      <c r="A12388" t="s">
        <v>33</v>
      </c>
      <c r="B12388" t="s">
        <v>77</v>
      </c>
      <c r="C12388" t="s">
        <v>117</v>
      </c>
      <c r="D12388" t="s">
        <v>118</v>
      </c>
      <c r="E12388">
        <v>2018</v>
      </c>
      <c r="F12388">
        <v>2018</v>
      </c>
      <c r="G12388" t="s">
        <v>14</v>
      </c>
      <c r="H12388" t="s">
        <v>121</v>
      </c>
      <c r="I12388" t="s">
        <v>15</v>
      </c>
      <c r="J12388" s="10">
        <v>29.384138870000001</v>
      </c>
    </row>
    <row r="12389" spans="1:10" x14ac:dyDescent="0.35">
      <c r="A12389" t="s">
        <v>33</v>
      </c>
      <c r="B12389" t="s">
        <v>77</v>
      </c>
      <c r="C12389" t="s">
        <v>117</v>
      </c>
      <c r="D12389" t="s">
        <v>118</v>
      </c>
      <c r="E12389">
        <v>2018</v>
      </c>
      <c r="F12389">
        <v>2018</v>
      </c>
      <c r="G12389" t="s">
        <v>14</v>
      </c>
      <c r="H12389" t="s">
        <v>122</v>
      </c>
      <c r="I12389" t="s">
        <v>15</v>
      </c>
      <c r="J12389" s="10">
        <v>22.470647549999999</v>
      </c>
    </row>
    <row r="12390" spans="1:10" x14ac:dyDescent="0.35">
      <c r="A12390" t="s">
        <v>33</v>
      </c>
      <c r="B12390" t="s">
        <v>77</v>
      </c>
      <c r="C12390" t="s">
        <v>117</v>
      </c>
      <c r="D12390" t="s">
        <v>118</v>
      </c>
      <c r="E12390">
        <v>2018</v>
      </c>
      <c r="F12390">
        <v>2018</v>
      </c>
      <c r="G12390" t="s">
        <v>14</v>
      </c>
      <c r="H12390" t="s">
        <v>123</v>
      </c>
      <c r="I12390" t="s">
        <v>15</v>
      </c>
      <c r="J12390" s="10">
        <v>18.575235899999999</v>
      </c>
    </row>
    <row r="12391" spans="1:10" x14ac:dyDescent="0.35">
      <c r="A12391" t="s">
        <v>33</v>
      </c>
      <c r="B12391" t="s">
        <v>77</v>
      </c>
      <c r="C12391" t="s">
        <v>117</v>
      </c>
      <c r="D12391" t="s">
        <v>118</v>
      </c>
      <c r="E12391">
        <v>2018</v>
      </c>
      <c r="F12391">
        <v>2018</v>
      </c>
      <c r="G12391" t="s">
        <v>14</v>
      </c>
      <c r="H12391" t="s">
        <v>124</v>
      </c>
      <c r="I12391" t="s">
        <v>15</v>
      </c>
      <c r="J12391" s="10">
        <v>2.3136209750000001</v>
      </c>
    </row>
    <row r="12392" spans="1:10" x14ac:dyDescent="0.35">
      <c r="A12392" t="s">
        <v>33</v>
      </c>
      <c r="B12392" t="s">
        <v>77</v>
      </c>
      <c r="C12392" t="s">
        <v>117</v>
      </c>
      <c r="D12392" t="s">
        <v>118</v>
      </c>
      <c r="E12392">
        <v>2018</v>
      </c>
      <c r="F12392">
        <v>2018</v>
      </c>
      <c r="G12392" t="s">
        <v>125</v>
      </c>
      <c r="H12392" t="s">
        <v>119</v>
      </c>
      <c r="I12392" t="s">
        <v>15</v>
      </c>
      <c r="J12392" s="10">
        <v>18.99615043</v>
      </c>
    </row>
    <row r="12393" spans="1:10" x14ac:dyDescent="0.35">
      <c r="A12393" t="s">
        <v>33</v>
      </c>
      <c r="B12393" t="s">
        <v>77</v>
      </c>
      <c r="C12393" t="s">
        <v>117</v>
      </c>
      <c r="D12393" t="s">
        <v>118</v>
      </c>
      <c r="E12393">
        <v>2018</v>
      </c>
      <c r="F12393">
        <v>2018</v>
      </c>
      <c r="G12393" t="s">
        <v>125</v>
      </c>
      <c r="H12393" t="s">
        <v>120</v>
      </c>
      <c r="I12393" t="s">
        <v>15</v>
      </c>
      <c r="J12393" s="10">
        <v>10.13917678</v>
      </c>
    </row>
    <row r="12394" spans="1:10" x14ac:dyDescent="0.35">
      <c r="A12394" t="s">
        <v>33</v>
      </c>
      <c r="B12394" t="s">
        <v>77</v>
      </c>
      <c r="C12394" t="s">
        <v>117</v>
      </c>
      <c r="D12394" t="s">
        <v>118</v>
      </c>
      <c r="E12394">
        <v>2018</v>
      </c>
      <c r="F12394">
        <v>2018</v>
      </c>
      <c r="G12394" t="s">
        <v>125</v>
      </c>
      <c r="H12394" t="s">
        <v>121</v>
      </c>
      <c r="I12394" t="s">
        <v>15</v>
      </c>
      <c r="J12394" s="10">
        <v>28.999111639999999</v>
      </c>
    </row>
    <row r="12395" spans="1:10" x14ac:dyDescent="0.35">
      <c r="A12395" t="s">
        <v>33</v>
      </c>
      <c r="B12395" t="s">
        <v>77</v>
      </c>
      <c r="C12395" t="s">
        <v>117</v>
      </c>
      <c r="D12395" t="s">
        <v>118</v>
      </c>
      <c r="E12395">
        <v>2018</v>
      </c>
      <c r="F12395">
        <v>2018</v>
      </c>
      <c r="G12395" t="s">
        <v>125</v>
      </c>
      <c r="H12395" t="s">
        <v>122</v>
      </c>
      <c r="I12395" t="s">
        <v>15</v>
      </c>
      <c r="J12395" s="10">
        <v>22.472608820000001</v>
      </c>
    </row>
    <row r="12396" spans="1:10" x14ac:dyDescent="0.35">
      <c r="A12396" t="s">
        <v>33</v>
      </c>
      <c r="B12396" t="s">
        <v>77</v>
      </c>
      <c r="C12396" t="s">
        <v>117</v>
      </c>
      <c r="D12396" t="s">
        <v>118</v>
      </c>
      <c r="E12396">
        <v>2018</v>
      </c>
      <c r="F12396">
        <v>2018</v>
      </c>
      <c r="G12396" t="s">
        <v>125</v>
      </c>
      <c r="H12396" t="s">
        <v>123</v>
      </c>
      <c r="I12396" t="s">
        <v>15</v>
      </c>
      <c r="J12396" s="10">
        <v>17.725792120000001</v>
      </c>
    </row>
    <row r="12397" spans="1:10" x14ac:dyDescent="0.35">
      <c r="A12397" t="s">
        <v>33</v>
      </c>
      <c r="B12397" t="s">
        <v>77</v>
      </c>
      <c r="C12397" t="s">
        <v>117</v>
      </c>
      <c r="D12397" t="s">
        <v>118</v>
      </c>
      <c r="E12397">
        <v>2018</v>
      </c>
      <c r="F12397">
        <v>2018</v>
      </c>
      <c r="G12397" t="s">
        <v>125</v>
      </c>
      <c r="H12397" t="s">
        <v>124</v>
      </c>
      <c r="I12397" t="s">
        <v>15</v>
      </c>
      <c r="J12397" s="10">
        <v>1.667160201</v>
      </c>
    </row>
    <row r="12398" spans="1:10" x14ac:dyDescent="0.35">
      <c r="A12398" t="s">
        <v>33</v>
      </c>
      <c r="B12398" t="s">
        <v>77</v>
      </c>
      <c r="C12398" t="s">
        <v>117</v>
      </c>
      <c r="D12398" t="s">
        <v>118</v>
      </c>
      <c r="E12398">
        <v>2018</v>
      </c>
      <c r="F12398">
        <v>2018</v>
      </c>
      <c r="G12398" t="s">
        <v>126</v>
      </c>
      <c r="H12398" t="s">
        <v>119</v>
      </c>
      <c r="I12398" t="s">
        <v>15</v>
      </c>
      <c r="J12398" s="10">
        <v>16.622247160000001</v>
      </c>
    </row>
    <row r="12399" spans="1:10" x14ac:dyDescent="0.35">
      <c r="A12399" t="s">
        <v>33</v>
      </c>
      <c r="B12399" t="s">
        <v>77</v>
      </c>
      <c r="C12399" t="s">
        <v>117</v>
      </c>
      <c r="D12399" t="s">
        <v>118</v>
      </c>
      <c r="E12399">
        <v>2018</v>
      </c>
      <c r="F12399">
        <v>2018</v>
      </c>
      <c r="G12399" t="s">
        <v>126</v>
      </c>
      <c r="H12399" t="s">
        <v>120</v>
      </c>
      <c r="I12399" t="s">
        <v>15</v>
      </c>
      <c r="J12399" s="10">
        <v>8.8539767149999999</v>
      </c>
    </row>
    <row r="12400" spans="1:10" x14ac:dyDescent="0.35">
      <c r="A12400" t="s">
        <v>33</v>
      </c>
      <c r="B12400" t="s">
        <v>77</v>
      </c>
      <c r="C12400" t="s">
        <v>117</v>
      </c>
      <c r="D12400" t="s">
        <v>118</v>
      </c>
      <c r="E12400">
        <v>2018</v>
      </c>
      <c r="F12400">
        <v>2018</v>
      </c>
      <c r="G12400" t="s">
        <v>126</v>
      </c>
      <c r="H12400" t="s">
        <v>121</v>
      </c>
      <c r="I12400" t="s">
        <v>15</v>
      </c>
      <c r="J12400" s="10">
        <v>29.74891289</v>
      </c>
    </row>
    <row r="12401" spans="1:10" x14ac:dyDescent="0.35">
      <c r="A12401" t="s">
        <v>33</v>
      </c>
      <c r="B12401" t="s">
        <v>77</v>
      </c>
      <c r="C12401" t="s">
        <v>117</v>
      </c>
      <c r="D12401" t="s">
        <v>118</v>
      </c>
      <c r="E12401">
        <v>2018</v>
      </c>
      <c r="F12401">
        <v>2018</v>
      </c>
      <c r="G12401" t="s">
        <v>126</v>
      </c>
      <c r="H12401" t="s">
        <v>122</v>
      </c>
      <c r="I12401" t="s">
        <v>15</v>
      </c>
      <c r="J12401" s="10">
        <v>22.468789449999999</v>
      </c>
    </row>
    <row r="12402" spans="1:10" x14ac:dyDescent="0.35">
      <c r="A12402" t="s">
        <v>33</v>
      </c>
      <c r="B12402" t="s">
        <v>77</v>
      </c>
      <c r="C12402" t="s">
        <v>117</v>
      </c>
      <c r="D12402" t="s">
        <v>118</v>
      </c>
      <c r="E12402">
        <v>2018</v>
      </c>
      <c r="F12402">
        <v>2018</v>
      </c>
      <c r="G12402" t="s">
        <v>126</v>
      </c>
      <c r="H12402" t="s">
        <v>123</v>
      </c>
      <c r="I12402" t="s">
        <v>15</v>
      </c>
      <c r="J12402" s="10">
        <v>19.379997190000001</v>
      </c>
    </row>
    <row r="12403" spans="1:10" x14ac:dyDescent="0.35">
      <c r="A12403" t="s">
        <v>33</v>
      </c>
      <c r="B12403" t="s">
        <v>77</v>
      </c>
      <c r="C12403" t="s">
        <v>117</v>
      </c>
      <c r="D12403" t="s">
        <v>118</v>
      </c>
      <c r="E12403">
        <v>2018</v>
      </c>
      <c r="F12403">
        <v>2018</v>
      </c>
      <c r="G12403" t="s">
        <v>126</v>
      </c>
      <c r="H12403" t="s">
        <v>124</v>
      </c>
      <c r="I12403" t="s">
        <v>15</v>
      </c>
      <c r="J12403" s="10">
        <v>2.926076589</v>
      </c>
    </row>
    <row r="12404" spans="1:10" x14ac:dyDescent="0.35">
      <c r="A12404" t="s">
        <v>33</v>
      </c>
      <c r="B12404" t="s">
        <v>77</v>
      </c>
      <c r="C12404" t="s">
        <v>117</v>
      </c>
      <c r="D12404" t="s">
        <v>118</v>
      </c>
      <c r="E12404">
        <v>2017</v>
      </c>
      <c r="F12404">
        <v>2017</v>
      </c>
      <c r="G12404" t="s">
        <v>14</v>
      </c>
      <c r="H12404" t="s">
        <v>119</v>
      </c>
      <c r="I12404" t="s">
        <v>15</v>
      </c>
      <c r="J12404" s="10">
        <v>17.683322050000001</v>
      </c>
    </row>
    <row r="12405" spans="1:10" x14ac:dyDescent="0.35">
      <c r="A12405" t="s">
        <v>33</v>
      </c>
      <c r="B12405" t="s">
        <v>77</v>
      </c>
      <c r="C12405" t="s">
        <v>117</v>
      </c>
      <c r="D12405" t="s">
        <v>118</v>
      </c>
      <c r="E12405">
        <v>2017</v>
      </c>
      <c r="F12405">
        <v>2017</v>
      </c>
      <c r="G12405" t="s">
        <v>14</v>
      </c>
      <c r="H12405" t="s">
        <v>120</v>
      </c>
      <c r="I12405" t="s">
        <v>15</v>
      </c>
      <c r="J12405" s="10">
        <v>9.7022772120000003</v>
      </c>
    </row>
    <row r="12406" spans="1:10" x14ac:dyDescent="0.35">
      <c r="A12406" t="s">
        <v>33</v>
      </c>
      <c r="B12406" t="s">
        <v>77</v>
      </c>
      <c r="C12406" t="s">
        <v>117</v>
      </c>
      <c r="D12406" t="s">
        <v>118</v>
      </c>
      <c r="E12406">
        <v>2017</v>
      </c>
      <c r="F12406">
        <v>2017</v>
      </c>
      <c r="G12406" t="s">
        <v>14</v>
      </c>
      <c r="H12406" t="s">
        <v>121</v>
      </c>
      <c r="I12406" t="s">
        <v>15</v>
      </c>
      <c r="J12406" s="10">
        <v>29.776599879999999</v>
      </c>
    </row>
    <row r="12407" spans="1:10" x14ac:dyDescent="0.35">
      <c r="A12407" t="s">
        <v>33</v>
      </c>
      <c r="B12407" t="s">
        <v>77</v>
      </c>
      <c r="C12407" t="s">
        <v>117</v>
      </c>
      <c r="D12407" t="s">
        <v>118</v>
      </c>
      <c r="E12407">
        <v>2017</v>
      </c>
      <c r="F12407">
        <v>2017</v>
      </c>
      <c r="G12407" t="s">
        <v>14</v>
      </c>
      <c r="H12407" t="s">
        <v>122</v>
      </c>
      <c r="I12407" t="s">
        <v>15</v>
      </c>
      <c r="J12407" s="10">
        <v>22.11099428</v>
      </c>
    </row>
    <row r="12408" spans="1:10" x14ac:dyDescent="0.35">
      <c r="A12408" t="s">
        <v>33</v>
      </c>
      <c r="B12408" t="s">
        <v>77</v>
      </c>
      <c r="C12408" t="s">
        <v>117</v>
      </c>
      <c r="D12408" t="s">
        <v>118</v>
      </c>
      <c r="E12408">
        <v>2017</v>
      </c>
      <c r="F12408">
        <v>2017</v>
      </c>
      <c r="G12408" t="s">
        <v>14</v>
      </c>
      <c r="H12408" t="s">
        <v>123</v>
      </c>
      <c r="I12408" t="s">
        <v>15</v>
      </c>
      <c r="J12408" s="10">
        <v>18.404943320000001</v>
      </c>
    </row>
    <row r="12409" spans="1:10" x14ac:dyDescent="0.35">
      <c r="A12409" t="s">
        <v>33</v>
      </c>
      <c r="B12409" t="s">
        <v>77</v>
      </c>
      <c r="C12409" t="s">
        <v>117</v>
      </c>
      <c r="D12409" t="s">
        <v>118</v>
      </c>
      <c r="E12409">
        <v>2017</v>
      </c>
      <c r="F12409">
        <v>2017</v>
      </c>
      <c r="G12409" t="s">
        <v>14</v>
      </c>
      <c r="H12409" t="s">
        <v>124</v>
      </c>
      <c r="I12409" t="s">
        <v>15</v>
      </c>
      <c r="J12409" s="10">
        <v>2.321863252</v>
      </c>
    </row>
    <row r="12410" spans="1:10" x14ac:dyDescent="0.35">
      <c r="A12410" t="s">
        <v>33</v>
      </c>
      <c r="B12410" t="s">
        <v>77</v>
      </c>
      <c r="C12410" t="s">
        <v>117</v>
      </c>
      <c r="D12410" t="s">
        <v>118</v>
      </c>
      <c r="E12410">
        <v>2017</v>
      </c>
      <c r="F12410">
        <v>2017</v>
      </c>
      <c r="G12410" t="s">
        <v>125</v>
      </c>
      <c r="H12410" t="s">
        <v>119</v>
      </c>
      <c r="I12410" t="s">
        <v>15</v>
      </c>
      <c r="J12410" s="10">
        <v>18.935016449999999</v>
      </c>
    </row>
    <row r="12411" spans="1:10" x14ac:dyDescent="0.35">
      <c r="A12411" t="s">
        <v>33</v>
      </c>
      <c r="B12411" t="s">
        <v>77</v>
      </c>
      <c r="C12411" t="s">
        <v>117</v>
      </c>
      <c r="D12411" t="s">
        <v>118</v>
      </c>
      <c r="E12411">
        <v>2017</v>
      </c>
      <c r="F12411">
        <v>2017</v>
      </c>
      <c r="G12411" t="s">
        <v>125</v>
      </c>
      <c r="H12411" t="s">
        <v>120</v>
      </c>
      <c r="I12411" t="s">
        <v>15</v>
      </c>
      <c r="J12411" s="10">
        <v>10.26461611</v>
      </c>
    </row>
    <row r="12412" spans="1:10" x14ac:dyDescent="0.35">
      <c r="A12412" t="s">
        <v>33</v>
      </c>
      <c r="B12412" t="s">
        <v>77</v>
      </c>
      <c r="C12412" t="s">
        <v>117</v>
      </c>
      <c r="D12412" t="s">
        <v>118</v>
      </c>
      <c r="E12412">
        <v>2017</v>
      </c>
      <c r="F12412">
        <v>2017</v>
      </c>
      <c r="G12412" t="s">
        <v>125</v>
      </c>
      <c r="H12412" t="s">
        <v>121</v>
      </c>
      <c r="I12412" t="s">
        <v>15</v>
      </c>
      <c r="J12412" s="10">
        <v>29.51966101</v>
      </c>
    </row>
    <row r="12413" spans="1:10" x14ac:dyDescent="0.35">
      <c r="A12413" t="s">
        <v>33</v>
      </c>
      <c r="B12413" t="s">
        <v>77</v>
      </c>
      <c r="C12413" t="s">
        <v>117</v>
      </c>
      <c r="D12413" t="s">
        <v>118</v>
      </c>
      <c r="E12413">
        <v>2017</v>
      </c>
      <c r="F12413">
        <v>2017</v>
      </c>
      <c r="G12413" t="s">
        <v>125</v>
      </c>
      <c r="H12413" t="s">
        <v>122</v>
      </c>
      <c r="I12413" t="s">
        <v>15</v>
      </c>
      <c r="J12413" s="10">
        <v>21.96936024</v>
      </c>
    </row>
    <row r="12414" spans="1:10" x14ac:dyDescent="0.35">
      <c r="A12414" t="s">
        <v>33</v>
      </c>
      <c r="B12414" t="s">
        <v>77</v>
      </c>
      <c r="C12414" t="s">
        <v>117</v>
      </c>
      <c r="D12414" t="s">
        <v>118</v>
      </c>
      <c r="E12414">
        <v>2017</v>
      </c>
      <c r="F12414">
        <v>2017</v>
      </c>
      <c r="G12414" t="s">
        <v>125</v>
      </c>
      <c r="H12414" t="s">
        <v>123</v>
      </c>
      <c r="I12414" t="s">
        <v>15</v>
      </c>
      <c r="J12414" s="10">
        <v>17.651939429999999</v>
      </c>
    </row>
    <row r="12415" spans="1:10" x14ac:dyDescent="0.35">
      <c r="A12415" t="s">
        <v>33</v>
      </c>
      <c r="B12415" t="s">
        <v>77</v>
      </c>
      <c r="C12415" t="s">
        <v>117</v>
      </c>
      <c r="D12415" t="s">
        <v>118</v>
      </c>
      <c r="E12415">
        <v>2017</v>
      </c>
      <c r="F12415">
        <v>2017</v>
      </c>
      <c r="G12415" t="s">
        <v>125</v>
      </c>
      <c r="H12415" t="s">
        <v>124</v>
      </c>
      <c r="I12415" t="s">
        <v>15</v>
      </c>
      <c r="J12415" s="10">
        <v>1.6594067619999999</v>
      </c>
    </row>
    <row r="12416" spans="1:10" x14ac:dyDescent="0.35">
      <c r="A12416" t="s">
        <v>33</v>
      </c>
      <c r="B12416" t="s">
        <v>77</v>
      </c>
      <c r="C12416" t="s">
        <v>117</v>
      </c>
      <c r="D12416" t="s">
        <v>118</v>
      </c>
      <c r="E12416">
        <v>2017</v>
      </c>
      <c r="F12416">
        <v>2017</v>
      </c>
      <c r="G12416" t="s">
        <v>126</v>
      </c>
      <c r="H12416" t="s">
        <v>119</v>
      </c>
      <c r="I12416" t="s">
        <v>15</v>
      </c>
      <c r="J12416" s="10">
        <v>16.499439460000001</v>
      </c>
    </row>
    <row r="12417" spans="1:10" x14ac:dyDescent="0.35">
      <c r="A12417" t="s">
        <v>33</v>
      </c>
      <c r="B12417" t="s">
        <v>77</v>
      </c>
      <c r="C12417" t="s">
        <v>117</v>
      </c>
      <c r="D12417" t="s">
        <v>118</v>
      </c>
      <c r="E12417">
        <v>2017</v>
      </c>
      <c r="F12417">
        <v>2017</v>
      </c>
      <c r="G12417" t="s">
        <v>126</v>
      </c>
      <c r="H12417" t="s">
        <v>120</v>
      </c>
      <c r="I12417" t="s">
        <v>15</v>
      </c>
      <c r="J12417" s="10">
        <v>9.1704035869999991</v>
      </c>
    </row>
    <row r="12418" spans="1:10" x14ac:dyDescent="0.35">
      <c r="A12418" t="s">
        <v>33</v>
      </c>
      <c r="B12418" t="s">
        <v>77</v>
      </c>
      <c r="C12418" t="s">
        <v>117</v>
      </c>
      <c r="D12418" t="s">
        <v>118</v>
      </c>
      <c r="E12418">
        <v>2017</v>
      </c>
      <c r="F12418">
        <v>2017</v>
      </c>
      <c r="G12418" t="s">
        <v>126</v>
      </c>
      <c r="H12418" t="s">
        <v>121</v>
      </c>
      <c r="I12418" t="s">
        <v>15</v>
      </c>
      <c r="J12418" s="10">
        <v>30.019618829999999</v>
      </c>
    </row>
    <row r="12419" spans="1:10" x14ac:dyDescent="0.35">
      <c r="A12419" t="s">
        <v>33</v>
      </c>
      <c r="B12419" t="s">
        <v>77</v>
      </c>
      <c r="C12419" t="s">
        <v>117</v>
      </c>
      <c r="D12419" t="s">
        <v>118</v>
      </c>
      <c r="E12419">
        <v>2017</v>
      </c>
      <c r="F12419">
        <v>2017</v>
      </c>
      <c r="G12419" t="s">
        <v>126</v>
      </c>
      <c r="H12419" t="s">
        <v>122</v>
      </c>
      <c r="I12419" t="s">
        <v>15</v>
      </c>
      <c r="J12419" s="10">
        <v>22.24495516</v>
      </c>
    </row>
    <row r="12420" spans="1:10" x14ac:dyDescent="0.35">
      <c r="A12420" t="s">
        <v>33</v>
      </c>
      <c r="B12420" t="s">
        <v>77</v>
      </c>
      <c r="C12420" t="s">
        <v>117</v>
      </c>
      <c r="D12420" t="s">
        <v>118</v>
      </c>
      <c r="E12420">
        <v>2017</v>
      </c>
      <c r="F12420">
        <v>2017</v>
      </c>
      <c r="G12420" t="s">
        <v>126</v>
      </c>
      <c r="H12420" t="s">
        <v>123</v>
      </c>
      <c r="I12420" t="s">
        <v>15</v>
      </c>
      <c r="J12420" s="10">
        <v>19.117152470000001</v>
      </c>
    </row>
    <row r="12421" spans="1:10" x14ac:dyDescent="0.35">
      <c r="A12421" t="s">
        <v>33</v>
      </c>
      <c r="B12421" t="s">
        <v>77</v>
      </c>
      <c r="C12421" t="s">
        <v>117</v>
      </c>
      <c r="D12421" t="s">
        <v>118</v>
      </c>
      <c r="E12421">
        <v>2017</v>
      </c>
      <c r="F12421">
        <v>2017</v>
      </c>
      <c r="G12421" t="s">
        <v>126</v>
      </c>
      <c r="H12421" t="s">
        <v>124</v>
      </c>
      <c r="I12421" t="s">
        <v>15</v>
      </c>
      <c r="J12421" s="10">
        <v>2.948430493</v>
      </c>
    </row>
    <row r="12422" spans="1:10" x14ac:dyDescent="0.35">
      <c r="A12422" t="s">
        <v>33</v>
      </c>
      <c r="B12422" t="s">
        <v>77</v>
      </c>
      <c r="C12422" t="s">
        <v>117</v>
      </c>
      <c r="D12422" t="s">
        <v>118</v>
      </c>
      <c r="E12422">
        <v>2016</v>
      </c>
      <c r="F12422">
        <v>2016</v>
      </c>
      <c r="G12422" t="s">
        <v>14</v>
      </c>
      <c r="H12422" t="s">
        <v>119</v>
      </c>
      <c r="I12422" t="s">
        <v>15</v>
      </c>
      <c r="J12422" s="10">
        <v>17.757925069999999</v>
      </c>
    </row>
    <row r="12423" spans="1:10" x14ac:dyDescent="0.35">
      <c r="A12423" t="s">
        <v>33</v>
      </c>
      <c r="B12423" t="s">
        <v>77</v>
      </c>
      <c r="C12423" t="s">
        <v>117</v>
      </c>
      <c r="D12423" t="s">
        <v>118</v>
      </c>
      <c r="E12423">
        <v>2016</v>
      </c>
      <c r="F12423">
        <v>2016</v>
      </c>
      <c r="G12423" t="s">
        <v>14</v>
      </c>
      <c r="H12423" t="s">
        <v>120</v>
      </c>
      <c r="I12423" t="s">
        <v>15</v>
      </c>
      <c r="J12423" s="10">
        <v>9.8270893370000003</v>
      </c>
    </row>
    <row r="12424" spans="1:10" x14ac:dyDescent="0.35">
      <c r="A12424" t="s">
        <v>33</v>
      </c>
      <c r="B12424" t="s">
        <v>77</v>
      </c>
      <c r="C12424" t="s">
        <v>117</v>
      </c>
      <c r="D12424" t="s">
        <v>118</v>
      </c>
      <c r="E12424">
        <v>2016</v>
      </c>
      <c r="F12424">
        <v>2016</v>
      </c>
      <c r="G12424" t="s">
        <v>14</v>
      </c>
      <c r="H12424" t="s">
        <v>121</v>
      </c>
      <c r="I12424" t="s">
        <v>15</v>
      </c>
      <c r="J12424" s="10">
        <v>30.22766571</v>
      </c>
    </row>
    <row r="12425" spans="1:10" x14ac:dyDescent="0.35">
      <c r="A12425" t="s">
        <v>33</v>
      </c>
      <c r="B12425" t="s">
        <v>77</v>
      </c>
      <c r="C12425" t="s">
        <v>117</v>
      </c>
      <c r="D12425" t="s">
        <v>118</v>
      </c>
      <c r="E12425">
        <v>2016</v>
      </c>
      <c r="F12425">
        <v>2016</v>
      </c>
      <c r="G12425" t="s">
        <v>14</v>
      </c>
      <c r="H12425" t="s">
        <v>122</v>
      </c>
      <c r="I12425" t="s">
        <v>15</v>
      </c>
      <c r="J12425" s="10">
        <v>21.68443804</v>
      </c>
    </row>
    <row r="12426" spans="1:10" x14ac:dyDescent="0.35">
      <c r="A12426" t="s">
        <v>33</v>
      </c>
      <c r="B12426" t="s">
        <v>77</v>
      </c>
      <c r="C12426" t="s">
        <v>117</v>
      </c>
      <c r="D12426" t="s">
        <v>118</v>
      </c>
      <c r="E12426">
        <v>2016</v>
      </c>
      <c r="F12426">
        <v>2016</v>
      </c>
      <c r="G12426" t="s">
        <v>14</v>
      </c>
      <c r="H12426" t="s">
        <v>123</v>
      </c>
      <c r="I12426" t="s">
        <v>15</v>
      </c>
      <c r="J12426" s="10">
        <v>18.191642649999999</v>
      </c>
    </row>
    <row r="12427" spans="1:10" x14ac:dyDescent="0.35">
      <c r="A12427" t="s">
        <v>33</v>
      </c>
      <c r="B12427" t="s">
        <v>77</v>
      </c>
      <c r="C12427" t="s">
        <v>117</v>
      </c>
      <c r="D12427" t="s">
        <v>118</v>
      </c>
      <c r="E12427">
        <v>2016</v>
      </c>
      <c r="F12427">
        <v>2016</v>
      </c>
      <c r="G12427" t="s">
        <v>14</v>
      </c>
      <c r="H12427" t="s">
        <v>124</v>
      </c>
      <c r="I12427" t="s">
        <v>15</v>
      </c>
      <c r="J12427" s="10">
        <v>2.311239193</v>
      </c>
    </row>
    <row r="12428" spans="1:10" x14ac:dyDescent="0.35">
      <c r="A12428" t="s">
        <v>33</v>
      </c>
      <c r="B12428" t="s">
        <v>77</v>
      </c>
      <c r="C12428" t="s">
        <v>117</v>
      </c>
      <c r="D12428" t="s">
        <v>118</v>
      </c>
      <c r="E12428">
        <v>2016</v>
      </c>
      <c r="F12428">
        <v>2016</v>
      </c>
      <c r="G12428" t="s">
        <v>125</v>
      </c>
      <c r="H12428" t="s">
        <v>119</v>
      </c>
      <c r="I12428" t="s">
        <v>15</v>
      </c>
      <c r="J12428" s="10">
        <v>19.0238689</v>
      </c>
    </row>
    <row r="12429" spans="1:10" x14ac:dyDescent="0.35">
      <c r="A12429" t="s">
        <v>33</v>
      </c>
      <c r="B12429" t="s">
        <v>77</v>
      </c>
      <c r="C12429" t="s">
        <v>117</v>
      </c>
      <c r="D12429" t="s">
        <v>118</v>
      </c>
      <c r="E12429">
        <v>2016</v>
      </c>
      <c r="F12429">
        <v>2016</v>
      </c>
      <c r="G12429" t="s">
        <v>125</v>
      </c>
      <c r="H12429" t="s">
        <v>120</v>
      </c>
      <c r="I12429" t="s">
        <v>15</v>
      </c>
      <c r="J12429" s="10">
        <v>10.405533780000001</v>
      </c>
    </row>
    <row r="12430" spans="1:10" x14ac:dyDescent="0.35">
      <c r="A12430" t="s">
        <v>33</v>
      </c>
      <c r="B12430" t="s">
        <v>77</v>
      </c>
      <c r="C12430" t="s">
        <v>117</v>
      </c>
      <c r="D12430" t="s">
        <v>118</v>
      </c>
      <c r="E12430">
        <v>2016</v>
      </c>
      <c r="F12430">
        <v>2016</v>
      </c>
      <c r="G12430" t="s">
        <v>125</v>
      </c>
      <c r="H12430" t="s">
        <v>121</v>
      </c>
      <c r="I12430" t="s">
        <v>15</v>
      </c>
      <c r="J12430" s="10">
        <v>29.892530579999999</v>
      </c>
    </row>
    <row r="12431" spans="1:10" x14ac:dyDescent="0.35">
      <c r="A12431" t="s">
        <v>33</v>
      </c>
      <c r="B12431" t="s">
        <v>77</v>
      </c>
      <c r="C12431" t="s">
        <v>117</v>
      </c>
      <c r="D12431" t="s">
        <v>118</v>
      </c>
      <c r="E12431">
        <v>2016</v>
      </c>
      <c r="F12431">
        <v>2016</v>
      </c>
      <c r="G12431" t="s">
        <v>125</v>
      </c>
      <c r="H12431" t="s">
        <v>122</v>
      </c>
      <c r="I12431" t="s">
        <v>15</v>
      </c>
      <c r="J12431" s="10">
        <v>21.591853700000001</v>
      </c>
    </row>
    <row r="12432" spans="1:10" x14ac:dyDescent="0.35">
      <c r="A12432" t="s">
        <v>33</v>
      </c>
      <c r="B12432" t="s">
        <v>77</v>
      </c>
      <c r="C12432" t="s">
        <v>117</v>
      </c>
      <c r="D12432" t="s">
        <v>118</v>
      </c>
      <c r="E12432">
        <v>2016</v>
      </c>
      <c r="F12432">
        <v>2016</v>
      </c>
      <c r="G12432" t="s">
        <v>125</v>
      </c>
      <c r="H12432" t="s">
        <v>123</v>
      </c>
      <c r="I12432" t="s">
        <v>15</v>
      </c>
      <c r="J12432" s="10">
        <v>17.435577720000001</v>
      </c>
    </row>
    <row r="12433" spans="1:10" x14ac:dyDescent="0.35">
      <c r="A12433" t="s">
        <v>33</v>
      </c>
      <c r="B12433" t="s">
        <v>77</v>
      </c>
      <c r="C12433" t="s">
        <v>117</v>
      </c>
      <c r="D12433" t="s">
        <v>118</v>
      </c>
      <c r="E12433">
        <v>2016</v>
      </c>
      <c r="F12433">
        <v>2016</v>
      </c>
      <c r="G12433" t="s">
        <v>125</v>
      </c>
      <c r="H12433" t="s">
        <v>124</v>
      </c>
      <c r="I12433" t="s">
        <v>15</v>
      </c>
      <c r="J12433" s="10">
        <v>1.650635316</v>
      </c>
    </row>
    <row r="12434" spans="1:10" x14ac:dyDescent="0.35">
      <c r="A12434" t="s">
        <v>33</v>
      </c>
      <c r="B12434" t="s">
        <v>77</v>
      </c>
      <c r="C12434" t="s">
        <v>117</v>
      </c>
      <c r="D12434" t="s">
        <v>118</v>
      </c>
      <c r="E12434">
        <v>2016</v>
      </c>
      <c r="F12434">
        <v>2016</v>
      </c>
      <c r="G12434" t="s">
        <v>126</v>
      </c>
      <c r="H12434" t="s">
        <v>119</v>
      </c>
      <c r="I12434" t="s">
        <v>15</v>
      </c>
      <c r="J12434" s="10">
        <v>16.564004929999999</v>
      </c>
    </row>
    <row r="12435" spans="1:10" x14ac:dyDescent="0.35">
      <c r="A12435" t="s">
        <v>33</v>
      </c>
      <c r="B12435" t="s">
        <v>77</v>
      </c>
      <c r="C12435" t="s">
        <v>117</v>
      </c>
      <c r="D12435" t="s">
        <v>118</v>
      </c>
      <c r="E12435">
        <v>2016</v>
      </c>
      <c r="F12435">
        <v>2016</v>
      </c>
      <c r="G12435" t="s">
        <v>126</v>
      </c>
      <c r="H12435" t="s">
        <v>120</v>
      </c>
      <c r="I12435" t="s">
        <v>15</v>
      </c>
      <c r="J12435" s="10">
        <v>9.2815544849999991</v>
      </c>
    </row>
    <row r="12436" spans="1:10" x14ac:dyDescent="0.35">
      <c r="A12436" t="s">
        <v>33</v>
      </c>
      <c r="B12436" t="s">
        <v>77</v>
      </c>
      <c r="C12436" t="s">
        <v>117</v>
      </c>
      <c r="D12436" t="s">
        <v>118</v>
      </c>
      <c r="E12436">
        <v>2016</v>
      </c>
      <c r="F12436">
        <v>2016</v>
      </c>
      <c r="G12436" t="s">
        <v>126</v>
      </c>
      <c r="H12436" t="s">
        <v>121</v>
      </c>
      <c r="I12436" t="s">
        <v>15</v>
      </c>
      <c r="J12436" s="10">
        <v>30.543733899999999</v>
      </c>
    </row>
    <row r="12437" spans="1:10" x14ac:dyDescent="0.35">
      <c r="A12437" t="s">
        <v>33</v>
      </c>
      <c r="B12437" t="s">
        <v>77</v>
      </c>
      <c r="C12437" t="s">
        <v>117</v>
      </c>
      <c r="D12437" t="s">
        <v>118</v>
      </c>
      <c r="E12437">
        <v>2016</v>
      </c>
      <c r="F12437">
        <v>2016</v>
      </c>
      <c r="G12437" t="s">
        <v>126</v>
      </c>
      <c r="H12437" t="s">
        <v>122</v>
      </c>
      <c r="I12437" t="s">
        <v>15</v>
      </c>
      <c r="J12437" s="10">
        <v>21.771754959999999</v>
      </c>
    </row>
    <row r="12438" spans="1:10" x14ac:dyDescent="0.35">
      <c r="A12438" t="s">
        <v>33</v>
      </c>
      <c r="B12438" t="s">
        <v>77</v>
      </c>
      <c r="C12438" t="s">
        <v>117</v>
      </c>
      <c r="D12438" t="s">
        <v>118</v>
      </c>
      <c r="E12438">
        <v>2016</v>
      </c>
      <c r="F12438">
        <v>2016</v>
      </c>
      <c r="G12438" t="s">
        <v>126</v>
      </c>
      <c r="H12438" t="s">
        <v>123</v>
      </c>
      <c r="I12438" t="s">
        <v>15</v>
      </c>
      <c r="J12438" s="10">
        <v>18.904692570000002</v>
      </c>
    </row>
    <row r="12439" spans="1:10" x14ac:dyDescent="0.35">
      <c r="A12439" t="s">
        <v>33</v>
      </c>
      <c r="B12439" t="s">
        <v>77</v>
      </c>
      <c r="C12439" t="s">
        <v>117</v>
      </c>
      <c r="D12439" t="s">
        <v>118</v>
      </c>
      <c r="E12439">
        <v>2016</v>
      </c>
      <c r="F12439">
        <v>2016</v>
      </c>
      <c r="G12439" t="s">
        <v>126</v>
      </c>
      <c r="H12439" t="s">
        <v>124</v>
      </c>
      <c r="I12439" t="s">
        <v>15</v>
      </c>
      <c r="J12439" s="10">
        <v>2.934259156</v>
      </c>
    </row>
    <row r="12440" spans="1:10" x14ac:dyDescent="0.35">
      <c r="A12440" t="s">
        <v>33</v>
      </c>
      <c r="B12440" t="s">
        <v>77</v>
      </c>
      <c r="C12440" t="s">
        <v>117</v>
      </c>
      <c r="D12440" t="s">
        <v>118</v>
      </c>
      <c r="E12440">
        <v>2015</v>
      </c>
      <c r="F12440">
        <v>2015</v>
      </c>
      <c r="G12440" t="s">
        <v>14</v>
      </c>
      <c r="H12440" t="s">
        <v>119</v>
      </c>
      <c r="I12440" t="s">
        <v>15</v>
      </c>
      <c r="J12440" s="10">
        <v>17.655953</v>
      </c>
    </row>
    <row r="12441" spans="1:10" x14ac:dyDescent="0.35">
      <c r="A12441" t="s">
        <v>33</v>
      </c>
      <c r="B12441" t="s">
        <v>77</v>
      </c>
      <c r="C12441" t="s">
        <v>117</v>
      </c>
      <c r="D12441" t="s">
        <v>118</v>
      </c>
      <c r="E12441">
        <v>2015</v>
      </c>
      <c r="F12441">
        <v>2015</v>
      </c>
      <c r="G12441" t="s">
        <v>14</v>
      </c>
      <c r="H12441" t="s">
        <v>120</v>
      </c>
      <c r="I12441" t="s">
        <v>15</v>
      </c>
      <c r="J12441" s="10">
        <v>10.130464829999999</v>
      </c>
    </row>
    <row r="12442" spans="1:10" x14ac:dyDescent="0.35">
      <c r="A12442" t="s">
        <v>33</v>
      </c>
      <c r="B12442" t="s">
        <v>77</v>
      </c>
      <c r="C12442" t="s">
        <v>117</v>
      </c>
      <c r="D12442" t="s">
        <v>118</v>
      </c>
      <c r="E12442">
        <v>2015</v>
      </c>
      <c r="F12442">
        <v>2015</v>
      </c>
      <c r="G12442" t="s">
        <v>14</v>
      </c>
      <c r="H12442" t="s">
        <v>121</v>
      </c>
      <c r="I12442" t="s">
        <v>15</v>
      </c>
      <c r="J12442" s="10">
        <v>30.43891481</v>
      </c>
    </row>
    <row r="12443" spans="1:10" x14ac:dyDescent="0.35">
      <c r="A12443" t="s">
        <v>33</v>
      </c>
      <c r="B12443" t="s">
        <v>77</v>
      </c>
      <c r="C12443" t="s">
        <v>117</v>
      </c>
      <c r="D12443" t="s">
        <v>118</v>
      </c>
      <c r="E12443">
        <v>2015</v>
      </c>
      <c r="F12443">
        <v>2015</v>
      </c>
      <c r="G12443" t="s">
        <v>14</v>
      </c>
      <c r="H12443" t="s">
        <v>122</v>
      </c>
      <c r="I12443" t="s">
        <v>15</v>
      </c>
      <c r="J12443" s="10">
        <v>21.56701803</v>
      </c>
    </row>
    <row r="12444" spans="1:10" x14ac:dyDescent="0.35">
      <c r="A12444" t="s">
        <v>33</v>
      </c>
      <c r="B12444" t="s">
        <v>77</v>
      </c>
      <c r="C12444" t="s">
        <v>117</v>
      </c>
      <c r="D12444" t="s">
        <v>118</v>
      </c>
      <c r="E12444">
        <v>2015</v>
      </c>
      <c r="F12444">
        <v>2015</v>
      </c>
      <c r="G12444" t="s">
        <v>14</v>
      </c>
      <c r="H12444" t="s">
        <v>123</v>
      </c>
      <c r="I12444" t="s">
        <v>15</v>
      </c>
      <c r="J12444" s="10">
        <v>17.899314560000001</v>
      </c>
    </row>
    <row r="12445" spans="1:10" x14ac:dyDescent="0.35">
      <c r="A12445" t="s">
        <v>33</v>
      </c>
      <c r="B12445" t="s">
        <v>77</v>
      </c>
      <c r="C12445" t="s">
        <v>117</v>
      </c>
      <c r="D12445" t="s">
        <v>118</v>
      </c>
      <c r="E12445">
        <v>2015</v>
      </c>
      <c r="F12445">
        <v>2015</v>
      </c>
      <c r="G12445" t="s">
        <v>14</v>
      </c>
      <c r="H12445" t="s">
        <v>124</v>
      </c>
      <c r="I12445" t="s">
        <v>15</v>
      </c>
      <c r="J12445" s="10">
        <v>2.3083347729999999</v>
      </c>
    </row>
    <row r="12446" spans="1:10" x14ac:dyDescent="0.35">
      <c r="A12446" t="s">
        <v>33</v>
      </c>
      <c r="B12446" t="s">
        <v>77</v>
      </c>
      <c r="C12446" t="s">
        <v>117</v>
      </c>
      <c r="D12446" t="s">
        <v>118</v>
      </c>
      <c r="E12446">
        <v>2015</v>
      </c>
      <c r="F12446">
        <v>2015</v>
      </c>
      <c r="G12446" t="s">
        <v>125</v>
      </c>
      <c r="H12446" t="s">
        <v>119</v>
      </c>
      <c r="I12446" t="s">
        <v>15</v>
      </c>
      <c r="J12446" s="10">
        <v>18.973307179999999</v>
      </c>
    </row>
    <row r="12447" spans="1:10" x14ac:dyDescent="0.35">
      <c r="A12447" t="s">
        <v>33</v>
      </c>
      <c r="B12447" t="s">
        <v>77</v>
      </c>
      <c r="C12447" t="s">
        <v>117</v>
      </c>
      <c r="D12447" t="s">
        <v>118</v>
      </c>
      <c r="E12447">
        <v>2015</v>
      </c>
      <c r="F12447">
        <v>2015</v>
      </c>
      <c r="G12447" t="s">
        <v>125</v>
      </c>
      <c r="H12447" t="s">
        <v>120</v>
      </c>
      <c r="I12447" t="s">
        <v>15</v>
      </c>
      <c r="J12447" s="10">
        <v>10.602817910000001</v>
      </c>
    </row>
    <row r="12448" spans="1:10" x14ac:dyDescent="0.35">
      <c r="A12448" t="s">
        <v>33</v>
      </c>
      <c r="B12448" t="s">
        <v>77</v>
      </c>
      <c r="C12448" t="s">
        <v>117</v>
      </c>
      <c r="D12448" t="s">
        <v>118</v>
      </c>
      <c r="E12448">
        <v>2015</v>
      </c>
      <c r="F12448">
        <v>2015</v>
      </c>
      <c r="G12448" t="s">
        <v>125</v>
      </c>
      <c r="H12448" t="s">
        <v>121</v>
      </c>
      <c r="I12448" t="s">
        <v>15</v>
      </c>
      <c r="J12448" s="10">
        <v>30.090363239999999</v>
      </c>
    </row>
    <row r="12449" spans="1:10" x14ac:dyDescent="0.35">
      <c r="A12449" t="s">
        <v>33</v>
      </c>
      <c r="B12449" t="s">
        <v>77</v>
      </c>
      <c r="C12449" t="s">
        <v>117</v>
      </c>
      <c r="D12449" t="s">
        <v>118</v>
      </c>
      <c r="E12449">
        <v>2015</v>
      </c>
      <c r="F12449">
        <v>2015</v>
      </c>
      <c r="G12449" t="s">
        <v>125</v>
      </c>
      <c r="H12449" t="s">
        <v>122</v>
      </c>
      <c r="I12449" t="s">
        <v>15</v>
      </c>
      <c r="J12449" s="10">
        <v>21.479103500000001</v>
      </c>
    </row>
    <row r="12450" spans="1:10" x14ac:dyDescent="0.35">
      <c r="A12450" t="s">
        <v>33</v>
      </c>
      <c r="B12450" t="s">
        <v>77</v>
      </c>
      <c r="C12450" t="s">
        <v>117</v>
      </c>
      <c r="D12450" t="s">
        <v>118</v>
      </c>
      <c r="E12450">
        <v>2015</v>
      </c>
      <c r="F12450">
        <v>2015</v>
      </c>
      <c r="G12450" t="s">
        <v>125</v>
      </c>
      <c r="H12450" t="s">
        <v>123</v>
      </c>
      <c r="I12450" t="s">
        <v>15</v>
      </c>
      <c r="J12450" s="10">
        <v>17.183877299999999</v>
      </c>
    </row>
    <row r="12451" spans="1:10" x14ac:dyDescent="0.35">
      <c r="A12451" t="s">
        <v>33</v>
      </c>
      <c r="B12451" t="s">
        <v>77</v>
      </c>
      <c r="C12451" t="s">
        <v>117</v>
      </c>
      <c r="D12451" t="s">
        <v>118</v>
      </c>
      <c r="E12451">
        <v>2015</v>
      </c>
      <c r="F12451">
        <v>2015</v>
      </c>
      <c r="G12451" t="s">
        <v>125</v>
      </c>
      <c r="H12451" t="s">
        <v>124</v>
      </c>
      <c r="I12451" t="s">
        <v>15</v>
      </c>
      <c r="J12451" s="10">
        <v>1.6705308839999999</v>
      </c>
    </row>
    <row r="12452" spans="1:10" x14ac:dyDescent="0.35">
      <c r="A12452" t="s">
        <v>33</v>
      </c>
      <c r="B12452" t="s">
        <v>77</v>
      </c>
      <c r="C12452" t="s">
        <v>117</v>
      </c>
      <c r="D12452" t="s">
        <v>118</v>
      </c>
      <c r="E12452">
        <v>2015</v>
      </c>
      <c r="F12452">
        <v>2015</v>
      </c>
      <c r="G12452" t="s">
        <v>126</v>
      </c>
      <c r="H12452" t="s">
        <v>119</v>
      </c>
      <c r="I12452" t="s">
        <v>15</v>
      </c>
      <c r="J12452" s="10">
        <v>16.418077199999999</v>
      </c>
    </row>
    <row r="12453" spans="1:10" x14ac:dyDescent="0.35">
      <c r="A12453" t="s">
        <v>33</v>
      </c>
      <c r="B12453" t="s">
        <v>77</v>
      </c>
      <c r="C12453" t="s">
        <v>117</v>
      </c>
      <c r="D12453" t="s">
        <v>118</v>
      </c>
      <c r="E12453">
        <v>2015</v>
      </c>
      <c r="F12453">
        <v>2015</v>
      </c>
      <c r="G12453" t="s">
        <v>126</v>
      </c>
      <c r="H12453" t="s">
        <v>120</v>
      </c>
      <c r="I12453" t="s">
        <v>15</v>
      </c>
      <c r="J12453" s="10">
        <v>9.6866096870000007</v>
      </c>
    </row>
    <row r="12454" spans="1:10" x14ac:dyDescent="0.35">
      <c r="A12454" t="s">
        <v>33</v>
      </c>
      <c r="B12454" t="s">
        <v>77</v>
      </c>
      <c r="C12454" t="s">
        <v>117</v>
      </c>
      <c r="D12454" t="s">
        <v>118</v>
      </c>
      <c r="E12454">
        <v>2015</v>
      </c>
      <c r="F12454">
        <v>2015</v>
      </c>
      <c r="G12454" t="s">
        <v>126</v>
      </c>
      <c r="H12454" t="s">
        <v>121</v>
      </c>
      <c r="I12454" t="s">
        <v>15</v>
      </c>
      <c r="J12454" s="10">
        <v>30.766437629999999</v>
      </c>
    </row>
    <row r="12455" spans="1:10" x14ac:dyDescent="0.35">
      <c r="A12455" t="s">
        <v>33</v>
      </c>
      <c r="B12455" t="s">
        <v>77</v>
      </c>
      <c r="C12455" t="s">
        <v>117</v>
      </c>
      <c r="D12455" t="s">
        <v>118</v>
      </c>
      <c r="E12455">
        <v>2015</v>
      </c>
      <c r="F12455">
        <v>2015</v>
      </c>
      <c r="G12455" t="s">
        <v>126</v>
      </c>
      <c r="H12455" t="s">
        <v>122</v>
      </c>
      <c r="I12455" t="s">
        <v>15</v>
      </c>
      <c r="J12455" s="10">
        <v>21.649628509999999</v>
      </c>
    </row>
    <row r="12456" spans="1:10" x14ac:dyDescent="0.35">
      <c r="A12456" t="s">
        <v>33</v>
      </c>
      <c r="B12456" t="s">
        <v>77</v>
      </c>
      <c r="C12456" t="s">
        <v>117</v>
      </c>
      <c r="D12456" t="s">
        <v>118</v>
      </c>
      <c r="E12456">
        <v>2015</v>
      </c>
      <c r="F12456">
        <v>2015</v>
      </c>
      <c r="G12456" t="s">
        <v>126</v>
      </c>
      <c r="H12456" t="s">
        <v>123</v>
      </c>
      <c r="I12456" t="s">
        <v>15</v>
      </c>
      <c r="J12456" s="10">
        <v>18.571588179999999</v>
      </c>
    </row>
    <row r="12457" spans="1:10" x14ac:dyDescent="0.35">
      <c r="A12457" t="s">
        <v>33</v>
      </c>
      <c r="B12457" t="s">
        <v>77</v>
      </c>
      <c r="C12457" t="s">
        <v>117</v>
      </c>
      <c r="D12457" t="s">
        <v>118</v>
      </c>
      <c r="E12457">
        <v>2015</v>
      </c>
      <c r="F12457">
        <v>2015</v>
      </c>
      <c r="G12457" t="s">
        <v>126</v>
      </c>
      <c r="H12457" t="s">
        <v>124</v>
      </c>
      <c r="I12457" t="s">
        <v>15</v>
      </c>
      <c r="J12457" s="10">
        <v>2.9076587900000002</v>
      </c>
    </row>
    <row r="12458" spans="1:10" x14ac:dyDescent="0.35">
      <c r="A12458" t="s">
        <v>33</v>
      </c>
      <c r="B12458" t="s">
        <v>77</v>
      </c>
      <c r="C12458" t="s">
        <v>117</v>
      </c>
      <c r="D12458" t="s">
        <v>118</v>
      </c>
      <c r="E12458">
        <v>2014</v>
      </c>
      <c r="F12458">
        <v>2014</v>
      </c>
      <c r="G12458" t="s">
        <v>14</v>
      </c>
      <c r="H12458" t="s">
        <v>119</v>
      </c>
      <c r="I12458" t="s">
        <v>15</v>
      </c>
      <c r="J12458" s="10">
        <v>17.714064090000001</v>
      </c>
    </row>
    <row r="12459" spans="1:10" x14ac:dyDescent="0.35">
      <c r="A12459" t="s">
        <v>33</v>
      </c>
      <c r="B12459" t="s">
        <v>77</v>
      </c>
      <c r="C12459" t="s">
        <v>117</v>
      </c>
      <c r="D12459" t="s">
        <v>118</v>
      </c>
      <c r="E12459">
        <v>2014</v>
      </c>
      <c r="F12459">
        <v>2014</v>
      </c>
      <c r="G12459" t="s">
        <v>14</v>
      </c>
      <c r="H12459" t="s">
        <v>120</v>
      </c>
      <c r="I12459" t="s">
        <v>15</v>
      </c>
      <c r="J12459" s="10">
        <v>10.19291265</v>
      </c>
    </row>
    <row r="12460" spans="1:10" x14ac:dyDescent="0.35">
      <c r="A12460" t="s">
        <v>33</v>
      </c>
      <c r="B12460" t="s">
        <v>77</v>
      </c>
      <c r="C12460" t="s">
        <v>117</v>
      </c>
      <c r="D12460" t="s">
        <v>118</v>
      </c>
      <c r="E12460">
        <v>2014</v>
      </c>
      <c r="F12460">
        <v>2014</v>
      </c>
      <c r="G12460" t="s">
        <v>14</v>
      </c>
      <c r="H12460" t="s">
        <v>121</v>
      </c>
      <c r="I12460" t="s">
        <v>15</v>
      </c>
      <c r="J12460" s="10">
        <v>31.015412900000001</v>
      </c>
    </row>
    <row r="12461" spans="1:10" x14ac:dyDescent="0.35">
      <c r="A12461" t="s">
        <v>33</v>
      </c>
      <c r="B12461" t="s">
        <v>77</v>
      </c>
      <c r="C12461" t="s">
        <v>117</v>
      </c>
      <c r="D12461" t="s">
        <v>118</v>
      </c>
      <c r="E12461">
        <v>2014</v>
      </c>
      <c r="F12461">
        <v>2014</v>
      </c>
      <c r="G12461" t="s">
        <v>14</v>
      </c>
      <c r="H12461" t="s">
        <v>122</v>
      </c>
      <c r="I12461" t="s">
        <v>15</v>
      </c>
      <c r="J12461" s="10">
        <v>21.259175200000001</v>
      </c>
    </row>
    <row r="12462" spans="1:10" x14ac:dyDescent="0.35">
      <c r="A12462" t="s">
        <v>33</v>
      </c>
      <c r="B12462" t="s">
        <v>77</v>
      </c>
      <c r="C12462" t="s">
        <v>117</v>
      </c>
      <c r="D12462" t="s">
        <v>118</v>
      </c>
      <c r="E12462">
        <v>2014</v>
      </c>
      <c r="F12462">
        <v>2014</v>
      </c>
      <c r="G12462" t="s">
        <v>14</v>
      </c>
      <c r="H12462" t="s">
        <v>123</v>
      </c>
      <c r="I12462" t="s">
        <v>15</v>
      </c>
      <c r="J12462" s="10">
        <v>17.64511542</v>
      </c>
    </row>
    <row r="12463" spans="1:10" x14ac:dyDescent="0.35">
      <c r="A12463" t="s">
        <v>33</v>
      </c>
      <c r="B12463" t="s">
        <v>77</v>
      </c>
      <c r="C12463" t="s">
        <v>117</v>
      </c>
      <c r="D12463" t="s">
        <v>118</v>
      </c>
      <c r="E12463">
        <v>2014</v>
      </c>
      <c r="F12463">
        <v>2014</v>
      </c>
      <c r="G12463" t="s">
        <v>14</v>
      </c>
      <c r="H12463" t="s">
        <v>124</v>
      </c>
      <c r="I12463" t="s">
        <v>15</v>
      </c>
      <c r="J12463" s="10">
        <v>2.1733197350000002</v>
      </c>
    </row>
    <row r="12464" spans="1:10" x14ac:dyDescent="0.35">
      <c r="A12464" t="s">
        <v>33</v>
      </c>
      <c r="B12464" t="s">
        <v>77</v>
      </c>
      <c r="C12464" t="s">
        <v>117</v>
      </c>
      <c r="D12464" t="s">
        <v>118</v>
      </c>
      <c r="E12464">
        <v>2014</v>
      </c>
      <c r="F12464">
        <v>2014</v>
      </c>
      <c r="G12464" t="s">
        <v>125</v>
      </c>
      <c r="H12464" t="s">
        <v>119</v>
      </c>
      <c r="I12464" t="s">
        <v>15</v>
      </c>
      <c r="J12464" s="10">
        <v>18.964188310000001</v>
      </c>
    </row>
    <row r="12465" spans="1:10" x14ac:dyDescent="0.35">
      <c r="A12465" t="s">
        <v>33</v>
      </c>
      <c r="B12465" t="s">
        <v>77</v>
      </c>
      <c r="C12465" t="s">
        <v>117</v>
      </c>
      <c r="D12465" t="s">
        <v>118</v>
      </c>
      <c r="E12465">
        <v>2014</v>
      </c>
      <c r="F12465">
        <v>2014</v>
      </c>
      <c r="G12465" t="s">
        <v>125</v>
      </c>
      <c r="H12465" t="s">
        <v>120</v>
      </c>
      <c r="I12465" t="s">
        <v>15</v>
      </c>
      <c r="J12465" s="10">
        <v>10.6664295</v>
      </c>
    </row>
    <row r="12466" spans="1:10" x14ac:dyDescent="0.35">
      <c r="A12466" t="s">
        <v>33</v>
      </c>
      <c r="B12466" t="s">
        <v>77</v>
      </c>
      <c r="C12466" t="s">
        <v>117</v>
      </c>
      <c r="D12466" t="s">
        <v>118</v>
      </c>
      <c r="E12466">
        <v>2014</v>
      </c>
      <c r="F12466">
        <v>2014</v>
      </c>
      <c r="G12466" t="s">
        <v>125</v>
      </c>
      <c r="H12466" t="s">
        <v>121</v>
      </c>
      <c r="I12466" t="s">
        <v>15</v>
      </c>
      <c r="J12466" s="10">
        <v>30.591130079999999</v>
      </c>
    </row>
    <row r="12467" spans="1:10" x14ac:dyDescent="0.35">
      <c r="A12467" t="s">
        <v>33</v>
      </c>
      <c r="B12467" t="s">
        <v>77</v>
      </c>
      <c r="C12467" t="s">
        <v>117</v>
      </c>
      <c r="D12467" t="s">
        <v>118</v>
      </c>
      <c r="E12467">
        <v>2014</v>
      </c>
      <c r="F12467">
        <v>2014</v>
      </c>
      <c r="G12467" t="s">
        <v>125</v>
      </c>
      <c r="H12467" t="s">
        <v>122</v>
      </c>
      <c r="I12467" t="s">
        <v>15</v>
      </c>
      <c r="J12467" s="10">
        <v>21.335823550000001</v>
      </c>
    </row>
    <row r="12468" spans="1:10" x14ac:dyDescent="0.35">
      <c r="A12468" t="s">
        <v>33</v>
      </c>
      <c r="B12468" t="s">
        <v>77</v>
      </c>
      <c r="C12468" t="s">
        <v>117</v>
      </c>
      <c r="D12468" t="s">
        <v>118</v>
      </c>
      <c r="E12468">
        <v>2014</v>
      </c>
      <c r="F12468">
        <v>2014</v>
      </c>
      <c r="G12468" t="s">
        <v>125</v>
      </c>
      <c r="H12468" t="s">
        <v>123</v>
      </c>
      <c r="I12468" t="s">
        <v>15</v>
      </c>
      <c r="J12468" s="10">
        <v>16.874184750000001</v>
      </c>
    </row>
    <row r="12469" spans="1:10" x14ac:dyDescent="0.35">
      <c r="A12469" t="s">
        <v>33</v>
      </c>
      <c r="B12469" t="s">
        <v>77</v>
      </c>
      <c r="C12469" t="s">
        <v>117</v>
      </c>
      <c r="D12469" t="s">
        <v>118</v>
      </c>
      <c r="E12469">
        <v>2014</v>
      </c>
      <c r="F12469">
        <v>2014</v>
      </c>
      <c r="G12469" t="s">
        <v>125</v>
      </c>
      <c r="H12469" t="s">
        <v>124</v>
      </c>
      <c r="I12469" t="s">
        <v>15</v>
      </c>
      <c r="J12469" s="10">
        <v>1.568243804</v>
      </c>
    </row>
    <row r="12470" spans="1:10" x14ac:dyDescent="0.35">
      <c r="A12470" t="s">
        <v>33</v>
      </c>
      <c r="B12470" t="s">
        <v>77</v>
      </c>
      <c r="C12470" t="s">
        <v>117</v>
      </c>
      <c r="D12470" t="s">
        <v>118</v>
      </c>
      <c r="E12470">
        <v>2014</v>
      </c>
      <c r="F12470">
        <v>2014</v>
      </c>
      <c r="G12470" t="s">
        <v>126</v>
      </c>
      <c r="H12470" t="s">
        <v>119</v>
      </c>
      <c r="I12470" t="s">
        <v>15</v>
      </c>
      <c r="J12470" s="10">
        <v>16.538943849999999</v>
      </c>
    </row>
    <row r="12471" spans="1:10" x14ac:dyDescent="0.35">
      <c r="A12471" t="s">
        <v>33</v>
      </c>
      <c r="B12471" t="s">
        <v>77</v>
      </c>
      <c r="C12471" t="s">
        <v>117</v>
      </c>
      <c r="D12471" t="s">
        <v>118</v>
      </c>
      <c r="E12471">
        <v>2014</v>
      </c>
      <c r="F12471">
        <v>2014</v>
      </c>
      <c r="G12471" t="s">
        <v>126</v>
      </c>
      <c r="H12471" t="s">
        <v>120</v>
      </c>
      <c r="I12471" t="s">
        <v>15</v>
      </c>
      <c r="J12471" s="10">
        <v>9.7478054899999993</v>
      </c>
    </row>
    <row r="12472" spans="1:10" x14ac:dyDescent="0.35">
      <c r="A12472" t="s">
        <v>33</v>
      </c>
      <c r="B12472" t="s">
        <v>77</v>
      </c>
      <c r="C12472" t="s">
        <v>117</v>
      </c>
      <c r="D12472" t="s">
        <v>118</v>
      </c>
      <c r="E12472">
        <v>2014</v>
      </c>
      <c r="F12472">
        <v>2014</v>
      </c>
      <c r="G12472" t="s">
        <v>126</v>
      </c>
      <c r="H12472" t="s">
        <v>121</v>
      </c>
      <c r="I12472" t="s">
        <v>15</v>
      </c>
      <c r="J12472" s="10">
        <v>31.414239930000001</v>
      </c>
    </row>
    <row r="12473" spans="1:10" x14ac:dyDescent="0.35">
      <c r="A12473" t="s">
        <v>33</v>
      </c>
      <c r="B12473" t="s">
        <v>77</v>
      </c>
      <c r="C12473" t="s">
        <v>117</v>
      </c>
      <c r="D12473" t="s">
        <v>118</v>
      </c>
      <c r="E12473">
        <v>2014</v>
      </c>
      <c r="F12473">
        <v>2014</v>
      </c>
      <c r="G12473" t="s">
        <v>126</v>
      </c>
      <c r="H12473" t="s">
        <v>122</v>
      </c>
      <c r="I12473" t="s">
        <v>15</v>
      </c>
      <c r="J12473" s="10">
        <v>21.18712554</v>
      </c>
    </row>
    <row r="12474" spans="1:10" x14ac:dyDescent="0.35">
      <c r="A12474" t="s">
        <v>33</v>
      </c>
      <c r="B12474" t="s">
        <v>77</v>
      </c>
      <c r="C12474" t="s">
        <v>117</v>
      </c>
      <c r="D12474" t="s">
        <v>118</v>
      </c>
      <c r="E12474">
        <v>2014</v>
      </c>
      <c r="F12474">
        <v>2014</v>
      </c>
      <c r="G12474" t="s">
        <v>126</v>
      </c>
      <c r="H12474" t="s">
        <v>123</v>
      </c>
      <c r="I12474" t="s">
        <v>15</v>
      </c>
      <c r="J12474" s="10">
        <v>18.369792390000001</v>
      </c>
    </row>
    <row r="12475" spans="1:10" x14ac:dyDescent="0.35">
      <c r="A12475" t="s">
        <v>33</v>
      </c>
      <c r="B12475" t="s">
        <v>77</v>
      </c>
      <c r="C12475" t="s">
        <v>117</v>
      </c>
      <c r="D12475" t="s">
        <v>118</v>
      </c>
      <c r="E12475">
        <v>2014</v>
      </c>
      <c r="F12475">
        <v>2014</v>
      </c>
      <c r="G12475" t="s">
        <v>126</v>
      </c>
      <c r="H12475" t="s">
        <v>124</v>
      </c>
      <c r="I12475" t="s">
        <v>15</v>
      </c>
      <c r="J12475" s="10">
        <v>2.7420927960000001</v>
      </c>
    </row>
    <row r="12476" spans="1:10" x14ac:dyDescent="0.35">
      <c r="A12476" t="s">
        <v>33</v>
      </c>
      <c r="B12476" t="s">
        <v>77</v>
      </c>
      <c r="C12476" t="s">
        <v>117</v>
      </c>
      <c r="D12476" t="s">
        <v>118</v>
      </c>
      <c r="E12476">
        <v>2013</v>
      </c>
      <c r="F12476">
        <v>2013</v>
      </c>
      <c r="G12476" t="s">
        <v>14</v>
      </c>
      <c r="H12476" t="s">
        <v>119</v>
      </c>
      <c r="I12476" t="s">
        <v>15</v>
      </c>
      <c r="J12476" s="10">
        <v>17.804664760000001</v>
      </c>
    </row>
    <row r="12477" spans="1:10" x14ac:dyDescent="0.35">
      <c r="A12477" t="s">
        <v>33</v>
      </c>
      <c r="B12477" t="s">
        <v>77</v>
      </c>
      <c r="C12477" t="s">
        <v>117</v>
      </c>
      <c r="D12477" t="s">
        <v>118</v>
      </c>
      <c r="E12477">
        <v>2013</v>
      </c>
      <c r="F12477">
        <v>2013</v>
      </c>
      <c r="G12477" t="s">
        <v>14</v>
      </c>
      <c r="H12477" t="s">
        <v>120</v>
      </c>
      <c r="I12477" t="s">
        <v>15</v>
      </c>
      <c r="J12477" s="10">
        <v>10.34304801</v>
      </c>
    </row>
    <row r="12478" spans="1:10" x14ac:dyDescent="0.35">
      <c r="A12478" t="s">
        <v>33</v>
      </c>
      <c r="B12478" t="s">
        <v>77</v>
      </c>
      <c r="C12478" t="s">
        <v>117</v>
      </c>
      <c r="D12478" t="s">
        <v>118</v>
      </c>
      <c r="E12478">
        <v>2013</v>
      </c>
      <c r="F12478">
        <v>2013</v>
      </c>
      <c r="G12478" t="s">
        <v>14</v>
      </c>
      <c r="H12478" t="s">
        <v>121</v>
      </c>
      <c r="I12478" t="s">
        <v>15</v>
      </c>
      <c r="J12478" s="10">
        <v>31.6599051</v>
      </c>
    </row>
    <row r="12479" spans="1:10" x14ac:dyDescent="0.35">
      <c r="A12479" t="s">
        <v>33</v>
      </c>
      <c r="B12479" t="s">
        <v>77</v>
      </c>
      <c r="C12479" t="s">
        <v>117</v>
      </c>
      <c r="D12479" t="s">
        <v>118</v>
      </c>
      <c r="E12479">
        <v>2013</v>
      </c>
      <c r="F12479">
        <v>2013</v>
      </c>
      <c r="G12479" t="s">
        <v>14</v>
      </c>
      <c r="H12479" t="s">
        <v>122</v>
      </c>
      <c r="I12479" t="s">
        <v>15</v>
      </c>
      <c r="J12479" s="10">
        <v>21.057384920000001</v>
      </c>
    </row>
    <row r="12480" spans="1:10" x14ac:dyDescent="0.35">
      <c r="A12480" t="s">
        <v>33</v>
      </c>
      <c r="B12480" t="s">
        <v>77</v>
      </c>
      <c r="C12480" t="s">
        <v>117</v>
      </c>
      <c r="D12480" t="s">
        <v>118</v>
      </c>
      <c r="E12480">
        <v>2013</v>
      </c>
      <c r="F12480">
        <v>2013</v>
      </c>
      <c r="G12480" t="s">
        <v>14</v>
      </c>
      <c r="H12480" t="s">
        <v>123</v>
      </c>
      <c r="I12480" t="s">
        <v>15</v>
      </c>
      <c r="J12480" s="10">
        <v>17.112261140000001</v>
      </c>
    </row>
    <row r="12481" spans="1:10" x14ac:dyDescent="0.35">
      <c r="A12481" t="s">
        <v>33</v>
      </c>
      <c r="B12481" t="s">
        <v>77</v>
      </c>
      <c r="C12481" t="s">
        <v>117</v>
      </c>
      <c r="D12481" t="s">
        <v>118</v>
      </c>
      <c r="E12481">
        <v>2013</v>
      </c>
      <c r="F12481">
        <v>2013</v>
      </c>
      <c r="G12481" t="s">
        <v>14</v>
      </c>
      <c r="H12481" t="s">
        <v>124</v>
      </c>
      <c r="I12481" t="s">
        <v>15</v>
      </c>
      <c r="J12481" s="10">
        <v>2.022736069</v>
      </c>
    </row>
    <row r="12482" spans="1:10" x14ac:dyDescent="0.35">
      <c r="A12482" t="s">
        <v>33</v>
      </c>
      <c r="B12482" t="s">
        <v>77</v>
      </c>
      <c r="C12482" t="s">
        <v>117</v>
      </c>
      <c r="D12482" t="s">
        <v>118</v>
      </c>
      <c r="E12482">
        <v>2013</v>
      </c>
      <c r="F12482">
        <v>2013</v>
      </c>
      <c r="G12482" t="s">
        <v>125</v>
      </c>
      <c r="H12482" t="s">
        <v>119</v>
      </c>
      <c r="I12482" t="s">
        <v>15</v>
      </c>
      <c r="J12482" s="10">
        <v>19.0756576</v>
      </c>
    </row>
    <row r="12483" spans="1:10" x14ac:dyDescent="0.35">
      <c r="A12483" t="s">
        <v>33</v>
      </c>
      <c r="B12483" t="s">
        <v>77</v>
      </c>
      <c r="C12483" t="s">
        <v>117</v>
      </c>
      <c r="D12483" t="s">
        <v>118</v>
      </c>
      <c r="E12483">
        <v>2013</v>
      </c>
      <c r="F12483">
        <v>2013</v>
      </c>
      <c r="G12483" t="s">
        <v>125</v>
      </c>
      <c r="H12483" t="s">
        <v>120</v>
      </c>
      <c r="I12483" t="s">
        <v>15</v>
      </c>
      <c r="J12483" s="10">
        <v>10.63407995</v>
      </c>
    </row>
    <row r="12484" spans="1:10" x14ac:dyDescent="0.35">
      <c r="A12484" t="s">
        <v>33</v>
      </c>
      <c r="B12484" t="s">
        <v>77</v>
      </c>
      <c r="C12484" t="s">
        <v>117</v>
      </c>
      <c r="D12484" t="s">
        <v>118</v>
      </c>
      <c r="E12484">
        <v>2013</v>
      </c>
      <c r="F12484">
        <v>2013</v>
      </c>
      <c r="G12484" t="s">
        <v>125</v>
      </c>
      <c r="H12484" t="s">
        <v>121</v>
      </c>
      <c r="I12484" t="s">
        <v>15</v>
      </c>
      <c r="J12484" s="10">
        <v>31.41698967</v>
      </c>
    </row>
    <row r="12485" spans="1:10" x14ac:dyDescent="0.35">
      <c r="A12485" t="s">
        <v>33</v>
      </c>
      <c r="B12485" t="s">
        <v>77</v>
      </c>
      <c r="C12485" t="s">
        <v>117</v>
      </c>
      <c r="D12485" t="s">
        <v>118</v>
      </c>
      <c r="E12485">
        <v>2013</v>
      </c>
      <c r="F12485">
        <v>2013</v>
      </c>
      <c r="G12485" t="s">
        <v>125</v>
      </c>
      <c r="H12485" t="s">
        <v>122</v>
      </c>
      <c r="I12485" t="s">
        <v>15</v>
      </c>
      <c r="J12485" s="10">
        <v>21.15572388</v>
      </c>
    </row>
    <row r="12486" spans="1:10" x14ac:dyDescent="0.35">
      <c r="A12486" t="s">
        <v>33</v>
      </c>
      <c r="B12486" t="s">
        <v>77</v>
      </c>
      <c r="C12486" t="s">
        <v>117</v>
      </c>
      <c r="D12486" t="s">
        <v>118</v>
      </c>
      <c r="E12486">
        <v>2013</v>
      </c>
      <c r="F12486">
        <v>2013</v>
      </c>
      <c r="G12486" t="s">
        <v>125</v>
      </c>
      <c r="H12486" t="s">
        <v>123</v>
      </c>
      <c r="I12486" t="s">
        <v>15</v>
      </c>
      <c r="J12486" s="10">
        <v>16.297304489999998</v>
      </c>
    </row>
    <row r="12487" spans="1:10" x14ac:dyDescent="0.35">
      <c r="A12487" t="s">
        <v>33</v>
      </c>
      <c r="B12487" t="s">
        <v>77</v>
      </c>
      <c r="C12487" t="s">
        <v>117</v>
      </c>
      <c r="D12487" t="s">
        <v>118</v>
      </c>
      <c r="E12487">
        <v>2013</v>
      </c>
      <c r="F12487">
        <v>2013</v>
      </c>
      <c r="G12487" t="s">
        <v>125</v>
      </c>
      <c r="H12487" t="s">
        <v>124</v>
      </c>
      <c r="I12487" t="s">
        <v>15</v>
      </c>
      <c r="J12487" s="10">
        <v>1.4202444000000001</v>
      </c>
    </row>
    <row r="12488" spans="1:10" x14ac:dyDescent="0.35">
      <c r="A12488" t="s">
        <v>33</v>
      </c>
      <c r="B12488" t="s">
        <v>77</v>
      </c>
      <c r="C12488" t="s">
        <v>117</v>
      </c>
      <c r="D12488" t="s">
        <v>118</v>
      </c>
      <c r="E12488">
        <v>2013</v>
      </c>
      <c r="F12488">
        <v>2013</v>
      </c>
      <c r="G12488" t="s">
        <v>126</v>
      </c>
      <c r="H12488" t="s">
        <v>119</v>
      </c>
      <c r="I12488" t="s">
        <v>15</v>
      </c>
      <c r="J12488" s="10">
        <v>16.610122359999998</v>
      </c>
    </row>
    <row r="12489" spans="1:10" x14ac:dyDescent="0.35">
      <c r="A12489" t="s">
        <v>33</v>
      </c>
      <c r="B12489" t="s">
        <v>77</v>
      </c>
      <c r="C12489" t="s">
        <v>117</v>
      </c>
      <c r="D12489" t="s">
        <v>118</v>
      </c>
      <c r="E12489">
        <v>2013</v>
      </c>
      <c r="F12489">
        <v>2013</v>
      </c>
      <c r="G12489" t="s">
        <v>126</v>
      </c>
      <c r="H12489" t="s">
        <v>120</v>
      </c>
      <c r="I12489" t="s">
        <v>15</v>
      </c>
      <c r="J12489" s="10">
        <v>10.06952169</v>
      </c>
    </row>
    <row r="12490" spans="1:10" x14ac:dyDescent="0.35">
      <c r="A12490" t="s">
        <v>33</v>
      </c>
      <c r="B12490" t="s">
        <v>77</v>
      </c>
      <c r="C12490" t="s">
        <v>117</v>
      </c>
      <c r="D12490" t="s">
        <v>118</v>
      </c>
      <c r="E12490">
        <v>2013</v>
      </c>
      <c r="F12490">
        <v>2013</v>
      </c>
      <c r="G12490" t="s">
        <v>126</v>
      </c>
      <c r="H12490" t="s">
        <v>121</v>
      </c>
      <c r="I12490" t="s">
        <v>15</v>
      </c>
      <c r="J12490" s="10">
        <v>31.888209119999999</v>
      </c>
    </row>
    <row r="12491" spans="1:10" x14ac:dyDescent="0.35">
      <c r="A12491" t="s">
        <v>33</v>
      </c>
      <c r="B12491" t="s">
        <v>77</v>
      </c>
      <c r="C12491" t="s">
        <v>117</v>
      </c>
      <c r="D12491" t="s">
        <v>118</v>
      </c>
      <c r="E12491">
        <v>2013</v>
      </c>
      <c r="F12491">
        <v>2013</v>
      </c>
      <c r="G12491" t="s">
        <v>126</v>
      </c>
      <c r="H12491" t="s">
        <v>122</v>
      </c>
      <c r="I12491" t="s">
        <v>15</v>
      </c>
      <c r="J12491" s="10">
        <v>20.964961070000001</v>
      </c>
    </row>
    <row r="12492" spans="1:10" x14ac:dyDescent="0.35">
      <c r="A12492" t="s">
        <v>33</v>
      </c>
      <c r="B12492" t="s">
        <v>77</v>
      </c>
      <c r="C12492" t="s">
        <v>117</v>
      </c>
      <c r="D12492" t="s">
        <v>118</v>
      </c>
      <c r="E12492">
        <v>2013</v>
      </c>
      <c r="F12492">
        <v>2013</v>
      </c>
      <c r="G12492" t="s">
        <v>126</v>
      </c>
      <c r="H12492" t="s">
        <v>123</v>
      </c>
      <c r="I12492" t="s">
        <v>15</v>
      </c>
      <c r="J12492" s="10">
        <v>17.878198000000001</v>
      </c>
    </row>
    <row r="12493" spans="1:10" x14ac:dyDescent="0.35">
      <c r="A12493" t="s">
        <v>33</v>
      </c>
      <c r="B12493" t="s">
        <v>77</v>
      </c>
      <c r="C12493" t="s">
        <v>117</v>
      </c>
      <c r="D12493" t="s">
        <v>118</v>
      </c>
      <c r="E12493">
        <v>2013</v>
      </c>
      <c r="F12493">
        <v>2013</v>
      </c>
      <c r="G12493" t="s">
        <v>126</v>
      </c>
      <c r="H12493" t="s">
        <v>124</v>
      </c>
      <c r="I12493" t="s">
        <v>15</v>
      </c>
      <c r="J12493" s="10">
        <v>2.5889877640000001</v>
      </c>
    </row>
    <row r="12494" spans="1:10" x14ac:dyDescent="0.35">
      <c r="A12494" t="s">
        <v>33</v>
      </c>
      <c r="B12494" t="s">
        <v>77</v>
      </c>
      <c r="C12494" t="s">
        <v>117</v>
      </c>
      <c r="D12494" t="s">
        <v>118</v>
      </c>
      <c r="E12494">
        <v>2012</v>
      </c>
      <c r="F12494">
        <v>2012</v>
      </c>
      <c r="G12494" t="s">
        <v>14</v>
      </c>
      <c r="H12494" t="s">
        <v>119</v>
      </c>
      <c r="I12494" t="s">
        <v>15</v>
      </c>
      <c r="J12494" s="10">
        <v>17.903942610000001</v>
      </c>
    </row>
    <row r="12495" spans="1:10" x14ac:dyDescent="0.35">
      <c r="A12495" t="s">
        <v>33</v>
      </c>
      <c r="B12495" t="s">
        <v>77</v>
      </c>
      <c r="C12495" t="s">
        <v>117</v>
      </c>
      <c r="D12495" t="s">
        <v>118</v>
      </c>
      <c r="E12495">
        <v>2012</v>
      </c>
      <c r="F12495">
        <v>2012</v>
      </c>
      <c r="G12495" t="s">
        <v>14</v>
      </c>
      <c r="H12495" t="s">
        <v>120</v>
      </c>
      <c r="I12495" t="s">
        <v>15</v>
      </c>
      <c r="J12495" s="10">
        <v>10.46313894</v>
      </c>
    </row>
    <row r="12496" spans="1:10" x14ac:dyDescent="0.35">
      <c r="A12496" t="s">
        <v>33</v>
      </c>
      <c r="B12496" t="s">
        <v>77</v>
      </c>
      <c r="C12496" t="s">
        <v>117</v>
      </c>
      <c r="D12496" t="s">
        <v>118</v>
      </c>
      <c r="E12496">
        <v>2012</v>
      </c>
      <c r="F12496">
        <v>2012</v>
      </c>
      <c r="G12496" t="s">
        <v>14</v>
      </c>
      <c r="H12496" t="s">
        <v>121</v>
      </c>
      <c r="I12496" t="s">
        <v>15</v>
      </c>
      <c r="J12496" s="10">
        <v>31.988167879999999</v>
      </c>
    </row>
    <row r="12497" spans="1:10" x14ac:dyDescent="0.35">
      <c r="A12497" t="s">
        <v>33</v>
      </c>
      <c r="B12497" t="s">
        <v>77</v>
      </c>
      <c r="C12497" t="s">
        <v>117</v>
      </c>
      <c r="D12497" t="s">
        <v>118</v>
      </c>
      <c r="E12497">
        <v>2012</v>
      </c>
      <c r="F12497">
        <v>2012</v>
      </c>
      <c r="G12497" t="s">
        <v>14</v>
      </c>
      <c r="H12497" t="s">
        <v>122</v>
      </c>
      <c r="I12497" t="s">
        <v>15</v>
      </c>
      <c r="J12497" s="10">
        <v>21.032023890000001</v>
      </c>
    </row>
    <row r="12498" spans="1:10" x14ac:dyDescent="0.35">
      <c r="A12498" t="s">
        <v>33</v>
      </c>
      <c r="B12498" t="s">
        <v>77</v>
      </c>
      <c r="C12498" t="s">
        <v>117</v>
      </c>
      <c r="D12498" t="s">
        <v>118</v>
      </c>
      <c r="E12498">
        <v>2012</v>
      </c>
      <c r="F12498">
        <v>2012</v>
      </c>
      <c r="G12498" t="s">
        <v>14</v>
      </c>
      <c r="H12498" t="s">
        <v>123</v>
      </c>
      <c r="I12498" t="s">
        <v>15</v>
      </c>
      <c r="J12498" s="10">
        <v>16.6521385</v>
      </c>
    </row>
    <row r="12499" spans="1:10" x14ac:dyDescent="0.35">
      <c r="A12499" t="s">
        <v>33</v>
      </c>
      <c r="B12499" t="s">
        <v>77</v>
      </c>
      <c r="C12499" t="s">
        <v>117</v>
      </c>
      <c r="D12499" t="s">
        <v>118</v>
      </c>
      <c r="E12499">
        <v>2012</v>
      </c>
      <c r="F12499">
        <v>2012</v>
      </c>
      <c r="G12499" t="s">
        <v>14</v>
      </c>
      <c r="H12499" t="s">
        <v>124</v>
      </c>
      <c r="I12499" t="s">
        <v>15</v>
      </c>
      <c r="J12499" s="10">
        <v>1.9605881759999999</v>
      </c>
    </row>
    <row r="12500" spans="1:10" x14ac:dyDescent="0.35">
      <c r="A12500" t="s">
        <v>33</v>
      </c>
      <c r="B12500" t="s">
        <v>77</v>
      </c>
      <c r="C12500" t="s">
        <v>117</v>
      </c>
      <c r="D12500" t="s">
        <v>118</v>
      </c>
      <c r="E12500">
        <v>2012</v>
      </c>
      <c r="F12500">
        <v>2012</v>
      </c>
      <c r="G12500" t="s">
        <v>125</v>
      </c>
      <c r="H12500" t="s">
        <v>119</v>
      </c>
      <c r="I12500" t="s">
        <v>15</v>
      </c>
      <c r="J12500" s="10">
        <v>19.14333856</v>
      </c>
    </row>
    <row r="12501" spans="1:10" x14ac:dyDescent="0.35">
      <c r="A12501" t="s">
        <v>33</v>
      </c>
      <c r="B12501" t="s">
        <v>77</v>
      </c>
      <c r="C12501" t="s">
        <v>117</v>
      </c>
      <c r="D12501" t="s">
        <v>118</v>
      </c>
      <c r="E12501">
        <v>2012</v>
      </c>
      <c r="F12501">
        <v>2012</v>
      </c>
      <c r="G12501" t="s">
        <v>125</v>
      </c>
      <c r="H12501" t="s">
        <v>120</v>
      </c>
      <c r="I12501" t="s">
        <v>15</v>
      </c>
      <c r="J12501" s="10">
        <v>10.69200981</v>
      </c>
    </row>
    <row r="12502" spans="1:10" x14ac:dyDescent="0.35">
      <c r="A12502" t="s">
        <v>33</v>
      </c>
      <c r="B12502" t="s">
        <v>77</v>
      </c>
      <c r="C12502" t="s">
        <v>117</v>
      </c>
      <c r="D12502" t="s">
        <v>118</v>
      </c>
      <c r="E12502">
        <v>2012</v>
      </c>
      <c r="F12502">
        <v>2012</v>
      </c>
      <c r="G12502" t="s">
        <v>125</v>
      </c>
      <c r="H12502" t="s">
        <v>121</v>
      </c>
      <c r="I12502" t="s">
        <v>15</v>
      </c>
      <c r="J12502" s="10">
        <v>31.87206243</v>
      </c>
    </row>
    <row r="12503" spans="1:10" x14ac:dyDescent="0.35">
      <c r="A12503" t="s">
        <v>33</v>
      </c>
      <c r="B12503" t="s">
        <v>77</v>
      </c>
      <c r="C12503" t="s">
        <v>117</v>
      </c>
      <c r="D12503" t="s">
        <v>118</v>
      </c>
      <c r="E12503">
        <v>2012</v>
      </c>
      <c r="F12503">
        <v>2012</v>
      </c>
      <c r="G12503" t="s">
        <v>125</v>
      </c>
      <c r="H12503" t="s">
        <v>122</v>
      </c>
      <c r="I12503" t="s">
        <v>15</v>
      </c>
      <c r="J12503" s="10">
        <v>21.144580090000002</v>
      </c>
    </row>
    <row r="12504" spans="1:10" x14ac:dyDescent="0.35">
      <c r="A12504" t="s">
        <v>33</v>
      </c>
      <c r="B12504" t="s">
        <v>77</v>
      </c>
      <c r="C12504" t="s">
        <v>117</v>
      </c>
      <c r="D12504" t="s">
        <v>118</v>
      </c>
      <c r="E12504">
        <v>2012</v>
      </c>
      <c r="F12504">
        <v>2012</v>
      </c>
      <c r="G12504" t="s">
        <v>125</v>
      </c>
      <c r="H12504" t="s">
        <v>123</v>
      </c>
      <c r="I12504" t="s">
        <v>15</v>
      </c>
      <c r="J12504" s="10">
        <v>15.83848178</v>
      </c>
    </row>
    <row r="12505" spans="1:10" x14ac:dyDescent="0.35">
      <c r="A12505" t="s">
        <v>33</v>
      </c>
      <c r="B12505" t="s">
        <v>77</v>
      </c>
      <c r="C12505" t="s">
        <v>117</v>
      </c>
      <c r="D12505" t="s">
        <v>118</v>
      </c>
      <c r="E12505">
        <v>2012</v>
      </c>
      <c r="F12505">
        <v>2012</v>
      </c>
      <c r="G12505" t="s">
        <v>125</v>
      </c>
      <c r="H12505" t="s">
        <v>124</v>
      </c>
      <c r="I12505" t="s">
        <v>15</v>
      </c>
      <c r="J12505" s="10">
        <v>1.309527329</v>
      </c>
    </row>
    <row r="12506" spans="1:10" x14ac:dyDescent="0.35">
      <c r="A12506" t="s">
        <v>33</v>
      </c>
      <c r="B12506" t="s">
        <v>77</v>
      </c>
      <c r="C12506" t="s">
        <v>117</v>
      </c>
      <c r="D12506" t="s">
        <v>118</v>
      </c>
      <c r="E12506">
        <v>2012</v>
      </c>
      <c r="F12506">
        <v>2012</v>
      </c>
      <c r="G12506" t="s">
        <v>126</v>
      </c>
      <c r="H12506" t="s">
        <v>119</v>
      </c>
      <c r="I12506" t="s">
        <v>15</v>
      </c>
      <c r="J12506" s="10">
        <v>16.744121719999999</v>
      </c>
    </row>
    <row r="12507" spans="1:10" x14ac:dyDescent="0.35">
      <c r="A12507" t="s">
        <v>33</v>
      </c>
      <c r="B12507" t="s">
        <v>77</v>
      </c>
      <c r="C12507" t="s">
        <v>117</v>
      </c>
      <c r="D12507" t="s">
        <v>118</v>
      </c>
      <c r="E12507">
        <v>2012</v>
      </c>
      <c r="F12507">
        <v>2012</v>
      </c>
      <c r="G12507" t="s">
        <v>126</v>
      </c>
      <c r="H12507" t="s">
        <v>120</v>
      </c>
      <c r="I12507" t="s">
        <v>15</v>
      </c>
      <c r="J12507" s="10">
        <v>10.24896266</v>
      </c>
    </row>
    <row r="12508" spans="1:10" x14ac:dyDescent="0.35">
      <c r="A12508" t="s">
        <v>33</v>
      </c>
      <c r="B12508" t="s">
        <v>77</v>
      </c>
      <c r="C12508" t="s">
        <v>117</v>
      </c>
      <c r="D12508" t="s">
        <v>118</v>
      </c>
      <c r="E12508">
        <v>2012</v>
      </c>
      <c r="F12508">
        <v>2012</v>
      </c>
      <c r="G12508" t="s">
        <v>126</v>
      </c>
      <c r="H12508" t="s">
        <v>121</v>
      </c>
      <c r="I12508" t="s">
        <v>15</v>
      </c>
      <c r="J12508" s="10">
        <v>32.096818810000002</v>
      </c>
    </row>
    <row r="12509" spans="1:10" x14ac:dyDescent="0.35">
      <c r="A12509" t="s">
        <v>33</v>
      </c>
      <c r="B12509" t="s">
        <v>77</v>
      </c>
      <c r="C12509" t="s">
        <v>117</v>
      </c>
      <c r="D12509" t="s">
        <v>118</v>
      </c>
      <c r="E12509">
        <v>2012</v>
      </c>
      <c r="F12509">
        <v>2012</v>
      </c>
      <c r="G12509" t="s">
        <v>126</v>
      </c>
      <c r="H12509" t="s">
        <v>122</v>
      </c>
      <c r="I12509" t="s">
        <v>15</v>
      </c>
      <c r="J12509" s="10">
        <v>20.92669433</v>
      </c>
    </row>
    <row r="12510" spans="1:10" x14ac:dyDescent="0.35">
      <c r="A12510" t="s">
        <v>33</v>
      </c>
      <c r="B12510" t="s">
        <v>77</v>
      </c>
      <c r="C12510" t="s">
        <v>117</v>
      </c>
      <c r="D12510" t="s">
        <v>118</v>
      </c>
      <c r="E12510">
        <v>2012</v>
      </c>
      <c r="F12510">
        <v>2012</v>
      </c>
      <c r="G12510" t="s">
        <v>126</v>
      </c>
      <c r="H12510" t="s">
        <v>123</v>
      </c>
      <c r="I12510" t="s">
        <v>15</v>
      </c>
      <c r="J12510" s="10">
        <v>17.41355463</v>
      </c>
    </row>
    <row r="12511" spans="1:10" x14ac:dyDescent="0.35">
      <c r="A12511" t="s">
        <v>33</v>
      </c>
      <c r="B12511" t="s">
        <v>77</v>
      </c>
      <c r="C12511" t="s">
        <v>117</v>
      </c>
      <c r="D12511" t="s">
        <v>118</v>
      </c>
      <c r="E12511">
        <v>2012</v>
      </c>
      <c r="F12511">
        <v>2012</v>
      </c>
      <c r="G12511" t="s">
        <v>126</v>
      </c>
      <c r="H12511" t="s">
        <v>124</v>
      </c>
      <c r="I12511" t="s">
        <v>15</v>
      </c>
      <c r="J12511" s="10">
        <v>2.569847856</v>
      </c>
    </row>
    <row r="12512" spans="1:10" x14ac:dyDescent="0.35">
      <c r="A12512" t="s">
        <v>33</v>
      </c>
      <c r="B12512" t="s">
        <v>77</v>
      </c>
      <c r="C12512" t="s">
        <v>117</v>
      </c>
      <c r="D12512" t="s">
        <v>118</v>
      </c>
      <c r="E12512">
        <v>2011</v>
      </c>
      <c r="F12512">
        <v>2011</v>
      </c>
      <c r="G12512" t="s">
        <v>14</v>
      </c>
      <c r="H12512" t="s">
        <v>119</v>
      </c>
      <c r="I12512" t="s">
        <v>15</v>
      </c>
      <c r="J12512" s="10">
        <v>17.999571339999999</v>
      </c>
    </row>
    <row r="12513" spans="1:10" x14ac:dyDescent="0.35">
      <c r="A12513" t="s">
        <v>33</v>
      </c>
      <c r="B12513" t="s">
        <v>77</v>
      </c>
      <c r="C12513" t="s">
        <v>117</v>
      </c>
      <c r="D12513" t="s">
        <v>118</v>
      </c>
      <c r="E12513">
        <v>2011</v>
      </c>
      <c r="F12513">
        <v>2011</v>
      </c>
      <c r="G12513" t="s">
        <v>14</v>
      </c>
      <c r="H12513" t="s">
        <v>120</v>
      </c>
      <c r="I12513" t="s">
        <v>15</v>
      </c>
      <c r="J12513" s="10">
        <v>10.367935989999999</v>
      </c>
    </row>
    <row r="12514" spans="1:10" x14ac:dyDescent="0.35">
      <c r="A12514" t="s">
        <v>33</v>
      </c>
      <c r="B12514" t="s">
        <v>77</v>
      </c>
      <c r="C12514" t="s">
        <v>117</v>
      </c>
      <c r="D12514" t="s">
        <v>118</v>
      </c>
      <c r="E12514">
        <v>2011</v>
      </c>
      <c r="F12514">
        <v>2011</v>
      </c>
      <c r="G12514" t="s">
        <v>14</v>
      </c>
      <c r="H12514" t="s">
        <v>121</v>
      </c>
      <c r="I12514" t="s">
        <v>15</v>
      </c>
      <c r="J12514" s="10">
        <v>32.588411800000003</v>
      </c>
    </row>
    <row r="12515" spans="1:10" x14ac:dyDescent="0.35">
      <c r="A12515" t="s">
        <v>33</v>
      </c>
      <c r="B12515" t="s">
        <v>77</v>
      </c>
      <c r="C12515" t="s">
        <v>117</v>
      </c>
      <c r="D12515" t="s">
        <v>118</v>
      </c>
      <c r="E12515">
        <v>2011</v>
      </c>
      <c r="F12515">
        <v>2011</v>
      </c>
      <c r="G12515" t="s">
        <v>14</v>
      </c>
      <c r="H12515" t="s">
        <v>122</v>
      </c>
      <c r="I12515" t="s">
        <v>15</v>
      </c>
      <c r="J12515" s="10">
        <v>21.091662500000002</v>
      </c>
    </row>
    <row r="12516" spans="1:10" x14ac:dyDescent="0.35">
      <c r="A12516" t="s">
        <v>33</v>
      </c>
      <c r="B12516" t="s">
        <v>77</v>
      </c>
      <c r="C12516" t="s">
        <v>117</v>
      </c>
      <c r="D12516" t="s">
        <v>118</v>
      </c>
      <c r="E12516">
        <v>2011</v>
      </c>
      <c r="F12516">
        <v>2011</v>
      </c>
      <c r="G12516" t="s">
        <v>14</v>
      </c>
      <c r="H12516" t="s">
        <v>123</v>
      </c>
      <c r="I12516" t="s">
        <v>15</v>
      </c>
      <c r="J12516" s="10">
        <v>16.03486461</v>
      </c>
    </row>
    <row r="12517" spans="1:10" x14ac:dyDescent="0.35">
      <c r="A12517" t="s">
        <v>33</v>
      </c>
      <c r="B12517" t="s">
        <v>77</v>
      </c>
      <c r="C12517" t="s">
        <v>117</v>
      </c>
      <c r="D12517" t="s">
        <v>118</v>
      </c>
      <c r="E12517">
        <v>2011</v>
      </c>
      <c r="F12517">
        <v>2011</v>
      </c>
      <c r="G12517" t="s">
        <v>14</v>
      </c>
      <c r="H12517" t="s">
        <v>124</v>
      </c>
      <c r="I12517" t="s">
        <v>15</v>
      </c>
      <c r="J12517" s="10">
        <v>1.9175537620000001</v>
      </c>
    </row>
    <row r="12518" spans="1:10" x14ac:dyDescent="0.35">
      <c r="A12518" t="s">
        <v>33</v>
      </c>
      <c r="B12518" t="s">
        <v>77</v>
      </c>
      <c r="C12518" t="s">
        <v>117</v>
      </c>
      <c r="D12518" t="s">
        <v>118</v>
      </c>
      <c r="E12518">
        <v>2011</v>
      </c>
      <c r="F12518">
        <v>2011</v>
      </c>
      <c r="G12518" t="s">
        <v>125</v>
      </c>
      <c r="H12518" t="s">
        <v>119</v>
      </c>
      <c r="I12518" t="s">
        <v>15</v>
      </c>
      <c r="J12518" s="10">
        <v>19.123128810000001</v>
      </c>
    </row>
    <row r="12519" spans="1:10" x14ac:dyDescent="0.35">
      <c r="A12519" t="s">
        <v>33</v>
      </c>
      <c r="B12519" t="s">
        <v>77</v>
      </c>
      <c r="C12519" t="s">
        <v>117</v>
      </c>
      <c r="D12519" t="s">
        <v>118</v>
      </c>
      <c r="E12519">
        <v>2011</v>
      </c>
      <c r="F12519">
        <v>2011</v>
      </c>
      <c r="G12519" t="s">
        <v>125</v>
      </c>
      <c r="H12519" t="s">
        <v>120</v>
      </c>
      <c r="I12519" t="s">
        <v>15</v>
      </c>
      <c r="J12519" s="10">
        <v>10.602922899999999</v>
      </c>
    </row>
    <row r="12520" spans="1:10" x14ac:dyDescent="0.35">
      <c r="A12520" t="s">
        <v>33</v>
      </c>
      <c r="B12520" t="s">
        <v>77</v>
      </c>
      <c r="C12520" t="s">
        <v>117</v>
      </c>
      <c r="D12520" t="s">
        <v>118</v>
      </c>
      <c r="E12520">
        <v>2011</v>
      </c>
      <c r="F12520">
        <v>2011</v>
      </c>
      <c r="G12520" t="s">
        <v>125</v>
      </c>
      <c r="H12520" t="s">
        <v>121</v>
      </c>
      <c r="I12520" t="s">
        <v>15</v>
      </c>
      <c r="J12520" s="10">
        <v>32.501035440000003</v>
      </c>
    </row>
    <row r="12521" spans="1:10" x14ac:dyDescent="0.35">
      <c r="A12521" t="s">
        <v>33</v>
      </c>
      <c r="B12521" t="s">
        <v>77</v>
      </c>
      <c r="C12521" t="s">
        <v>117</v>
      </c>
      <c r="D12521" t="s">
        <v>118</v>
      </c>
      <c r="E12521">
        <v>2011</v>
      </c>
      <c r="F12521">
        <v>2011</v>
      </c>
      <c r="G12521" t="s">
        <v>125</v>
      </c>
      <c r="H12521" t="s">
        <v>122</v>
      </c>
      <c r="I12521" t="s">
        <v>15</v>
      </c>
      <c r="J12521" s="10">
        <v>21.327140409999998</v>
      </c>
    </row>
    <row r="12522" spans="1:10" x14ac:dyDescent="0.35">
      <c r="A12522" t="s">
        <v>33</v>
      </c>
      <c r="B12522" t="s">
        <v>77</v>
      </c>
      <c r="C12522" t="s">
        <v>117</v>
      </c>
      <c r="D12522" t="s">
        <v>118</v>
      </c>
      <c r="E12522">
        <v>2011</v>
      </c>
      <c r="F12522">
        <v>2011</v>
      </c>
      <c r="G12522" t="s">
        <v>125</v>
      </c>
      <c r="H12522" t="s">
        <v>123</v>
      </c>
      <c r="I12522" t="s">
        <v>15</v>
      </c>
      <c r="J12522" s="10">
        <v>15.20915922</v>
      </c>
    </row>
    <row r="12523" spans="1:10" x14ac:dyDescent="0.35">
      <c r="A12523" t="s">
        <v>33</v>
      </c>
      <c r="B12523" t="s">
        <v>77</v>
      </c>
      <c r="C12523" t="s">
        <v>117</v>
      </c>
      <c r="D12523" t="s">
        <v>118</v>
      </c>
      <c r="E12523">
        <v>2011</v>
      </c>
      <c r="F12523">
        <v>2011</v>
      </c>
      <c r="G12523" t="s">
        <v>125</v>
      </c>
      <c r="H12523" t="s">
        <v>124</v>
      </c>
      <c r="I12523" t="s">
        <v>15</v>
      </c>
      <c r="J12523" s="10">
        <v>1.236613218</v>
      </c>
    </row>
    <row r="12524" spans="1:10" x14ac:dyDescent="0.35">
      <c r="A12524" t="s">
        <v>33</v>
      </c>
      <c r="B12524" t="s">
        <v>77</v>
      </c>
      <c r="C12524" t="s">
        <v>117</v>
      </c>
      <c r="D12524" t="s">
        <v>118</v>
      </c>
      <c r="E12524">
        <v>2011</v>
      </c>
      <c r="F12524">
        <v>2011</v>
      </c>
      <c r="G12524" t="s">
        <v>126</v>
      </c>
      <c r="H12524" t="s">
        <v>119</v>
      </c>
      <c r="I12524" t="s">
        <v>15</v>
      </c>
      <c r="J12524" s="10">
        <v>16.94994887</v>
      </c>
    </row>
    <row r="12525" spans="1:10" x14ac:dyDescent="0.35">
      <c r="A12525" t="s">
        <v>33</v>
      </c>
      <c r="B12525" t="s">
        <v>77</v>
      </c>
      <c r="C12525" t="s">
        <v>117</v>
      </c>
      <c r="D12525" t="s">
        <v>118</v>
      </c>
      <c r="E12525">
        <v>2011</v>
      </c>
      <c r="F12525">
        <v>2011</v>
      </c>
      <c r="G12525" t="s">
        <v>126</v>
      </c>
      <c r="H12525" t="s">
        <v>120</v>
      </c>
      <c r="I12525" t="s">
        <v>15</v>
      </c>
      <c r="J12525" s="10">
        <v>10.148412240000001</v>
      </c>
    </row>
    <row r="12526" spans="1:10" x14ac:dyDescent="0.35">
      <c r="A12526" t="s">
        <v>33</v>
      </c>
      <c r="B12526" t="s">
        <v>77</v>
      </c>
      <c r="C12526" t="s">
        <v>117</v>
      </c>
      <c r="D12526" t="s">
        <v>118</v>
      </c>
      <c r="E12526">
        <v>2011</v>
      </c>
      <c r="F12526">
        <v>2011</v>
      </c>
      <c r="G12526" t="s">
        <v>126</v>
      </c>
      <c r="H12526" t="s">
        <v>121</v>
      </c>
      <c r="I12526" t="s">
        <v>15</v>
      </c>
      <c r="J12526" s="10">
        <v>32.670038419999997</v>
      </c>
    </row>
    <row r="12527" spans="1:10" x14ac:dyDescent="0.35">
      <c r="A12527" t="s">
        <v>33</v>
      </c>
      <c r="B12527" t="s">
        <v>77</v>
      </c>
      <c r="C12527" t="s">
        <v>117</v>
      </c>
      <c r="D12527" t="s">
        <v>118</v>
      </c>
      <c r="E12527">
        <v>2011</v>
      </c>
      <c r="F12527">
        <v>2011</v>
      </c>
      <c r="G12527" t="s">
        <v>126</v>
      </c>
      <c r="H12527" t="s">
        <v>122</v>
      </c>
      <c r="I12527" t="s">
        <v>15</v>
      </c>
      <c r="J12527" s="10">
        <v>20.87168007</v>
      </c>
    </row>
    <row r="12528" spans="1:10" x14ac:dyDescent="0.35">
      <c r="A12528" t="s">
        <v>33</v>
      </c>
      <c r="B12528" t="s">
        <v>77</v>
      </c>
      <c r="C12528" t="s">
        <v>117</v>
      </c>
      <c r="D12528" t="s">
        <v>118</v>
      </c>
      <c r="E12528">
        <v>2011</v>
      </c>
      <c r="F12528">
        <v>2011</v>
      </c>
      <c r="G12528" t="s">
        <v>126</v>
      </c>
      <c r="H12528" t="s">
        <v>123</v>
      </c>
      <c r="I12528" t="s">
        <v>15</v>
      </c>
      <c r="J12528" s="10">
        <v>16.806234969999998</v>
      </c>
    </row>
    <row r="12529" spans="1:10" x14ac:dyDescent="0.35">
      <c r="A12529" t="s">
        <v>33</v>
      </c>
      <c r="B12529" t="s">
        <v>77</v>
      </c>
      <c r="C12529" t="s">
        <v>117</v>
      </c>
      <c r="D12529" t="s">
        <v>118</v>
      </c>
      <c r="E12529">
        <v>2011</v>
      </c>
      <c r="F12529">
        <v>2011</v>
      </c>
      <c r="G12529" t="s">
        <v>126</v>
      </c>
      <c r="H12529" t="s">
        <v>124</v>
      </c>
      <c r="I12529" t="s">
        <v>15</v>
      </c>
      <c r="J12529" s="10">
        <v>2.553685432</v>
      </c>
    </row>
    <row r="12530" spans="1:10" x14ac:dyDescent="0.35">
      <c r="A12530" t="s">
        <v>22</v>
      </c>
      <c r="B12530" t="s">
        <v>78</v>
      </c>
      <c r="C12530" t="s">
        <v>117</v>
      </c>
      <c r="D12530" t="s">
        <v>118</v>
      </c>
      <c r="E12530">
        <v>2020</v>
      </c>
      <c r="F12530">
        <v>2020</v>
      </c>
      <c r="G12530" t="s">
        <v>14</v>
      </c>
      <c r="H12530" t="s">
        <v>119</v>
      </c>
      <c r="I12530" t="s">
        <v>15</v>
      </c>
      <c r="J12530" s="10">
        <v>18.956759049999999</v>
      </c>
    </row>
    <row r="12531" spans="1:10" x14ac:dyDescent="0.35">
      <c r="A12531" t="s">
        <v>22</v>
      </c>
      <c r="B12531" t="s">
        <v>78</v>
      </c>
      <c r="C12531" t="s">
        <v>117</v>
      </c>
      <c r="D12531" t="s">
        <v>118</v>
      </c>
      <c r="E12531">
        <v>2020</v>
      </c>
      <c r="F12531">
        <v>2020</v>
      </c>
      <c r="G12531" t="s">
        <v>14</v>
      </c>
      <c r="H12531" t="s">
        <v>120</v>
      </c>
      <c r="I12531" t="s">
        <v>15</v>
      </c>
      <c r="J12531" s="10">
        <v>9.8808609199999999</v>
      </c>
    </row>
    <row r="12532" spans="1:10" x14ac:dyDescent="0.35">
      <c r="A12532" t="s">
        <v>22</v>
      </c>
      <c r="B12532" t="s">
        <v>78</v>
      </c>
      <c r="C12532" t="s">
        <v>117</v>
      </c>
      <c r="D12532" t="s">
        <v>118</v>
      </c>
      <c r="E12532">
        <v>2020</v>
      </c>
      <c r="F12532">
        <v>2020</v>
      </c>
      <c r="G12532" t="s">
        <v>14</v>
      </c>
      <c r="H12532" t="s">
        <v>121</v>
      </c>
      <c r="I12532" t="s">
        <v>15</v>
      </c>
      <c r="J12532" s="10">
        <v>32.30744533</v>
      </c>
    </row>
    <row r="12533" spans="1:10" x14ac:dyDescent="0.35">
      <c r="A12533" t="s">
        <v>22</v>
      </c>
      <c r="B12533" t="s">
        <v>78</v>
      </c>
      <c r="C12533" t="s">
        <v>117</v>
      </c>
      <c r="D12533" t="s">
        <v>118</v>
      </c>
      <c r="E12533">
        <v>2020</v>
      </c>
      <c r="F12533">
        <v>2020</v>
      </c>
      <c r="G12533" t="s">
        <v>14</v>
      </c>
      <c r="H12533" t="s">
        <v>122</v>
      </c>
      <c r="I12533" t="s">
        <v>15</v>
      </c>
      <c r="J12533" s="10">
        <v>20.573564659999999</v>
      </c>
    </row>
    <row r="12534" spans="1:10" x14ac:dyDescent="0.35">
      <c r="A12534" t="s">
        <v>22</v>
      </c>
      <c r="B12534" t="s">
        <v>78</v>
      </c>
      <c r="C12534" t="s">
        <v>117</v>
      </c>
      <c r="D12534" t="s">
        <v>118</v>
      </c>
      <c r="E12534">
        <v>2020</v>
      </c>
      <c r="F12534">
        <v>2020</v>
      </c>
      <c r="G12534" t="s">
        <v>14</v>
      </c>
      <c r="H12534" t="s">
        <v>123</v>
      </c>
      <c r="I12534" t="s">
        <v>15</v>
      </c>
      <c r="J12534" s="10">
        <v>16.126775909999999</v>
      </c>
    </row>
    <row r="12535" spans="1:10" x14ac:dyDescent="0.35">
      <c r="A12535" t="s">
        <v>22</v>
      </c>
      <c r="B12535" t="s">
        <v>78</v>
      </c>
      <c r="C12535" t="s">
        <v>117</v>
      </c>
      <c r="D12535" t="s">
        <v>118</v>
      </c>
      <c r="E12535">
        <v>2020</v>
      </c>
      <c r="F12535">
        <v>2020</v>
      </c>
      <c r="G12535" t="s">
        <v>14</v>
      </c>
      <c r="H12535" t="s">
        <v>124</v>
      </c>
      <c r="I12535" t="s">
        <v>15</v>
      </c>
      <c r="J12535" s="10">
        <v>2.154594136</v>
      </c>
    </row>
    <row r="12536" spans="1:10" x14ac:dyDescent="0.35">
      <c r="A12536" t="s">
        <v>22</v>
      </c>
      <c r="B12536" t="s">
        <v>78</v>
      </c>
      <c r="C12536" t="s">
        <v>117</v>
      </c>
      <c r="D12536" t="s">
        <v>118</v>
      </c>
      <c r="E12536">
        <v>2020</v>
      </c>
      <c r="F12536">
        <v>2020</v>
      </c>
      <c r="G12536" t="s">
        <v>125</v>
      </c>
      <c r="H12536" t="s">
        <v>119</v>
      </c>
      <c r="I12536" t="s">
        <v>15</v>
      </c>
      <c r="J12536" s="10">
        <v>20.17943674</v>
      </c>
    </row>
    <row r="12537" spans="1:10" x14ac:dyDescent="0.35">
      <c r="A12537" t="s">
        <v>22</v>
      </c>
      <c r="B12537" t="s">
        <v>78</v>
      </c>
      <c r="C12537" t="s">
        <v>117</v>
      </c>
      <c r="D12537" t="s">
        <v>118</v>
      </c>
      <c r="E12537">
        <v>2020</v>
      </c>
      <c r="F12537">
        <v>2020</v>
      </c>
      <c r="G12537" t="s">
        <v>125</v>
      </c>
      <c r="H12537" t="s">
        <v>120</v>
      </c>
      <c r="I12537" t="s">
        <v>15</v>
      </c>
      <c r="J12537" s="10">
        <v>10.2120616</v>
      </c>
    </row>
    <row r="12538" spans="1:10" x14ac:dyDescent="0.35">
      <c r="A12538" t="s">
        <v>22</v>
      </c>
      <c r="B12538" t="s">
        <v>78</v>
      </c>
      <c r="C12538" t="s">
        <v>117</v>
      </c>
      <c r="D12538" t="s">
        <v>118</v>
      </c>
      <c r="E12538">
        <v>2020</v>
      </c>
      <c r="F12538">
        <v>2020</v>
      </c>
      <c r="G12538" t="s">
        <v>125</v>
      </c>
      <c r="H12538" t="s">
        <v>121</v>
      </c>
      <c r="I12538" t="s">
        <v>15</v>
      </c>
      <c r="J12538" s="10">
        <v>32.250635709999997</v>
      </c>
    </row>
    <row r="12539" spans="1:10" x14ac:dyDescent="0.35">
      <c r="A12539" t="s">
        <v>22</v>
      </c>
      <c r="B12539" t="s">
        <v>78</v>
      </c>
      <c r="C12539" t="s">
        <v>117</v>
      </c>
      <c r="D12539" t="s">
        <v>118</v>
      </c>
      <c r="E12539">
        <v>2020</v>
      </c>
      <c r="F12539">
        <v>2020</v>
      </c>
      <c r="G12539" t="s">
        <v>125</v>
      </c>
      <c r="H12539" t="s">
        <v>122</v>
      </c>
      <c r="I12539" t="s">
        <v>15</v>
      </c>
      <c r="J12539" s="10">
        <v>20.284987770000001</v>
      </c>
    </row>
    <row r="12540" spans="1:10" x14ac:dyDescent="0.35">
      <c r="A12540" t="s">
        <v>22</v>
      </c>
      <c r="B12540" t="s">
        <v>78</v>
      </c>
      <c r="C12540" t="s">
        <v>117</v>
      </c>
      <c r="D12540" t="s">
        <v>118</v>
      </c>
      <c r="E12540">
        <v>2020</v>
      </c>
      <c r="F12540">
        <v>2020</v>
      </c>
      <c r="G12540" t="s">
        <v>125</v>
      </c>
      <c r="H12540" t="s">
        <v>123</v>
      </c>
      <c r="I12540" t="s">
        <v>15</v>
      </c>
      <c r="J12540" s="10">
        <v>15.441635079999999</v>
      </c>
    </row>
    <row r="12541" spans="1:10" x14ac:dyDescent="0.35">
      <c r="A12541" t="s">
        <v>22</v>
      </c>
      <c r="B12541" t="s">
        <v>78</v>
      </c>
      <c r="C12541" t="s">
        <v>117</v>
      </c>
      <c r="D12541" t="s">
        <v>118</v>
      </c>
      <c r="E12541">
        <v>2020</v>
      </c>
      <c r="F12541">
        <v>2020</v>
      </c>
      <c r="G12541" t="s">
        <v>125</v>
      </c>
      <c r="H12541" t="s">
        <v>124</v>
      </c>
      <c r="I12541" t="s">
        <v>15</v>
      </c>
      <c r="J12541" s="10">
        <v>1.6312431030000001</v>
      </c>
    </row>
    <row r="12542" spans="1:10" x14ac:dyDescent="0.35">
      <c r="A12542" t="s">
        <v>22</v>
      </c>
      <c r="B12542" t="s">
        <v>78</v>
      </c>
      <c r="C12542" t="s">
        <v>117</v>
      </c>
      <c r="D12542" t="s">
        <v>118</v>
      </c>
      <c r="E12542">
        <v>2020</v>
      </c>
      <c r="F12542">
        <v>2020</v>
      </c>
      <c r="G12542" t="s">
        <v>126</v>
      </c>
      <c r="H12542" t="s">
        <v>119</v>
      </c>
      <c r="I12542" t="s">
        <v>15</v>
      </c>
      <c r="J12542" s="10">
        <v>17.837137269999999</v>
      </c>
    </row>
    <row r="12543" spans="1:10" x14ac:dyDescent="0.35">
      <c r="A12543" t="s">
        <v>22</v>
      </c>
      <c r="B12543" t="s">
        <v>78</v>
      </c>
      <c r="C12543" t="s">
        <v>117</v>
      </c>
      <c r="D12543" t="s">
        <v>118</v>
      </c>
      <c r="E12543">
        <v>2020</v>
      </c>
      <c r="F12543">
        <v>2020</v>
      </c>
      <c r="G12543" t="s">
        <v>126</v>
      </c>
      <c r="H12543" t="s">
        <v>120</v>
      </c>
      <c r="I12543" t="s">
        <v>15</v>
      </c>
      <c r="J12543" s="10">
        <v>9.5775761700000004</v>
      </c>
    </row>
    <row r="12544" spans="1:10" x14ac:dyDescent="0.35">
      <c r="A12544" t="s">
        <v>22</v>
      </c>
      <c r="B12544" t="s">
        <v>78</v>
      </c>
      <c r="C12544" t="s">
        <v>117</v>
      </c>
      <c r="D12544" t="s">
        <v>118</v>
      </c>
      <c r="E12544">
        <v>2020</v>
      </c>
      <c r="F12544">
        <v>2020</v>
      </c>
      <c r="G12544" t="s">
        <v>126</v>
      </c>
      <c r="H12544" t="s">
        <v>121</v>
      </c>
      <c r="I12544" t="s">
        <v>15</v>
      </c>
      <c r="J12544" s="10">
        <v>32.359466640000001</v>
      </c>
    </row>
    <row r="12545" spans="1:10" x14ac:dyDescent="0.35">
      <c r="A12545" t="s">
        <v>22</v>
      </c>
      <c r="B12545" t="s">
        <v>78</v>
      </c>
      <c r="C12545" t="s">
        <v>117</v>
      </c>
      <c r="D12545" t="s">
        <v>118</v>
      </c>
      <c r="E12545">
        <v>2020</v>
      </c>
      <c r="F12545">
        <v>2020</v>
      </c>
      <c r="G12545" t="s">
        <v>126</v>
      </c>
      <c r="H12545" t="s">
        <v>122</v>
      </c>
      <c r="I12545" t="s">
        <v>15</v>
      </c>
      <c r="J12545" s="10">
        <v>20.837818250000002</v>
      </c>
    </row>
    <row r="12546" spans="1:10" x14ac:dyDescent="0.35">
      <c r="A12546" t="s">
        <v>22</v>
      </c>
      <c r="B12546" t="s">
        <v>78</v>
      </c>
      <c r="C12546" t="s">
        <v>117</v>
      </c>
      <c r="D12546" t="s">
        <v>118</v>
      </c>
      <c r="E12546">
        <v>2020</v>
      </c>
      <c r="F12546">
        <v>2020</v>
      </c>
      <c r="G12546" t="s">
        <v>126</v>
      </c>
      <c r="H12546" t="s">
        <v>123</v>
      </c>
      <c r="I12546" t="s">
        <v>15</v>
      </c>
      <c r="J12546" s="10">
        <v>16.75416822</v>
      </c>
    </row>
    <row r="12547" spans="1:10" x14ac:dyDescent="0.35">
      <c r="A12547" t="s">
        <v>22</v>
      </c>
      <c r="B12547" t="s">
        <v>78</v>
      </c>
      <c r="C12547" t="s">
        <v>117</v>
      </c>
      <c r="D12547" t="s">
        <v>118</v>
      </c>
      <c r="E12547">
        <v>2020</v>
      </c>
      <c r="F12547">
        <v>2020</v>
      </c>
      <c r="G12547" t="s">
        <v>126</v>
      </c>
      <c r="H12547" t="s">
        <v>124</v>
      </c>
      <c r="I12547" t="s">
        <v>15</v>
      </c>
      <c r="J12547" s="10">
        <v>2.6338334470000002</v>
      </c>
    </row>
    <row r="12548" spans="1:10" x14ac:dyDescent="0.35">
      <c r="A12548" t="s">
        <v>22</v>
      </c>
      <c r="B12548" t="s">
        <v>78</v>
      </c>
      <c r="C12548" t="s">
        <v>117</v>
      </c>
      <c r="D12548" t="s">
        <v>118</v>
      </c>
      <c r="E12548">
        <v>2019</v>
      </c>
      <c r="F12548">
        <v>2019</v>
      </c>
      <c r="G12548" t="s">
        <v>14</v>
      </c>
      <c r="H12548" t="s">
        <v>119</v>
      </c>
      <c r="I12548" t="s">
        <v>15</v>
      </c>
      <c r="J12548" s="10">
        <v>18.96907216</v>
      </c>
    </row>
    <row r="12549" spans="1:10" x14ac:dyDescent="0.35">
      <c r="A12549" t="s">
        <v>22</v>
      </c>
      <c r="B12549" t="s">
        <v>78</v>
      </c>
      <c r="C12549" t="s">
        <v>117</v>
      </c>
      <c r="D12549" t="s">
        <v>118</v>
      </c>
      <c r="E12549">
        <v>2019</v>
      </c>
      <c r="F12549">
        <v>2019</v>
      </c>
      <c r="G12549" t="s">
        <v>14</v>
      </c>
      <c r="H12549" t="s">
        <v>120</v>
      </c>
      <c r="I12549" t="s">
        <v>15</v>
      </c>
      <c r="J12549" s="10">
        <v>10.02706905</v>
      </c>
    </row>
    <row r="12550" spans="1:10" x14ac:dyDescent="0.35">
      <c r="A12550" t="s">
        <v>22</v>
      </c>
      <c r="B12550" t="s">
        <v>78</v>
      </c>
      <c r="C12550" t="s">
        <v>117</v>
      </c>
      <c r="D12550" t="s">
        <v>118</v>
      </c>
      <c r="E12550">
        <v>2019</v>
      </c>
      <c r="F12550">
        <v>2019</v>
      </c>
      <c r="G12550" t="s">
        <v>14</v>
      </c>
      <c r="H12550" t="s">
        <v>121</v>
      </c>
      <c r="I12550" t="s">
        <v>15</v>
      </c>
      <c r="J12550" s="10">
        <v>32.39993089</v>
      </c>
    </row>
    <row r="12551" spans="1:10" x14ac:dyDescent="0.35">
      <c r="A12551" t="s">
        <v>22</v>
      </c>
      <c r="B12551" t="s">
        <v>78</v>
      </c>
      <c r="C12551" t="s">
        <v>117</v>
      </c>
      <c r="D12551" t="s">
        <v>118</v>
      </c>
      <c r="E12551">
        <v>2019</v>
      </c>
      <c r="F12551">
        <v>2019</v>
      </c>
      <c r="G12551" t="s">
        <v>14</v>
      </c>
      <c r="H12551" t="s">
        <v>122</v>
      </c>
      <c r="I12551" t="s">
        <v>15</v>
      </c>
      <c r="J12551" s="10">
        <v>20.381270520000001</v>
      </c>
    </row>
    <row r="12552" spans="1:10" x14ac:dyDescent="0.35">
      <c r="A12552" t="s">
        <v>22</v>
      </c>
      <c r="B12552" t="s">
        <v>78</v>
      </c>
      <c r="C12552" t="s">
        <v>117</v>
      </c>
      <c r="D12552" t="s">
        <v>118</v>
      </c>
      <c r="E12552">
        <v>2019</v>
      </c>
      <c r="F12552">
        <v>2019</v>
      </c>
      <c r="G12552" t="s">
        <v>14</v>
      </c>
      <c r="H12552" t="s">
        <v>123</v>
      </c>
      <c r="I12552" t="s">
        <v>15</v>
      </c>
      <c r="J12552" s="10">
        <v>16.125093589999999</v>
      </c>
    </row>
    <row r="12553" spans="1:10" x14ac:dyDescent="0.35">
      <c r="A12553" t="s">
        <v>22</v>
      </c>
      <c r="B12553" t="s">
        <v>78</v>
      </c>
      <c r="C12553" t="s">
        <v>117</v>
      </c>
      <c r="D12553" t="s">
        <v>118</v>
      </c>
      <c r="E12553">
        <v>2019</v>
      </c>
      <c r="F12553">
        <v>2019</v>
      </c>
      <c r="G12553" t="s">
        <v>14</v>
      </c>
      <c r="H12553" t="s">
        <v>124</v>
      </c>
      <c r="I12553" t="s">
        <v>15</v>
      </c>
      <c r="J12553" s="10">
        <v>2.0975637850000002</v>
      </c>
    </row>
    <row r="12554" spans="1:10" x14ac:dyDescent="0.35">
      <c r="A12554" t="s">
        <v>22</v>
      </c>
      <c r="B12554" t="s">
        <v>78</v>
      </c>
      <c r="C12554" t="s">
        <v>117</v>
      </c>
      <c r="D12554" t="s">
        <v>118</v>
      </c>
      <c r="E12554">
        <v>2019</v>
      </c>
      <c r="F12554">
        <v>2019</v>
      </c>
      <c r="G12554" t="s">
        <v>125</v>
      </c>
      <c r="H12554" t="s">
        <v>119</v>
      </c>
      <c r="I12554" t="s">
        <v>15</v>
      </c>
      <c r="J12554" s="10">
        <v>20.126423469999999</v>
      </c>
    </row>
    <row r="12555" spans="1:10" x14ac:dyDescent="0.35">
      <c r="A12555" t="s">
        <v>22</v>
      </c>
      <c r="B12555" t="s">
        <v>78</v>
      </c>
      <c r="C12555" t="s">
        <v>117</v>
      </c>
      <c r="D12555" t="s">
        <v>118</v>
      </c>
      <c r="E12555">
        <v>2019</v>
      </c>
      <c r="F12555">
        <v>2019</v>
      </c>
      <c r="G12555" t="s">
        <v>125</v>
      </c>
      <c r="H12555" t="s">
        <v>120</v>
      </c>
      <c r="I12555" t="s">
        <v>15</v>
      </c>
      <c r="J12555" s="10">
        <v>10.46612623</v>
      </c>
    </row>
    <row r="12556" spans="1:10" x14ac:dyDescent="0.35">
      <c r="A12556" t="s">
        <v>22</v>
      </c>
      <c r="B12556" t="s">
        <v>78</v>
      </c>
      <c r="C12556" t="s">
        <v>117</v>
      </c>
      <c r="D12556" t="s">
        <v>118</v>
      </c>
      <c r="E12556">
        <v>2019</v>
      </c>
      <c r="F12556">
        <v>2019</v>
      </c>
      <c r="G12556" t="s">
        <v>125</v>
      </c>
      <c r="H12556" t="s">
        <v>121</v>
      </c>
      <c r="I12556" t="s">
        <v>15</v>
      </c>
      <c r="J12556" s="10">
        <v>32.240397610000002</v>
      </c>
    </row>
    <row r="12557" spans="1:10" x14ac:dyDescent="0.35">
      <c r="A12557" t="s">
        <v>22</v>
      </c>
      <c r="B12557" t="s">
        <v>78</v>
      </c>
      <c r="C12557" t="s">
        <v>117</v>
      </c>
      <c r="D12557" t="s">
        <v>118</v>
      </c>
      <c r="E12557">
        <v>2019</v>
      </c>
      <c r="F12557">
        <v>2019</v>
      </c>
      <c r="G12557" t="s">
        <v>125</v>
      </c>
      <c r="H12557" t="s">
        <v>122</v>
      </c>
      <c r="I12557" t="s">
        <v>15</v>
      </c>
      <c r="J12557" s="10">
        <v>20.126423469999999</v>
      </c>
    </row>
    <row r="12558" spans="1:10" x14ac:dyDescent="0.35">
      <c r="A12558" t="s">
        <v>22</v>
      </c>
      <c r="B12558" t="s">
        <v>78</v>
      </c>
      <c r="C12558" t="s">
        <v>117</v>
      </c>
      <c r="D12558" t="s">
        <v>118</v>
      </c>
      <c r="E12558">
        <v>2019</v>
      </c>
      <c r="F12558">
        <v>2019</v>
      </c>
      <c r="G12558" t="s">
        <v>125</v>
      </c>
      <c r="H12558" t="s">
        <v>123</v>
      </c>
      <c r="I12558" t="s">
        <v>15</v>
      </c>
      <c r="J12558" s="10">
        <v>15.46998649</v>
      </c>
    </row>
    <row r="12559" spans="1:10" x14ac:dyDescent="0.35">
      <c r="A12559" t="s">
        <v>22</v>
      </c>
      <c r="B12559" t="s">
        <v>78</v>
      </c>
      <c r="C12559" t="s">
        <v>117</v>
      </c>
      <c r="D12559" t="s">
        <v>118</v>
      </c>
      <c r="E12559">
        <v>2019</v>
      </c>
      <c r="F12559">
        <v>2019</v>
      </c>
      <c r="G12559" t="s">
        <v>125</v>
      </c>
      <c r="H12559" t="s">
        <v>124</v>
      </c>
      <c r="I12559" t="s">
        <v>15</v>
      </c>
      <c r="J12559" s="10">
        <v>1.5706427329999999</v>
      </c>
    </row>
    <row r="12560" spans="1:10" x14ac:dyDescent="0.35">
      <c r="A12560" t="s">
        <v>22</v>
      </c>
      <c r="B12560" t="s">
        <v>78</v>
      </c>
      <c r="C12560" t="s">
        <v>117</v>
      </c>
      <c r="D12560" t="s">
        <v>118</v>
      </c>
      <c r="E12560">
        <v>2019</v>
      </c>
      <c r="F12560">
        <v>2019</v>
      </c>
      <c r="G12560" t="s">
        <v>126</v>
      </c>
      <c r="H12560" t="s">
        <v>119</v>
      </c>
      <c r="I12560" t="s">
        <v>15</v>
      </c>
      <c r="J12560" s="10">
        <v>17.911697929999999</v>
      </c>
    </row>
    <row r="12561" spans="1:10" x14ac:dyDescent="0.35">
      <c r="A12561" t="s">
        <v>22</v>
      </c>
      <c r="B12561" t="s">
        <v>78</v>
      </c>
      <c r="C12561" t="s">
        <v>117</v>
      </c>
      <c r="D12561" t="s">
        <v>118</v>
      </c>
      <c r="E12561">
        <v>2019</v>
      </c>
      <c r="F12561">
        <v>2019</v>
      </c>
      <c r="G12561" t="s">
        <v>126</v>
      </c>
      <c r="H12561" t="s">
        <v>120</v>
      </c>
      <c r="I12561" t="s">
        <v>15</v>
      </c>
      <c r="J12561" s="10">
        <v>9.6259395600000008</v>
      </c>
    </row>
    <row r="12562" spans="1:10" x14ac:dyDescent="0.35">
      <c r="A12562" t="s">
        <v>22</v>
      </c>
      <c r="B12562" t="s">
        <v>78</v>
      </c>
      <c r="C12562" t="s">
        <v>117</v>
      </c>
      <c r="D12562" t="s">
        <v>118</v>
      </c>
      <c r="E12562">
        <v>2019</v>
      </c>
      <c r="F12562">
        <v>2019</v>
      </c>
      <c r="G12562" t="s">
        <v>126</v>
      </c>
      <c r="H12562" t="s">
        <v>121</v>
      </c>
      <c r="I12562" t="s">
        <v>15</v>
      </c>
      <c r="J12562" s="10">
        <v>32.545682990000003</v>
      </c>
    </row>
    <row r="12563" spans="1:10" x14ac:dyDescent="0.35">
      <c r="A12563" t="s">
        <v>22</v>
      </c>
      <c r="B12563" t="s">
        <v>78</v>
      </c>
      <c r="C12563" t="s">
        <v>117</v>
      </c>
      <c r="D12563" t="s">
        <v>118</v>
      </c>
      <c r="E12563">
        <v>2019</v>
      </c>
      <c r="F12563">
        <v>2019</v>
      </c>
      <c r="G12563" t="s">
        <v>126</v>
      </c>
      <c r="H12563" t="s">
        <v>122</v>
      </c>
      <c r="I12563" t="s">
        <v>15</v>
      </c>
      <c r="J12563" s="10">
        <v>20.614102760000002</v>
      </c>
    </row>
    <row r="12564" spans="1:10" x14ac:dyDescent="0.35">
      <c r="A12564" t="s">
        <v>22</v>
      </c>
      <c r="B12564" t="s">
        <v>78</v>
      </c>
      <c r="C12564" t="s">
        <v>117</v>
      </c>
      <c r="D12564" t="s">
        <v>118</v>
      </c>
      <c r="E12564">
        <v>2019</v>
      </c>
      <c r="F12564">
        <v>2019</v>
      </c>
      <c r="G12564" t="s">
        <v>126</v>
      </c>
      <c r="H12564" t="s">
        <v>123</v>
      </c>
      <c r="I12564" t="s">
        <v>15</v>
      </c>
      <c r="J12564" s="10">
        <v>16.723609669999998</v>
      </c>
    </row>
    <row r="12565" spans="1:10" x14ac:dyDescent="0.35">
      <c r="A12565" t="s">
        <v>22</v>
      </c>
      <c r="B12565" t="s">
        <v>78</v>
      </c>
      <c r="C12565" t="s">
        <v>117</v>
      </c>
      <c r="D12565" t="s">
        <v>118</v>
      </c>
      <c r="E12565">
        <v>2019</v>
      </c>
      <c r="F12565">
        <v>2019</v>
      </c>
      <c r="G12565" t="s">
        <v>126</v>
      </c>
      <c r="H12565" t="s">
        <v>124</v>
      </c>
      <c r="I12565" t="s">
        <v>15</v>
      </c>
      <c r="J12565" s="10">
        <v>2.578967091</v>
      </c>
    </row>
    <row r="12566" spans="1:10" x14ac:dyDescent="0.35">
      <c r="A12566" t="s">
        <v>22</v>
      </c>
      <c r="B12566" t="s">
        <v>78</v>
      </c>
      <c r="C12566" t="s">
        <v>117</v>
      </c>
      <c r="D12566" t="s">
        <v>118</v>
      </c>
      <c r="E12566">
        <v>2018</v>
      </c>
      <c r="F12566">
        <v>2018</v>
      </c>
      <c r="G12566" t="s">
        <v>14</v>
      </c>
      <c r="H12566" t="s">
        <v>119</v>
      </c>
      <c r="I12566" t="s">
        <v>15</v>
      </c>
      <c r="J12566" s="10">
        <v>18.79042879</v>
      </c>
    </row>
    <row r="12567" spans="1:10" x14ac:dyDescent="0.35">
      <c r="A12567" t="s">
        <v>22</v>
      </c>
      <c r="B12567" t="s">
        <v>78</v>
      </c>
      <c r="C12567" t="s">
        <v>117</v>
      </c>
      <c r="D12567" t="s">
        <v>118</v>
      </c>
      <c r="E12567">
        <v>2018</v>
      </c>
      <c r="F12567">
        <v>2018</v>
      </c>
      <c r="G12567" t="s">
        <v>14</v>
      </c>
      <c r="H12567" t="s">
        <v>120</v>
      </c>
      <c r="I12567" t="s">
        <v>15</v>
      </c>
      <c r="J12567" s="10">
        <v>10.45233627</v>
      </c>
    </row>
    <row r="12568" spans="1:10" x14ac:dyDescent="0.35">
      <c r="A12568" t="s">
        <v>22</v>
      </c>
      <c r="B12568" t="s">
        <v>78</v>
      </c>
      <c r="C12568" t="s">
        <v>117</v>
      </c>
      <c r="D12568" t="s">
        <v>118</v>
      </c>
      <c r="E12568">
        <v>2018</v>
      </c>
      <c r="F12568">
        <v>2018</v>
      </c>
      <c r="G12568" t="s">
        <v>14</v>
      </c>
      <c r="H12568" t="s">
        <v>121</v>
      </c>
      <c r="I12568" t="s">
        <v>15</v>
      </c>
      <c r="J12568" s="10">
        <v>32.21832422</v>
      </c>
    </row>
    <row r="12569" spans="1:10" x14ac:dyDescent="0.35">
      <c r="A12569" t="s">
        <v>22</v>
      </c>
      <c r="B12569" t="s">
        <v>78</v>
      </c>
      <c r="C12569" t="s">
        <v>117</v>
      </c>
      <c r="D12569" t="s">
        <v>118</v>
      </c>
      <c r="E12569">
        <v>2018</v>
      </c>
      <c r="F12569">
        <v>2018</v>
      </c>
      <c r="G12569" t="s">
        <v>14</v>
      </c>
      <c r="H12569" t="s">
        <v>122</v>
      </c>
      <c r="I12569" t="s">
        <v>15</v>
      </c>
      <c r="J12569" s="10">
        <v>20.390680540000002</v>
      </c>
    </row>
    <row r="12570" spans="1:10" x14ac:dyDescent="0.35">
      <c r="A12570" t="s">
        <v>22</v>
      </c>
      <c r="B12570" t="s">
        <v>78</v>
      </c>
      <c r="C12570" t="s">
        <v>117</v>
      </c>
      <c r="D12570" t="s">
        <v>118</v>
      </c>
      <c r="E12570">
        <v>2018</v>
      </c>
      <c r="F12570">
        <v>2018</v>
      </c>
      <c r="G12570" t="s">
        <v>14</v>
      </c>
      <c r="H12570" t="s">
        <v>123</v>
      </c>
      <c r="I12570" t="s">
        <v>15</v>
      </c>
      <c r="J12570" s="10">
        <v>16.053800160000002</v>
      </c>
    </row>
    <row r="12571" spans="1:10" x14ac:dyDescent="0.35">
      <c r="A12571" t="s">
        <v>22</v>
      </c>
      <c r="B12571" t="s">
        <v>78</v>
      </c>
      <c r="C12571" t="s">
        <v>117</v>
      </c>
      <c r="D12571" t="s">
        <v>118</v>
      </c>
      <c r="E12571">
        <v>2018</v>
      </c>
      <c r="F12571">
        <v>2018</v>
      </c>
      <c r="G12571" t="s">
        <v>14</v>
      </c>
      <c r="H12571" t="s">
        <v>124</v>
      </c>
      <c r="I12571" t="s">
        <v>15</v>
      </c>
      <c r="J12571" s="10">
        <v>2.094430005</v>
      </c>
    </row>
    <row r="12572" spans="1:10" x14ac:dyDescent="0.35">
      <c r="A12572" t="s">
        <v>22</v>
      </c>
      <c r="B12572" t="s">
        <v>78</v>
      </c>
      <c r="C12572" t="s">
        <v>117</v>
      </c>
      <c r="D12572" t="s">
        <v>118</v>
      </c>
      <c r="E12572">
        <v>2018</v>
      </c>
      <c r="F12572">
        <v>2018</v>
      </c>
      <c r="G12572" t="s">
        <v>125</v>
      </c>
      <c r="H12572" t="s">
        <v>119</v>
      </c>
      <c r="I12572" t="s">
        <v>15</v>
      </c>
      <c r="J12572" s="10">
        <v>19.957422860000001</v>
      </c>
    </row>
    <row r="12573" spans="1:10" x14ac:dyDescent="0.35">
      <c r="A12573" t="s">
        <v>22</v>
      </c>
      <c r="B12573" t="s">
        <v>78</v>
      </c>
      <c r="C12573" t="s">
        <v>117</v>
      </c>
      <c r="D12573" t="s">
        <v>118</v>
      </c>
      <c r="E12573">
        <v>2018</v>
      </c>
      <c r="F12573">
        <v>2018</v>
      </c>
      <c r="G12573" t="s">
        <v>125</v>
      </c>
      <c r="H12573" t="s">
        <v>120</v>
      </c>
      <c r="I12573" t="s">
        <v>15</v>
      </c>
      <c r="J12573" s="10">
        <v>10.82780728</v>
      </c>
    </row>
    <row r="12574" spans="1:10" x14ac:dyDescent="0.35">
      <c r="A12574" t="s">
        <v>22</v>
      </c>
      <c r="B12574" t="s">
        <v>78</v>
      </c>
      <c r="C12574" t="s">
        <v>117</v>
      </c>
      <c r="D12574" t="s">
        <v>118</v>
      </c>
      <c r="E12574">
        <v>2018</v>
      </c>
      <c r="F12574">
        <v>2018</v>
      </c>
      <c r="G12574" t="s">
        <v>125</v>
      </c>
      <c r="H12574" t="s">
        <v>121</v>
      </c>
      <c r="I12574" t="s">
        <v>15</v>
      </c>
      <c r="J12574" s="10">
        <v>32.020946000000002</v>
      </c>
    </row>
    <row r="12575" spans="1:10" x14ac:dyDescent="0.35">
      <c r="A12575" t="s">
        <v>22</v>
      </c>
      <c r="B12575" t="s">
        <v>78</v>
      </c>
      <c r="C12575" t="s">
        <v>117</v>
      </c>
      <c r="D12575" t="s">
        <v>118</v>
      </c>
      <c r="E12575">
        <v>2018</v>
      </c>
      <c r="F12575">
        <v>2018</v>
      </c>
      <c r="G12575" t="s">
        <v>125</v>
      </c>
      <c r="H12575" t="s">
        <v>122</v>
      </c>
      <c r="I12575" t="s">
        <v>15</v>
      </c>
      <c r="J12575" s="10">
        <v>20.26084616</v>
      </c>
    </row>
    <row r="12576" spans="1:10" x14ac:dyDescent="0.35">
      <c r="A12576" t="s">
        <v>22</v>
      </c>
      <c r="B12576" t="s">
        <v>78</v>
      </c>
      <c r="C12576" t="s">
        <v>117</v>
      </c>
      <c r="D12576" t="s">
        <v>118</v>
      </c>
      <c r="E12576">
        <v>2018</v>
      </c>
      <c r="F12576">
        <v>2018</v>
      </c>
      <c r="G12576" t="s">
        <v>125</v>
      </c>
      <c r="H12576" t="s">
        <v>123</v>
      </c>
      <c r="I12576" t="s">
        <v>15</v>
      </c>
      <c r="J12576" s="10">
        <v>15.34979323</v>
      </c>
    </row>
    <row r="12577" spans="1:10" x14ac:dyDescent="0.35">
      <c r="A12577" t="s">
        <v>22</v>
      </c>
      <c r="B12577" t="s">
        <v>78</v>
      </c>
      <c r="C12577" t="s">
        <v>117</v>
      </c>
      <c r="D12577" t="s">
        <v>118</v>
      </c>
      <c r="E12577">
        <v>2018</v>
      </c>
      <c r="F12577">
        <v>2018</v>
      </c>
      <c r="G12577" t="s">
        <v>125</v>
      </c>
      <c r="H12577" t="s">
        <v>124</v>
      </c>
      <c r="I12577" t="s">
        <v>15</v>
      </c>
      <c r="J12577" s="10">
        <v>1.583184476</v>
      </c>
    </row>
    <row r="12578" spans="1:10" x14ac:dyDescent="0.35">
      <c r="A12578" t="s">
        <v>22</v>
      </c>
      <c r="B12578" t="s">
        <v>78</v>
      </c>
      <c r="C12578" t="s">
        <v>117</v>
      </c>
      <c r="D12578" t="s">
        <v>118</v>
      </c>
      <c r="E12578">
        <v>2018</v>
      </c>
      <c r="F12578">
        <v>2018</v>
      </c>
      <c r="G12578" t="s">
        <v>126</v>
      </c>
      <c r="H12578" t="s">
        <v>119</v>
      </c>
      <c r="I12578" t="s">
        <v>15</v>
      </c>
      <c r="J12578" s="10">
        <v>17.729012730000001</v>
      </c>
    </row>
    <row r="12579" spans="1:10" x14ac:dyDescent="0.35">
      <c r="A12579" t="s">
        <v>22</v>
      </c>
      <c r="B12579" t="s">
        <v>78</v>
      </c>
      <c r="C12579" t="s">
        <v>117</v>
      </c>
      <c r="D12579" t="s">
        <v>118</v>
      </c>
      <c r="E12579">
        <v>2018</v>
      </c>
      <c r="F12579">
        <v>2018</v>
      </c>
      <c r="G12579" t="s">
        <v>126</v>
      </c>
      <c r="H12579" t="s">
        <v>120</v>
      </c>
      <c r="I12579" t="s">
        <v>15</v>
      </c>
      <c r="J12579" s="10">
        <v>10.110834150000001</v>
      </c>
    </row>
    <row r="12580" spans="1:10" x14ac:dyDescent="0.35">
      <c r="A12580" t="s">
        <v>22</v>
      </c>
      <c r="B12580" t="s">
        <v>78</v>
      </c>
      <c r="C12580" t="s">
        <v>117</v>
      </c>
      <c r="D12580" t="s">
        <v>118</v>
      </c>
      <c r="E12580">
        <v>2018</v>
      </c>
      <c r="F12580">
        <v>2018</v>
      </c>
      <c r="G12580" t="s">
        <v>126</v>
      </c>
      <c r="H12580" t="s">
        <v>121</v>
      </c>
      <c r="I12580" t="s">
        <v>15</v>
      </c>
      <c r="J12580" s="10">
        <v>32.397845629999999</v>
      </c>
    </row>
    <row r="12581" spans="1:10" x14ac:dyDescent="0.35">
      <c r="A12581" t="s">
        <v>22</v>
      </c>
      <c r="B12581" t="s">
        <v>78</v>
      </c>
      <c r="C12581" t="s">
        <v>117</v>
      </c>
      <c r="D12581" t="s">
        <v>118</v>
      </c>
      <c r="E12581">
        <v>2018</v>
      </c>
      <c r="F12581">
        <v>2018</v>
      </c>
      <c r="G12581" t="s">
        <v>126</v>
      </c>
      <c r="H12581" t="s">
        <v>122</v>
      </c>
      <c r="I12581" t="s">
        <v>15</v>
      </c>
      <c r="J12581" s="10">
        <v>20.508768809999999</v>
      </c>
    </row>
    <row r="12582" spans="1:10" x14ac:dyDescent="0.35">
      <c r="A12582" t="s">
        <v>22</v>
      </c>
      <c r="B12582" t="s">
        <v>78</v>
      </c>
      <c r="C12582" t="s">
        <v>117</v>
      </c>
      <c r="D12582" t="s">
        <v>118</v>
      </c>
      <c r="E12582">
        <v>2018</v>
      </c>
      <c r="F12582">
        <v>2018</v>
      </c>
      <c r="G12582" t="s">
        <v>126</v>
      </c>
      <c r="H12582" t="s">
        <v>123</v>
      </c>
      <c r="I12582" t="s">
        <v>15</v>
      </c>
      <c r="J12582" s="10">
        <v>16.694115549999999</v>
      </c>
    </row>
    <row r="12583" spans="1:10" x14ac:dyDescent="0.35">
      <c r="A12583" t="s">
        <v>22</v>
      </c>
      <c r="B12583" t="s">
        <v>78</v>
      </c>
      <c r="C12583" t="s">
        <v>117</v>
      </c>
      <c r="D12583" t="s">
        <v>118</v>
      </c>
      <c r="E12583">
        <v>2018</v>
      </c>
      <c r="F12583">
        <v>2018</v>
      </c>
      <c r="G12583" t="s">
        <v>126</v>
      </c>
      <c r="H12583" t="s">
        <v>124</v>
      </c>
      <c r="I12583" t="s">
        <v>15</v>
      </c>
      <c r="J12583" s="10">
        <v>2.5594231280000002</v>
      </c>
    </row>
    <row r="12584" spans="1:10" x14ac:dyDescent="0.35">
      <c r="A12584" t="s">
        <v>22</v>
      </c>
      <c r="B12584" t="s">
        <v>78</v>
      </c>
      <c r="C12584" t="s">
        <v>117</v>
      </c>
      <c r="D12584" t="s">
        <v>118</v>
      </c>
      <c r="E12584">
        <v>2017</v>
      </c>
      <c r="F12584">
        <v>2017</v>
      </c>
      <c r="G12584" t="s">
        <v>14</v>
      </c>
      <c r="H12584" t="s">
        <v>119</v>
      </c>
      <c r="I12584" t="s">
        <v>15</v>
      </c>
      <c r="J12584" s="10">
        <v>18.590264770000001</v>
      </c>
    </row>
    <row r="12585" spans="1:10" x14ac:dyDescent="0.35">
      <c r="A12585" t="s">
        <v>22</v>
      </c>
      <c r="B12585" t="s">
        <v>78</v>
      </c>
      <c r="C12585" t="s">
        <v>117</v>
      </c>
      <c r="D12585" t="s">
        <v>118</v>
      </c>
      <c r="E12585">
        <v>2017</v>
      </c>
      <c r="F12585">
        <v>2017</v>
      </c>
      <c r="G12585" t="s">
        <v>14</v>
      </c>
      <c r="H12585" t="s">
        <v>120</v>
      </c>
      <c r="I12585" t="s">
        <v>15</v>
      </c>
      <c r="J12585" s="10">
        <v>10.851096419999999</v>
      </c>
    </row>
    <row r="12586" spans="1:10" x14ac:dyDescent="0.35">
      <c r="A12586" t="s">
        <v>22</v>
      </c>
      <c r="B12586" t="s">
        <v>78</v>
      </c>
      <c r="C12586" t="s">
        <v>117</v>
      </c>
      <c r="D12586" t="s">
        <v>118</v>
      </c>
      <c r="E12586">
        <v>2017</v>
      </c>
      <c r="F12586">
        <v>2017</v>
      </c>
      <c r="G12586" t="s">
        <v>14</v>
      </c>
      <c r="H12586" t="s">
        <v>121</v>
      </c>
      <c r="I12586" t="s">
        <v>15</v>
      </c>
      <c r="J12586" s="10">
        <v>32.14323589</v>
      </c>
    </row>
    <row r="12587" spans="1:10" x14ac:dyDescent="0.35">
      <c r="A12587" t="s">
        <v>22</v>
      </c>
      <c r="B12587" t="s">
        <v>78</v>
      </c>
      <c r="C12587" t="s">
        <v>117</v>
      </c>
      <c r="D12587" t="s">
        <v>118</v>
      </c>
      <c r="E12587">
        <v>2017</v>
      </c>
      <c r="F12587">
        <v>2017</v>
      </c>
      <c r="G12587" t="s">
        <v>14</v>
      </c>
      <c r="H12587" t="s">
        <v>122</v>
      </c>
      <c r="I12587" t="s">
        <v>15</v>
      </c>
      <c r="J12587" s="10">
        <v>20.278789159999999</v>
      </c>
    </row>
    <row r="12588" spans="1:10" x14ac:dyDescent="0.35">
      <c r="A12588" t="s">
        <v>22</v>
      </c>
      <c r="B12588" t="s">
        <v>78</v>
      </c>
      <c r="C12588" t="s">
        <v>117</v>
      </c>
      <c r="D12588" t="s">
        <v>118</v>
      </c>
      <c r="E12588">
        <v>2017</v>
      </c>
      <c r="F12588">
        <v>2017</v>
      </c>
      <c r="G12588" t="s">
        <v>14</v>
      </c>
      <c r="H12588" t="s">
        <v>123</v>
      </c>
      <c r="I12588" t="s">
        <v>15</v>
      </c>
      <c r="J12588" s="10">
        <v>16.013291389999999</v>
      </c>
    </row>
    <row r="12589" spans="1:10" x14ac:dyDescent="0.35">
      <c r="A12589" t="s">
        <v>22</v>
      </c>
      <c r="B12589" t="s">
        <v>78</v>
      </c>
      <c r="C12589" t="s">
        <v>117</v>
      </c>
      <c r="D12589" t="s">
        <v>118</v>
      </c>
      <c r="E12589">
        <v>2017</v>
      </c>
      <c r="F12589">
        <v>2017</v>
      </c>
      <c r="G12589" t="s">
        <v>14</v>
      </c>
      <c r="H12589" t="s">
        <v>124</v>
      </c>
      <c r="I12589" t="s">
        <v>15</v>
      </c>
      <c r="J12589" s="10">
        <v>2.1233223749999999</v>
      </c>
    </row>
    <row r="12590" spans="1:10" x14ac:dyDescent="0.35">
      <c r="A12590" t="s">
        <v>22</v>
      </c>
      <c r="B12590" t="s">
        <v>78</v>
      </c>
      <c r="C12590" t="s">
        <v>117</v>
      </c>
      <c r="D12590" t="s">
        <v>118</v>
      </c>
      <c r="E12590">
        <v>2017</v>
      </c>
      <c r="F12590">
        <v>2017</v>
      </c>
      <c r="G12590" t="s">
        <v>125</v>
      </c>
      <c r="H12590" t="s">
        <v>119</v>
      </c>
      <c r="I12590" t="s">
        <v>15</v>
      </c>
      <c r="J12590" s="10">
        <v>19.811577360000001</v>
      </c>
    </row>
    <row r="12591" spans="1:10" x14ac:dyDescent="0.35">
      <c r="A12591" t="s">
        <v>22</v>
      </c>
      <c r="B12591" t="s">
        <v>78</v>
      </c>
      <c r="C12591" t="s">
        <v>117</v>
      </c>
      <c r="D12591" t="s">
        <v>118</v>
      </c>
      <c r="E12591">
        <v>2017</v>
      </c>
      <c r="F12591">
        <v>2017</v>
      </c>
      <c r="G12591" t="s">
        <v>125</v>
      </c>
      <c r="H12591" t="s">
        <v>120</v>
      </c>
      <c r="I12591" t="s">
        <v>15</v>
      </c>
      <c r="J12591" s="10">
        <v>11.075393780000001</v>
      </c>
    </row>
    <row r="12592" spans="1:10" x14ac:dyDescent="0.35">
      <c r="A12592" t="s">
        <v>22</v>
      </c>
      <c r="B12592" t="s">
        <v>78</v>
      </c>
      <c r="C12592" t="s">
        <v>117</v>
      </c>
      <c r="D12592" t="s">
        <v>118</v>
      </c>
      <c r="E12592">
        <v>2017</v>
      </c>
      <c r="F12592">
        <v>2017</v>
      </c>
      <c r="G12592" t="s">
        <v>125</v>
      </c>
      <c r="H12592" t="s">
        <v>121</v>
      </c>
      <c r="I12592" t="s">
        <v>15</v>
      </c>
      <c r="J12592" s="10">
        <v>31.977448630000001</v>
      </c>
    </row>
    <row r="12593" spans="1:10" x14ac:dyDescent="0.35">
      <c r="A12593" t="s">
        <v>22</v>
      </c>
      <c r="B12593" t="s">
        <v>78</v>
      </c>
      <c r="C12593" t="s">
        <v>117</v>
      </c>
      <c r="D12593" t="s">
        <v>118</v>
      </c>
      <c r="E12593">
        <v>2017</v>
      </c>
      <c r="F12593">
        <v>2017</v>
      </c>
      <c r="G12593" t="s">
        <v>125</v>
      </c>
      <c r="H12593" t="s">
        <v>122</v>
      </c>
      <c r="I12593" t="s">
        <v>15</v>
      </c>
      <c r="J12593" s="10">
        <v>20.306124969999999</v>
      </c>
    </row>
    <row r="12594" spans="1:10" x14ac:dyDescent="0.35">
      <c r="A12594" t="s">
        <v>22</v>
      </c>
      <c r="B12594" t="s">
        <v>78</v>
      </c>
      <c r="C12594" t="s">
        <v>117</v>
      </c>
      <c r="D12594" t="s">
        <v>118</v>
      </c>
      <c r="E12594">
        <v>2017</v>
      </c>
      <c r="F12594">
        <v>2017</v>
      </c>
      <c r="G12594" t="s">
        <v>125</v>
      </c>
      <c r="H12594" t="s">
        <v>123</v>
      </c>
      <c r="I12594" t="s">
        <v>15</v>
      </c>
      <c r="J12594" s="10">
        <v>15.26173932</v>
      </c>
    </row>
    <row r="12595" spans="1:10" x14ac:dyDescent="0.35">
      <c r="A12595" t="s">
        <v>22</v>
      </c>
      <c r="B12595" t="s">
        <v>78</v>
      </c>
      <c r="C12595" t="s">
        <v>117</v>
      </c>
      <c r="D12595" t="s">
        <v>118</v>
      </c>
      <c r="E12595">
        <v>2017</v>
      </c>
      <c r="F12595">
        <v>2017</v>
      </c>
      <c r="G12595" t="s">
        <v>125</v>
      </c>
      <c r="H12595" t="s">
        <v>124</v>
      </c>
      <c r="I12595" t="s">
        <v>15</v>
      </c>
      <c r="J12595" s="10">
        <v>1.567715932</v>
      </c>
    </row>
    <row r="12596" spans="1:10" x14ac:dyDescent="0.35">
      <c r="A12596" t="s">
        <v>22</v>
      </c>
      <c r="B12596" t="s">
        <v>78</v>
      </c>
      <c r="C12596" t="s">
        <v>117</v>
      </c>
      <c r="D12596" t="s">
        <v>118</v>
      </c>
      <c r="E12596">
        <v>2017</v>
      </c>
      <c r="F12596">
        <v>2017</v>
      </c>
      <c r="G12596" t="s">
        <v>126</v>
      </c>
      <c r="H12596" t="s">
        <v>119</v>
      </c>
      <c r="I12596" t="s">
        <v>15</v>
      </c>
      <c r="J12596" s="10">
        <v>17.478503580000002</v>
      </c>
    </row>
    <row r="12597" spans="1:10" x14ac:dyDescent="0.35">
      <c r="A12597" t="s">
        <v>22</v>
      </c>
      <c r="B12597" t="s">
        <v>78</v>
      </c>
      <c r="C12597" t="s">
        <v>117</v>
      </c>
      <c r="D12597" t="s">
        <v>118</v>
      </c>
      <c r="E12597">
        <v>2017</v>
      </c>
      <c r="F12597">
        <v>2017</v>
      </c>
      <c r="G12597" t="s">
        <v>126</v>
      </c>
      <c r="H12597" t="s">
        <v>120</v>
      </c>
      <c r="I12597" t="s">
        <v>15</v>
      </c>
      <c r="J12597" s="10">
        <v>10.646918469999999</v>
      </c>
    </row>
    <row r="12598" spans="1:10" x14ac:dyDescent="0.35">
      <c r="A12598" t="s">
        <v>22</v>
      </c>
      <c r="B12598" t="s">
        <v>78</v>
      </c>
      <c r="C12598" t="s">
        <v>117</v>
      </c>
      <c r="D12598" t="s">
        <v>118</v>
      </c>
      <c r="E12598">
        <v>2017</v>
      </c>
      <c r="F12598">
        <v>2017</v>
      </c>
      <c r="G12598" t="s">
        <v>126</v>
      </c>
      <c r="H12598" t="s">
        <v>121</v>
      </c>
      <c r="I12598" t="s">
        <v>15</v>
      </c>
      <c r="J12598" s="10">
        <v>32.294152070000003</v>
      </c>
    </row>
    <row r="12599" spans="1:10" x14ac:dyDescent="0.35">
      <c r="A12599" t="s">
        <v>22</v>
      </c>
      <c r="B12599" t="s">
        <v>78</v>
      </c>
      <c r="C12599" t="s">
        <v>117</v>
      </c>
      <c r="D12599" t="s">
        <v>118</v>
      </c>
      <c r="E12599">
        <v>2017</v>
      </c>
      <c r="F12599">
        <v>2017</v>
      </c>
      <c r="G12599" t="s">
        <v>126</v>
      </c>
      <c r="H12599" t="s">
        <v>122</v>
      </c>
      <c r="I12599" t="s">
        <v>15</v>
      </c>
      <c r="J12599" s="10">
        <v>20.253905369999998</v>
      </c>
    </row>
    <row r="12600" spans="1:10" x14ac:dyDescent="0.35">
      <c r="A12600" t="s">
        <v>22</v>
      </c>
      <c r="B12600" t="s">
        <v>78</v>
      </c>
      <c r="C12600" t="s">
        <v>117</v>
      </c>
      <c r="D12600" t="s">
        <v>118</v>
      </c>
      <c r="E12600">
        <v>2017</v>
      </c>
      <c r="F12600">
        <v>2017</v>
      </c>
      <c r="G12600" t="s">
        <v>126</v>
      </c>
      <c r="H12600" t="s">
        <v>123</v>
      </c>
      <c r="I12600" t="s">
        <v>15</v>
      </c>
      <c r="J12600" s="10">
        <v>16.69742943</v>
      </c>
    </row>
    <row r="12601" spans="1:10" x14ac:dyDescent="0.35">
      <c r="A12601" t="s">
        <v>22</v>
      </c>
      <c r="B12601" t="s">
        <v>78</v>
      </c>
      <c r="C12601" t="s">
        <v>117</v>
      </c>
      <c r="D12601" t="s">
        <v>118</v>
      </c>
      <c r="E12601">
        <v>2017</v>
      </c>
      <c r="F12601">
        <v>2017</v>
      </c>
      <c r="G12601" t="s">
        <v>126</v>
      </c>
      <c r="H12601" t="s">
        <v>124</v>
      </c>
      <c r="I12601" t="s">
        <v>15</v>
      </c>
      <c r="J12601" s="10">
        <v>2.6290910730000001</v>
      </c>
    </row>
    <row r="12602" spans="1:10" x14ac:dyDescent="0.35">
      <c r="A12602" t="s">
        <v>22</v>
      </c>
      <c r="B12602" t="s">
        <v>78</v>
      </c>
      <c r="C12602" t="s">
        <v>117</v>
      </c>
      <c r="D12602" t="s">
        <v>118</v>
      </c>
      <c r="E12602">
        <v>2016</v>
      </c>
      <c r="F12602">
        <v>2016</v>
      </c>
      <c r="G12602" t="s">
        <v>14</v>
      </c>
      <c r="H12602" t="s">
        <v>119</v>
      </c>
      <c r="I12602" t="s">
        <v>15</v>
      </c>
      <c r="J12602" s="10">
        <v>18.535110979999999</v>
      </c>
    </row>
    <row r="12603" spans="1:10" x14ac:dyDescent="0.35">
      <c r="A12603" t="s">
        <v>22</v>
      </c>
      <c r="B12603" t="s">
        <v>78</v>
      </c>
      <c r="C12603" t="s">
        <v>117</v>
      </c>
      <c r="D12603" t="s">
        <v>118</v>
      </c>
      <c r="E12603">
        <v>2016</v>
      </c>
      <c r="F12603">
        <v>2016</v>
      </c>
      <c r="G12603" t="s">
        <v>14</v>
      </c>
      <c r="H12603" t="s">
        <v>120</v>
      </c>
      <c r="I12603" t="s">
        <v>15</v>
      </c>
      <c r="J12603" s="10">
        <v>11.2106659</v>
      </c>
    </row>
    <row r="12604" spans="1:10" x14ac:dyDescent="0.35">
      <c r="A12604" t="s">
        <v>22</v>
      </c>
      <c r="B12604" t="s">
        <v>78</v>
      </c>
      <c r="C12604" t="s">
        <v>117</v>
      </c>
      <c r="D12604" t="s">
        <v>118</v>
      </c>
      <c r="E12604">
        <v>2016</v>
      </c>
      <c r="F12604">
        <v>2016</v>
      </c>
      <c r="G12604" t="s">
        <v>14</v>
      </c>
      <c r="H12604" t="s">
        <v>121</v>
      </c>
      <c r="I12604" t="s">
        <v>15</v>
      </c>
      <c r="J12604" s="10">
        <v>31.898549689999999</v>
      </c>
    </row>
    <row r="12605" spans="1:10" x14ac:dyDescent="0.35">
      <c r="A12605" t="s">
        <v>22</v>
      </c>
      <c r="B12605" t="s">
        <v>78</v>
      </c>
      <c r="C12605" t="s">
        <v>117</v>
      </c>
      <c r="D12605" t="s">
        <v>118</v>
      </c>
      <c r="E12605">
        <v>2016</v>
      </c>
      <c r="F12605">
        <v>2016</v>
      </c>
      <c r="G12605" t="s">
        <v>14</v>
      </c>
      <c r="H12605" t="s">
        <v>122</v>
      </c>
      <c r="I12605" t="s">
        <v>15</v>
      </c>
      <c r="J12605" s="10">
        <v>20.272142980000002</v>
      </c>
    </row>
    <row r="12606" spans="1:10" x14ac:dyDescent="0.35">
      <c r="A12606" t="s">
        <v>22</v>
      </c>
      <c r="B12606" t="s">
        <v>78</v>
      </c>
      <c r="C12606" t="s">
        <v>117</v>
      </c>
      <c r="D12606" t="s">
        <v>118</v>
      </c>
      <c r="E12606">
        <v>2016</v>
      </c>
      <c r="F12606">
        <v>2016</v>
      </c>
      <c r="G12606" t="s">
        <v>14</v>
      </c>
      <c r="H12606" t="s">
        <v>123</v>
      </c>
      <c r="I12606" t="s">
        <v>15</v>
      </c>
      <c r="J12606" s="10">
        <v>15.998853130000001</v>
      </c>
    </row>
    <row r="12607" spans="1:10" x14ac:dyDescent="0.35">
      <c r="A12607" t="s">
        <v>22</v>
      </c>
      <c r="B12607" t="s">
        <v>78</v>
      </c>
      <c r="C12607" t="s">
        <v>117</v>
      </c>
      <c r="D12607" t="s">
        <v>118</v>
      </c>
      <c r="E12607">
        <v>2016</v>
      </c>
      <c r="F12607">
        <v>2016</v>
      </c>
      <c r="G12607" t="s">
        <v>14</v>
      </c>
      <c r="H12607" t="s">
        <v>124</v>
      </c>
      <c r="I12607" t="s">
        <v>15</v>
      </c>
      <c r="J12607" s="10">
        <v>2.0846773230000002</v>
      </c>
    </row>
    <row r="12608" spans="1:10" x14ac:dyDescent="0.35">
      <c r="A12608" t="s">
        <v>22</v>
      </c>
      <c r="B12608" t="s">
        <v>78</v>
      </c>
      <c r="C12608" t="s">
        <v>117</v>
      </c>
      <c r="D12608" t="s">
        <v>118</v>
      </c>
      <c r="E12608">
        <v>2016</v>
      </c>
      <c r="F12608">
        <v>2016</v>
      </c>
      <c r="G12608" t="s">
        <v>125</v>
      </c>
      <c r="H12608" t="s">
        <v>119</v>
      </c>
      <c r="I12608" t="s">
        <v>15</v>
      </c>
      <c r="J12608" s="10">
        <v>19.798218689999999</v>
      </c>
    </row>
    <row r="12609" spans="1:10" x14ac:dyDescent="0.35">
      <c r="A12609" t="s">
        <v>22</v>
      </c>
      <c r="B12609" t="s">
        <v>78</v>
      </c>
      <c r="C12609" t="s">
        <v>117</v>
      </c>
      <c r="D12609" t="s">
        <v>118</v>
      </c>
      <c r="E12609">
        <v>2016</v>
      </c>
      <c r="F12609">
        <v>2016</v>
      </c>
      <c r="G12609" t="s">
        <v>125</v>
      </c>
      <c r="H12609" t="s">
        <v>120</v>
      </c>
      <c r="I12609" t="s">
        <v>15</v>
      </c>
      <c r="J12609" s="10">
        <v>11.24138278</v>
      </c>
    </row>
    <row r="12610" spans="1:10" x14ac:dyDescent="0.35">
      <c r="A12610" t="s">
        <v>22</v>
      </c>
      <c r="B12610" t="s">
        <v>78</v>
      </c>
      <c r="C12610" t="s">
        <v>117</v>
      </c>
      <c r="D12610" t="s">
        <v>118</v>
      </c>
      <c r="E12610">
        <v>2016</v>
      </c>
      <c r="F12610">
        <v>2016</v>
      </c>
      <c r="G12610" t="s">
        <v>125</v>
      </c>
      <c r="H12610" t="s">
        <v>121</v>
      </c>
      <c r="I12610" t="s">
        <v>15</v>
      </c>
      <c r="J12610" s="10">
        <v>31.741558900000001</v>
      </c>
    </row>
    <row r="12611" spans="1:10" x14ac:dyDescent="0.35">
      <c r="A12611" t="s">
        <v>22</v>
      </c>
      <c r="B12611" t="s">
        <v>78</v>
      </c>
      <c r="C12611" t="s">
        <v>117</v>
      </c>
      <c r="D12611" t="s">
        <v>118</v>
      </c>
      <c r="E12611">
        <v>2016</v>
      </c>
      <c r="F12611">
        <v>2016</v>
      </c>
      <c r="G12611" t="s">
        <v>125</v>
      </c>
      <c r="H12611" t="s">
        <v>122</v>
      </c>
      <c r="I12611" t="s">
        <v>15</v>
      </c>
      <c r="J12611" s="10">
        <v>20.47250038</v>
      </c>
    </row>
    <row r="12612" spans="1:10" x14ac:dyDescent="0.35">
      <c r="A12612" t="s">
        <v>22</v>
      </c>
      <c r="B12612" t="s">
        <v>78</v>
      </c>
      <c r="C12612" t="s">
        <v>117</v>
      </c>
      <c r="D12612" t="s">
        <v>118</v>
      </c>
      <c r="E12612">
        <v>2016</v>
      </c>
      <c r="F12612">
        <v>2016</v>
      </c>
      <c r="G12612" t="s">
        <v>125</v>
      </c>
      <c r="H12612" t="s">
        <v>123</v>
      </c>
      <c r="I12612" t="s">
        <v>15</v>
      </c>
      <c r="J12612" s="10">
        <v>15.25436522</v>
      </c>
    </row>
    <row r="12613" spans="1:10" x14ac:dyDescent="0.35">
      <c r="A12613" t="s">
        <v>22</v>
      </c>
      <c r="B12613" t="s">
        <v>78</v>
      </c>
      <c r="C12613" t="s">
        <v>117</v>
      </c>
      <c r="D12613" t="s">
        <v>118</v>
      </c>
      <c r="E12613">
        <v>2016</v>
      </c>
      <c r="F12613">
        <v>2016</v>
      </c>
      <c r="G12613" t="s">
        <v>125</v>
      </c>
      <c r="H12613" t="s">
        <v>124</v>
      </c>
      <c r="I12613" t="s">
        <v>15</v>
      </c>
      <c r="J12613" s="10">
        <v>1.4919740349999999</v>
      </c>
    </row>
    <row r="12614" spans="1:10" x14ac:dyDescent="0.35">
      <c r="A12614" t="s">
        <v>22</v>
      </c>
      <c r="B12614" t="s">
        <v>78</v>
      </c>
      <c r="C12614" t="s">
        <v>117</v>
      </c>
      <c r="D12614" t="s">
        <v>118</v>
      </c>
      <c r="E12614">
        <v>2016</v>
      </c>
      <c r="F12614">
        <v>2016</v>
      </c>
      <c r="G12614" t="s">
        <v>126</v>
      </c>
      <c r="H12614" t="s">
        <v>119</v>
      </c>
      <c r="I12614" t="s">
        <v>15</v>
      </c>
      <c r="J12614" s="10">
        <v>17.39308462</v>
      </c>
    </row>
    <row r="12615" spans="1:10" x14ac:dyDescent="0.35">
      <c r="A12615" t="s">
        <v>22</v>
      </c>
      <c r="B12615" t="s">
        <v>78</v>
      </c>
      <c r="C12615" t="s">
        <v>117</v>
      </c>
      <c r="D12615" t="s">
        <v>118</v>
      </c>
      <c r="E12615">
        <v>2016</v>
      </c>
      <c r="F12615">
        <v>2016</v>
      </c>
      <c r="G12615" t="s">
        <v>126</v>
      </c>
      <c r="H12615" t="s">
        <v>120</v>
      </c>
      <c r="I12615" t="s">
        <v>15</v>
      </c>
      <c r="J12615" s="10">
        <v>11.18289354</v>
      </c>
    </row>
    <row r="12616" spans="1:10" x14ac:dyDescent="0.35">
      <c r="A12616" t="s">
        <v>22</v>
      </c>
      <c r="B12616" t="s">
        <v>78</v>
      </c>
      <c r="C12616" t="s">
        <v>117</v>
      </c>
      <c r="D12616" t="s">
        <v>118</v>
      </c>
      <c r="E12616">
        <v>2016</v>
      </c>
      <c r="F12616">
        <v>2016</v>
      </c>
      <c r="G12616" t="s">
        <v>126</v>
      </c>
      <c r="H12616" t="s">
        <v>121</v>
      </c>
      <c r="I12616" t="s">
        <v>15</v>
      </c>
      <c r="J12616" s="10">
        <v>32.040491359999997</v>
      </c>
    </row>
    <row r="12617" spans="1:10" x14ac:dyDescent="0.35">
      <c r="A12617" t="s">
        <v>22</v>
      </c>
      <c r="B12617" t="s">
        <v>78</v>
      </c>
      <c r="C12617" t="s">
        <v>117</v>
      </c>
      <c r="D12617" t="s">
        <v>118</v>
      </c>
      <c r="E12617">
        <v>2016</v>
      </c>
      <c r="F12617">
        <v>2016</v>
      </c>
      <c r="G12617" t="s">
        <v>126</v>
      </c>
      <c r="H12617" t="s">
        <v>122</v>
      </c>
      <c r="I12617" t="s">
        <v>15</v>
      </c>
      <c r="J12617" s="10">
        <v>20.090991809999998</v>
      </c>
    </row>
    <row r="12618" spans="1:10" x14ac:dyDescent="0.35">
      <c r="A12618" t="s">
        <v>22</v>
      </c>
      <c r="B12618" t="s">
        <v>78</v>
      </c>
      <c r="C12618" t="s">
        <v>117</v>
      </c>
      <c r="D12618" t="s">
        <v>118</v>
      </c>
      <c r="E12618">
        <v>2016</v>
      </c>
      <c r="F12618">
        <v>2016</v>
      </c>
      <c r="G12618" t="s">
        <v>126</v>
      </c>
      <c r="H12618" t="s">
        <v>123</v>
      </c>
      <c r="I12618" t="s">
        <v>15</v>
      </c>
      <c r="J12618" s="10">
        <v>16.671974519999999</v>
      </c>
    </row>
    <row r="12619" spans="1:10" x14ac:dyDescent="0.35">
      <c r="A12619" t="s">
        <v>22</v>
      </c>
      <c r="B12619" t="s">
        <v>78</v>
      </c>
      <c r="C12619" t="s">
        <v>117</v>
      </c>
      <c r="D12619" t="s">
        <v>118</v>
      </c>
      <c r="E12619">
        <v>2016</v>
      </c>
      <c r="F12619">
        <v>2016</v>
      </c>
      <c r="G12619" t="s">
        <v>126</v>
      </c>
      <c r="H12619" t="s">
        <v>124</v>
      </c>
      <c r="I12619" t="s">
        <v>15</v>
      </c>
      <c r="J12619" s="10">
        <v>2.6205641489999998</v>
      </c>
    </row>
    <row r="12620" spans="1:10" x14ac:dyDescent="0.35">
      <c r="A12620" t="s">
        <v>22</v>
      </c>
      <c r="B12620" t="s">
        <v>78</v>
      </c>
      <c r="C12620" t="s">
        <v>117</v>
      </c>
      <c r="D12620" t="s">
        <v>118</v>
      </c>
      <c r="E12620">
        <v>2015</v>
      </c>
      <c r="F12620">
        <v>2015</v>
      </c>
      <c r="G12620" t="s">
        <v>14</v>
      </c>
      <c r="H12620" t="s">
        <v>119</v>
      </c>
      <c r="I12620" t="s">
        <v>15</v>
      </c>
      <c r="J12620" s="10">
        <v>18.452777609999998</v>
      </c>
    </row>
    <row r="12621" spans="1:10" x14ac:dyDescent="0.35">
      <c r="A12621" t="s">
        <v>22</v>
      </c>
      <c r="B12621" t="s">
        <v>78</v>
      </c>
      <c r="C12621" t="s">
        <v>117</v>
      </c>
      <c r="D12621" t="s">
        <v>118</v>
      </c>
      <c r="E12621">
        <v>2015</v>
      </c>
      <c r="F12621">
        <v>2015</v>
      </c>
      <c r="G12621" t="s">
        <v>14</v>
      </c>
      <c r="H12621" t="s">
        <v>120</v>
      </c>
      <c r="I12621" t="s">
        <v>15</v>
      </c>
      <c r="J12621" s="10">
        <v>11.535712119999999</v>
      </c>
    </row>
    <row r="12622" spans="1:10" x14ac:dyDescent="0.35">
      <c r="A12622" t="s">
        <v>22</v>
      </c>
      <c r="B12622" t="s">
        <v>78</v>
      </c>
      <c r="C12622" t="s">
        <v>117</v>
      </c>
      <c r="D12622" t="s">
        <v>118</v>
      </c>
      <c r="E12622">
        <v>2015</v>
      </c>
      <c r="F12622">
        <v>2015</v>
      </c>
      <c r="G12622" t="s">
        <v>14</v>
      </c>
      <c r="H12622" t="s">
        <v>121</v>
      </c>
      <c r="I12622" t="s">
        <v>15</v>
      </c>
      <c r="J12622" s="10">
        <v>31.90646392</v>
      </c>
    </row>
    <row r="12623" spans="1:10" x14ac:dyDescent="0.35">
      <c r="A12623" t="s">
        <v>22</v>
      </c>
      <c r="B12623" t="s">
        <v>78</v>
      </c>
      <c r="C12623" t="s">
        <v>117</v>
      </c>
      <c r="D12623" t="s">
        <v>118</v>
      </c>
      <c r="E12623">
        <v>2015</v>
      </c>
      <c r="F12623">
        <v>2015</v>
      </c>
      <c r="G12623" t="s">
        <v>14</v>
      </c>
      <c r="H12623" t="s">
        <v>122</v>
      </c>
      <c r="I12623" t="s">
        <v>15</v>
      </c>
      <c r="J12623" s="10">
        <v>20.187799120000001</v>
      </c>
    </row>
    <row r="12624" spans="1:10" x14ac:dyDescent="0.35">
      <c r="A12624" t="s">
        <v>22</v>
      </c>
      <c r="B12624" t="s">
        <v>78</v>
      </c>
      <c r="C12624" t="s">
        <v>117</v>
      </c>
      <c r="D12624" t="s">
        <v>118</v>
      </c>
      <c r="E12624">
        <v>2015</v>
      </c>
      <c r="F12624">
        <v>2015</v>
      </c>
      <c r="G12624" t="s">
        <v>14</v>
      </c>
      <c r="H12624" t="s">
        <v>123</v>
      </c>
      <c r="I12624" t="s">
        <v>15</v>
      </c>
      <c r="J12624" s="10">
        <v>15.89749803</v>
      </c>
    </row>
    <row r="12625" spans="1:10" x14ac:dyDescent="0.35">
      <c r="A12625" t="s">
        <v>22</v>
      </c>
      <c r="B12625" t="s">
        <v>78</v>
      </c>
      <c r="C12625" t="s">
        <v>117</v>
      </c>
      <c r="D12625" t="s">
        <v>118</v>
      </c>
      <c r="E12625">
        <v>2015</v>
      </c>
      <c r="F12625">
        <v>2015</v>
      </c>
      <c r="G12625" t="s">
        <v>14</v>
      </c>
      <c r="H12625" t="s">
        <v>124</v>
      </c>
      <c r="I12625" t="s">
        <v>15</v>
      </c>
      <c r="J12625" s="10">
        <v>2.0197491969999999</v>
      </c>
    </row>
    <row r="12626" spans="1:10" x14ac:dyDescent="0.35">
      <c r="A12626" t="s">
        <v>22</v>
      </c>
      <c r="B12626" t="s">
        <v>78</v>
      </c>
      <c r="C12626" t="s">
        <v>117</v>
      </c>
      <c r="D12626" t="s">
        <v>118</v>
      </c>
      <c r="E12626">
        <v>2015</v>
      </c>
      <c r="F12626">
        <v>2015</v>
      </c>
      <c r="G12626" t="s">
        <v>125</v>
      </c>
      <c r="H12626" t="s">
        <v>119</v>
      </c>
      <c r="I12626" t="s">
        <v>15</v>
      </c>
      <c r="J12626" s="10">
        <v>19.74133973</v>
      </c>
    </row>
    <row r="12627" spans="1:10" x14ac:dyDescent="0.35">
      <c r="A12627" t="s">
        <v>22</v>
      </c>
      <c r="B12627" t="s">
        <v>78</v>
      </c>
      <c r="C12627" t="s">
        <v>117</v>
      </c>
      <c r="D12627" t="s">
        <v>118</v>
      </c>
      <c r="E12627">
        <v>2015</v>
      </c>
      <c r="F12627">
        <v>2015</v>
      </c>
      <c r="G12627" t="s">
        <v>125</v>
      </c>
      <c r="H12627" t="s">
        <v>120</v>
      </c>
      <c r="I12627" t="s">
        <v>15</v>
      </c>
      <c r="J12627" s="10">
        <v>11.6039998</v>
      </c>
    </row>
    <row r="12628" spans="1:10" x14ac:dyDescent="0.35">
      <c r="A12628" t="s">
        <v>22</v>
      </c>
      <c r="B12628" t="s">
        <v>78</v>
      </c>
      <c r="C12628" t="s">
        <v>117</v>
      </c>
      <c r="D12628" t="s">
        <v>118</v>
      </c>
      <c r="E12628">
        <v>2015</v>
      </c>
      <c r="F12628">
        <v>2015</v>
      </c>
      <c r="G12628" t="s">
        <v>125</v>
      </c>
      <c r="H12628" t="s">
        <v>121</v>
      </c>
      <c r="I12628" t="s">
        <v>15</v>
      </c>
      <c r="J12628" s="10">
        <v>31.587674100000001</v>
      </c>
    </row>
    <row r="12629" spans="1:10" x14ac:dyDescent="0.35">
      <c r="A12629" t="s">
        <v>22</v>
      </c>
      <c r="B12629" t="s">
        <v>78</v>
      </c>
      <c r="C12629" t="s">
        <v>117</v>
      </c>
      <c r="D12629" t="s">
        <v>118</v>
      </c>
      <c r="E12629">
        <v>2015</v>
      </c>
      <c r="F12629">
        <v>2015</v>
      </c>
      <c r="G12629" t="s">
        <v>125</v>
      </c>
      <c r="H12629" t="s">
        <v>122</v>
      </c>
      <c r="I12629" t="s">
        <v>15</v>
      </c>
      <c r="J12629" s="10">
        <v>20.488750570000001</v>
      </c>
    </row>
    <row r="12630" spans="1:10" x14ac:dyDescent="0.35">
      <c r="A12630" t="s">
        <v>22</v>
      </c>
      <c r="B12630" t="s">
        <v>78</v>
      </c>
      <c r="C12630" t="s">
        <v>117</v>
      </c>
      <c r="D12630" t="s">
        <v>118</v>
      </c>
      <c r="E12630">
        <v>2015</v>
      </c>
      <c r="F12630">
        <v>2015</v>
      </c>
      <c r="G12630" t="s">
        <v>125</v>
      </c>
      <c r="H12630" t="s">
        <v>123</v>
      </c>
      <c r="I12630" t="s">
        <v>15</v>
      </c>
      <c r="J12630" s="10">
        <v>15.1650426</v>
      </c>
    </row>
    <row r="12631" spans="1:10" x14ac:dyDescent="0.35">
      <c r="A12631" t="s">
        <v>22</v>
      </c>
      <c r="B12631" t="s">
        <v>78</v>
      </c>
      <c r="C12631" t="s">
        <v>117</v>
      </c>
      <c r="D12631" t="s">
        <v>118</v>
      </c>
      <c r="E12631">
        <v>2015</v>
      </c>
      <c r="F12631">
        <v>2015</v>
      </c>
      <c r="G12631" t="s">
        <v>125</v>
      </c>
      <c r="H12631" t="s">
        <v>124</v>
      </c>
      <c r="I12631" t="s">
        <v>15</v>
      </c>
      <c r="J12631" s="10">
        <v>1.4131932039999999</v>
      </c>
    </row>
    <row r="12632" spans="1:10" x14ac:dyDescent="0.35">
      <c r="A12632" t="s">
        <v>22</v>
      </c>
      <c r="B12632" t="s">
        <v>78</v>
      </c>
      <c r="C12632" t="s">
        <v>117</v>
      </c>
      <c r="D12632" t="s">
        <v>118</v>
      </c>
      <c r="E12632">
        <v>2015</v>
      </c>
      <c r="F12632">
        <v>2015</v>
      </c>
      <c r="G12632" t="s">
        <v>126</v>
      </c>
      <c r="H12632" t="s">
        <v>119</v>
      </c>
      <c r="I12632" t="s">
        <v>15</v>
      </c>
      <c r="J12632" s="10">
        <v>17.28705605</v>
      </c>
    </row>
    <row r="12633" spans="1:10" x14ac:dyDescent="0.35">
      <c r="A12633" t="s">
        <v>22</v>
      </c>
      <c r="B12633" t="s">
        <v>78</v>
      </c>
      <c r="C12633" t="s">
        <v>117</v>
      </c>
      <c r="D12633" t="s">
        <v>118</v>
      </c>
      <c r="E12633">
        <v>2015</v>
      </c>
      <c r="F12633">
        <v>2015</v>
      </c>
      <c r="G12633" t="s">
        <v>126</v>
      </c>
      <c r="H12633" t="s">
        <v>120</v>
      </c>
      <c r="I12633" t="s">
        <v>15</v>
      </c>
      <c r="J12633" s="10">
        <v>11.47393441</v>
      </c>
    </row>
    <row r="12634" spans="1:10" x14ac:dyDescent="0.35">
      <c r="A12634" t="s">
        <v>22</v>
      </c>
      <c r="B12634" t="s">
        <v>78</v>
      </c>
      <c r="C12634" t="s">
        <v>117</v>
      </c>
      <c r="D12634" t="s">
        <v>118</v>
      </c>
      <c r="E12634">
        <v>2015</v>
      </c>
      <c r="F12634">
        <v>2015</v>
      </c>
      <c r="G12634" t="s">
        <v>126</v>
      </c>
      <c r="H12634" t="s">
        <v>121</v>
      </c>
      <c r="I12634" t="s">
        <v>15</v>
      </c>
      <c r="J12634" s="10">
        <v>32.194863040000001</v>
      </c>
    </row>
    <row r="12635" spans="1:10" x14ac:dyDescent="0.35">
      <c r="A12635" t="s">
        <v>22</v>
      </c>
      <c r="B12635" t="s">
        <v>78</v>
      </c>
      <c r="C12635" t="s">
        <v>117</v>
      </c>
      <c r="D12635" t="s">
        <v>118</v>
      </c>
      <c r="E12635">
        <v>2015</v>
      </c>
      <c r="F12635">
        <v>2015</v>
      </c>
      <c r="G12635" t="s">
        <v>126</v>
      </c>
      <c r="H12635" t="s">
        <v>122</v>
      </c>
      <c r="I12635" t="s">
        <v>15</v>
      </c>
      <c r="J12635" s="10">
        <v>19.91553781</v>
      </c>
    </row>
    <row r="12636" spans="1:10" x14ac:dyDescent="0.35">
      <c r="A12636" t="s">
        <v>22</v>
      </c>
      <c r="B12636" t="s">
        <v>78</v>
      </c>
      <c r="C12636" t="s">
        <v>117</v>
      </c>
      <c r="D12636" t="s">
        <v>118</v>
      </c>
      <c r="E12636">
        <v>2015</v>
      </c>
      <c r="F12636">
        <v>2015</v>
      </c>
      <c r="G12636" t="s">
        <v>126</v>
      </c>
      <c r="H12636" t="s">
        <v>123</v>
      </c>
      <c r="I12636" t="s">
        <v>15</v>
      </c>
      <c r="J12636" s="10">
        <v>16.560127390000002</v>
      </c>
    </row>
    <row r="12637" spans="1:10" x14ac:dyDescent="0.35">
      <c r="A12637" t="s">
        <v>22</v>
      </c>
      <c r="B12637" t="s">
        <v>78</v>
      </c>
      <c r="C12637" t="s">
        <v>117</v>
      </c>
      <c r="D12637" t="s">
        <v>118</v>
      </c>
      <c r="E12637">
        <v>2015</v>
      </c>
      <c r="F12637">
        <v>2015</v>
      </c>
      <c r="G12637" t="s">
        <v>126</v>
      </c>
      <c r="H12637" t="s">
        <v>124</v>
      </c>
      <c r="I12637" t="s">
        <v>15</v>
      </c>
      <c r="J12637" s="10">
        <v>2.5684812959999999</v>
      </c>
    </row>
    <row r="12638" spans="1:10" x14ac:dyDescent="0.35">
      <c r="A12638" t="s">
        <v>22</v>
      </c>
      <c r="B12638" t="s">
        <v>78</v>
      </c>
      <c r="C12638" t="s">
        <v>117</v>
      </c>
      <c r="D12638" t="s">
        <v>118</v>
      </c>
      <c r="E12638">
        <v>2014</v>
      </c>
      <c r="F12638">
        <v>2014</v>
      </c>
      <c r="G12638" t="s">
        <v>14</v>
      </c>
      <c r="H12638" t="s">
        <v>119</v>
      </c>
      <c r="I12638" t="s">
        <v>15</v>
      </c>
      <c r="J12638" s="10">
        <v>18.321549340000001</v>
      </c>
    </row>
    <row r="12639" spans="1:10" x14ac:dyDescent="0.35">
      <c r="A12639" t="s">
        <v>22</v>
      </c>
      <c r="B12639" t="s">
        <v>78</v>
      </c>
      <c r="C12639" t="s">
        <v>117</v>
      </c>
      <c r="D12639" t="s">
        <v>118</v>
      </c>
      <c r="E12639">
        <v>2014</v>
      </c>
      <c r="F12639">
        <v>2014</v>
      </c>
      <c r="G12639" t="s">
        <v>14</v>
      </c>
      <c r="H12639" t="s">
        <v>120</v>
      </c>
      <c r="I12639" t="s">
        <v>15</v>
      </c>
      <c r="J12639" s="10">
        <v>11.590531820000001</v>
      </c>
    </row>
    <row r="12640" spans="1:10" x14ac:dyDescent="0.35">
      <c r="A12640" t="s">
        <v>22</v>
      </c>
      <c r="B12640" t="s">
        <v>78</v>
      </c>
      <c r="C12640" t="s">
        <v>117</v>
      </c>
      <c r="D12640" t="s">
        <v>118</v>
      </c>
      <c r="E12640">
        <v>2014</v>
      </c>
      <c r="F12640">
        <v>2014</v>
      </c>
      <c r="G12640" t="s">
        <v>14</v>
      </c>
      <c r="H12640" t="s">
        <v>121</v>
      </c>
      <c r="I12640" t="s">
        <v>15</v>
      </c>
      <c r="J12640" s="10">
        <v>32.08607439</v>
      </c>
    </row>
    <row r="12641" spans="1:10" x14ac:dyDescent="0.35">
      <c r="A12641" t="s">
        <v>22</v>
      </c>
      <c r="B12641" t="s">
        <v>78</v>
      </c>
      <c r="C12641" t="s">
        <v>117</v>
      </c>
      <c r="D12641" t="s">
        <v>118</v>
      </c>
      <c r="E12641">
        <v>2014</v>
      </c>
      <c r="F12641">
        <v>2014</v>
      </c>
      <c r="G12641" t="s">
        <v>14</v>
      </c>
      <c r="H12641" t="s">
        <v>122</v>
      </c>
      <c r="I12641" t="s">
        <v>15</v>
      </c>
      <c r="J12641" s="10">
        <v>20.21026745</v>
      </c>
    </row>
    <row r="12642" spans="1:10" x14ac:dyDescent="0.35">
      <c r="A12642" t="s">
        <v>22</v>
      </c>
      <c r="B12642" t="s">
        <v>78</v>
      </c>
      <c r="C12642" t="s">
        <v>117</v>
      </c>
      <c r="D12642" t="s">
        <v>118</v>
      </c>
      <c r="E12642">
        <v>2014</v>
      </c>
      <c r="F12642">
        <v>2014</v>
      </c>
      <c r="G12642" t="s">
        <v>14</v>
      </c>
      <c r="H12642" t="s">
        <v>123</v>
      </c>
      <c r="I12642" t="s">
        <v>15</v>
      </c>
      <c r="J12642" s="10">
        <v>15.803258530000001</v>
      </c>
    </row>
    <row r="12643" spans="1:10" x14ac:dyDescent="0.35">
      <c r="A12643" t="s">
        <v>22</v>
      </c>
      <c r="B12643" t="s">
        <v>78</v>
      </c>
      <c r="C12643" t="s">
        <v>117</v>
      </c>
      <c r="D12643" t="s">
        <v>118</v>
      </c>
      <c r="E12643">
        <v>2014</v>
      </c>
      <c r="F12643">
        <v>2014</v>
      </c>
      <c r="G12643" t="s">
        <v>14</v>
      </c>
      <c r="H12643" t="s">
        <v>124</v>
      </c>
      <c r="I12643" t="s">
        <v>15</v>
      </c>
      <c r="J12643" s="10">
        <v>1.988318475</v>
      </c>
    </row>
    <row r="12644" spans="1:10" x14ac:dyDescent="0.35">
      <c r="A12644" t="s">
        <v>22</v>
      </c>
      <c r="B12644" t="s">
        <v>78</v>
      </c>
      <c r="C12644" t="s">
        <v>117</v>
      </c>
      <c r="D12644" t="s">
        <v>118</v>
      </c>
      <c r="E12644">
        <v>2014</v>
      </c>
      <c r="F12644">
        <v>2014</v>
      </c>
      <c r="G12644" t="s">
        <v>125</v>
      </c>
      <c r="H12644" t="s">
        <v>119</v>
      </c>
      <c r="I12644" t="s">
        <v>15</v>
      </c>
      <c r="J12644" s="10">
        <v>19.609160939999999</v>
      </c>
    </row>
    <row r="12645" spans="1:10" x14ac:dyDescent="0.35">
      <c r="A12645" t="s">
        <v>22</v>
      </c>
      <c r="B12645" t="s">
        <v>78</v>
      </c>
      <c r="C12645" t="s">
        <v>117</v>
      </c>
      <c r="D12645" t="s">
        <v>118</v>
      </c>
      <c r="E12645">
        <v>2014</v>
      </c>
      <c r="F12645">
        <v>2014</v>
      </c>
      <c r="G12645" t="s">
        <v>125</v>
      </c>
      <c r="H12645" t="s">
        <v>120</v>
      </c>
      <c r="I12645" t="s">
        <v>15</v>
      </c>
      <c r="J12645" s="10">
        <v>11.7432663</v>
      </c>
    </row>
    <row r="12646" spans="1:10" x14ac:dyDescent="0.35">
      <c r="A12646" t="s">
        <v>22</v>
      </c>
      <c r="B12646" t="s">
        <v>78</v>
      </c>
      <c r="C12646" t="s">
        <v>117</v>
      </c>
      <c r="D12646" t="s">
        <v>118</v>
      </c>
      <c r="E12646">
        <v>2014</v>
      </c>
      <c r="F12646">
        <v>2014</v>
      </c>
      <c r="G12646" t="s">
        <v>125</v>
      </c>
      <c r="H12646" t="s">
        <v>121</v>
      </c>
      <c r="I12646" t="s">
        <v>15</v>
      </c>
      <c r="J12646" s="10">
        <v>31.82805149</v>
      </c>
    </row>
    <row r="12647" spans="1:10" x14ac:dyDescent="0.35">
      <c r="A12647" t="s">
        <v>22</v>
      </c>
      <c r="B12647" t="s">
        <v>78</v>
      </c>
      <c r="C12647" t="s">
        <v>117</v>
      </c>
      <c r="D12647" t="s">
        <v>118</v>
      </c>
      <c r="E12647">
        <v>2014</v>
      </c>
      <c r="F12647">
        <v>2014</v>
      </c>
      <c r="G12647" t="s">
        <v>125</v>
      </c>
      <c r="H12647" t="s">
        <v>122</v>
      </c>
      <c r="I12647" t="s">
        <v>15</v>
      </c>
      <c r="J12647" s="10">
        <v>20.477692189999999</v>
      </c>
    </row>
    <row r="12648" spans="1:10" x14ac:dyDescent="0.35">
      <c r="A12648" t="s">
        <v>22</v>
      </c>
      <c r="B12648" t="s">
        <v>78</v>
      </c>
      <c r="C12648" t="s">
        <v>117</v>
      </c>
      <c r="D12648" t="s">
        <v>118</v>
      </c>
      <c r="E12648">
        <v>2014</v>
      </c>
      <c r="F12648">
        <v>2014</v>
      </c>
      <c r="G12648" t="s">
        <v>125</v>
      </c>
      <c r="H12648" t="s">
        <v>123</v>
      </c>
      <c r="I12648" t="s">
        <v>15</v>
      </c>
      <c r="J12648" s="10">
        <v>14.989918830000001</v>
      </c>
    </row>
    <row r="12649" spans="1:10" x14ac:dyDescent="0.35">
      <c r="A12649" t="s">
        <v>22</v>
      </c>
      <c r="B12649" t="s">
        <v>78</v>
      </c>
      <c r="C12649" t="s">
        <v>117</v>
      </c>
      <c r="D12649" t="s">
        <v>118</v>
      </c>
      <c r="E12649">
        <v>2014</v>
      </c>
      <c r="F12649">
        <v>2014</v>
      </c>
      <c r="G12649" t="s">
        <v>125</v>
      </c>
      <c r="H12649" t="s">
        <v>124</v>
      </c>
      <c r="I12649" t="s">
        <v>15</v>
      </c>
      <c r="J12649" s="10">
        <v>1.3519102519999999</v>
      </c>
    </row>
    <row r="12650" spans="1:10" x14ac:dyDescent="0.35">
      <c r="A12650" t="s">
        <v>22</v>
      </c>
      <c r="B12650" t="s">
        <v>78</v>
      </c>
      <c r="C12650" t="s">
        <v>117</v>
      </c>
      <c r="D12650" t="s">
        <v>118</v>
      </c>
      <c r="E12650">
        <v>2014</v>
      </c>
      <c r="F12650">
        <v>2014</v>
      </c>
      <c r="G12650" t="s">
        <v>126</v>
      </c>
      <c r="H12650" t="s">
        <v>119</v>
      </c>
      <c r="I12650" t="s">
        <v>15</v>
      </c>
      <c r="J12650" s="10">
        <v>17.153310350000002</v>
      </c>
    </row>
    <row r="12651" spans="1:10" x14ac:dyDescent="0.35">
      <c r="A12651" t="s">
        <v>22</v>
      </c>
      <c r="B12651" t="s">
        <v>78</v>
      </c>
      <c r="C12651" t="s">
        <v>117</v>
      </c>
      <c r="D12651" t="s">
        <v>118</v>
      </c>
      <c r="E12651">
        <v>2014</v>
      </c>
      <c r="F12651">
        <v>2014</v>
      </c>
      <c r="G12651" t="s">
        <v>126</v>
      </c>
      <c r="H12651" t="s">
        <v>120</v>
      </c>
      <c r="I12651" t="s">
        <v>15</v>
      </c>
      <c r="J12651" s="10">
        <v>11.45195713</v>
      </c>
    </row>
    <row r="12652" spans="1:10" x14ac:dyDescent="0.35">
      <c r="A12652" t="s">
        <v>22</v>
      </c>
      <c r="B12652" t="s">
        <v>78</v>
      </c>
      <c r="C12652" t="s">
        <v>117</v>
      </c>
      <c r="D12652" t="s">
        <v>118</v>
      </c>
      <c r="E12652">
        <v>2014</v>
      </c>
      <c r="F12652">
        <v>2014</v>
      </c>
      <c r="G12652" t="s">
        <v>126</v>
      </c>
      <c r="H12652" t="s">
        <v>121</v>
      </c>
      <c r="I12652" t="s">
        <v>15</v>
      </c>
      <c r="J12652" s="10">
        <v>32.320176359999998</v>
      </c>
    </row>
    <row r="12653" spans="1:10" x14ac:dyDescent="0.35">
      <c r="A12653" t="s">
        <v>22</v>
      </c>
      <c r="B12653" t="s">
        <v>78</v>
      </c>
      <c r="C12653" t="s">
        <v>117</v>
      </c>
      <c r="D12653" t="s">
        <v>118</v>
      </c>
      <c r="E12653">
        <v>2014</v>
      </c>
      <c r="F12653">
        <v>2014</v>
      </c>
      <c r="G12653" t="s">
        <v>126</v>
      </c>
      <c r="H12653" t="s">
        <v>122</v>
      </c>
      <c r="I12653" t="s">
        <v>15</v>
      </c>
      <c r="J12653" s="10">
        <v>19.967635260000002</v>
      </c>
    </row>
    <row r="12654" spans="1:10" x14ac:dyDescent="0.35">
      <c r="A12654" t="s">
        <v>22</v>
      </c>
      <c r="B12654" t="s">
        <v>78</v>
      </c>
      <c r="C12654" t="s">
        <v>117</v>
      </c>
      <c r="D12654" t="s">
        <v>118</v>
      </c>
      <c r="E12654">
        <v>2014</v>
      </c>
      <c r="F12654">
        <v>2014</v>
      </c>
      <c r="G12654" t="s">
        <v>126</v>
      </c>
      <c r="H12654" t="s">
        <v>123</v>
      </c>
      <c r="I12654" t="s">
        <v>15</v>
      </c>
      <c r="J12654" s="10">
        <v>16.54119468</v>
      </c>
    </row>
    <row r="12655" spans="1:10" x14ac:dyDescent="0.35">
      <c r="A12655" t="s">
        <v>22</v>
      </c>
      <c r="B12655" t="s">
        <v>78</v>
      </c>
      <c r="C12655" t="s">
        <v>117</v>
      </c>
      <c r="D12655" t="s">
        <v>118</v>
      </c>
      <c r="E12655">
        <v>2014</v>
      </c>
      <c r="F12655">
        <v>2014</v>
      </c>
      <c r="G12655" t="s">
        <v>126</v>
      </c>
      <c r="H12655" t="s">
        <v>124</v>
      </c>
      <c r="I12655" t="s">
        <v>15</v>
      </c>
      <c r="J12655" s="10">
        <v>2.565726213</v>
      </c>
    </row>
    <row r="12656" spans="1:10" x14ac:dyDescent="0.35">
      <c r="A12656" t="s">
        <v>22</v>
      </c>
      <c r="B12656" t="s">
        <v>78</v>
      </c>
      <c r="C12656" t="s">
        <v>117</v>
      </c>
      <c r="D12656" t="s">
        <v>118</v>
      </c>
      <c r="E12656">
        <v>2013</v>
      </c>
      <c r="F12656">
        <v>2013</v>
      </c>
      <c r="G12656" t="s">
        <v>14</v>
      </c>
      <c r="H12656" t="s">
        <v>119</v>
      </c>
      <c r="I12656" t="s">
        <v>15</v>
      </c>
      <c r="J12656" s="10">
        <v>18.257689769999999</v>
      </c>
    </row>
    <row r="12657" spans="1:10" x14ac:dyDescent="0.35">
      <c r="A12657" t="s">
        <v>22</v>
      </c>
      <c r="B12657" t="s">
        <v>78</v>
      </c>
      <c r="C12657" t="s">
        <v>117</v>
      </c>
      <c r="D12657" t="s">
        <v>118</v>
      </c>
      <c r="E12657">
        <v>2013</v>
      </c>
      <c r="F12657">
        <v>2013</v>
      </c>
      <c r="G12657" t="s">
        <v>14</v>
      </c>
      <c r="H12657" t="s">
        <v>120</v>
      </c>
      <c r="I12657" t="s">
        <v>15</v>
      </c>
      <c r="J12657" s="10">
        <v>11.789947639999999</v>
      </c>
    </row>
    <row r="12658" spans="1:10" x14ac:dyDescent="0.35">
      <c r="A12658" t="s">
        <v>22</v>
      </c>
      <c r="B12658" t="s">
        <v>78</v>
      </c>
      <c r="C12658" t="s">
        <v>117</v>
      </c>
      <c r="D12658" t="s">
        <v>118</v>
      </c>
      <c r="E12658">
        <v>2013</v>
      </c>
      <c r="F12658">
        <v>2013</v>
      </c>
      <c r="G12658" t="s">
        <v>14</v>
      </c>
      <c r="H12658" t="s">
        <v>121</v>
      </c>
      <c r="I12658" t="s">
        <v>15</v>
      </c>
      <c r="J12658" s="10">
        <v>32.223037599999998</v>
      </c>
    </row>
    <row r="12659" spans="1:10" x14ac:dyDescent="0.35">
      <c r="A12659" t="s">
        <v>22</v>
      </c>
      <c r="B12659" t="s">
        <v>78</v>
      </c>
      <c r="C12659" t="s">
        <v>117</v>
      </c>
      <c r="D12659" t="s">
        <v>118</v>
      </c>
      <c r="E12659">
        <v>2013</v>
      </c>
      <c r="F12659">
        <v>2013</v>
      </c>
      <c r="G12659" t="s">
        <v>14</v>
      </c>
      <c r="H12659" t="s">
        <v>122</v>
      </c>
      <c r="I12659" t="s">
        <v>15</v>
      </c>
      <c r="J12659" s="10">
        <v>20.174380280000001</v>
      </c>
    </row>
    <row r="12660" spans="1:10" x14ac:dyDescent="0.35">
      <c r="A12660" t="s">
        <v>22</v>
      </c>
      <c r="B12660" t="s">
        <v>78</v>
      </c>
      <c r="C12660" t="s">
        <v>117</v>
      </c>
      <c r="D12660" t="s">
        <v>118</v>
      </c>
      <c r="E12660">
        <v>2013</v>
      </c>
      <c r="F12660">
        <v>2013</v>
      </c>
      <c r="G12660" t="s">
        <v>14</v>
      </c>
      <c r="H12660" t="s">
        <v>123</v>
      </c>
      <c r="I12660" t="s">
        <v>15</v>
      </c>
      <c r="J12660" s="10">
        <v>15.599696509999999</v>
      </c>
    </row>
    <row r="12661" spans="1:10" x14ac:dyDescent="0.35">
      <c r="A12661" t="s">
        <v>22</v>
      </c>
      <c r="B12661" t="s">
        <v>78</v>
      </c>
      <c r="C12661" t="s">
        <v>117</v>
      </c>
      <c r="D12661" t="s">
        <v>118</v>
      </c>
      <c r="E12661">
        <v>2013</v>
      </c>
      <c r="F12661">
        <v>2013</v>
      </c>
      <c r="G12661" t="s">
        <v>14</v>
      </c>
      <c r="H12661" t="s">
        <v>124</v>
      </c>
      <c r="I12661" t="s">
        <v>15</v>
      </c>
      <c r="J12661" s="10">
        <v>1.9552482</v>
      </c>
    </row>
    <row r="12662" spans="1:10" x14ac:dyDescent="0.35">
      <c r="A12662" t="s">
        <v>22</v>
      </c>
      <c r="B12662" t="s">
        <v>78</v>
      </c>
      <c r="C12662" t="s">
        <v>117</v>
      </c>
      <c r="D12662" t="s">
        <v>118</v>
      </c>
      <c r="E12662">
        <v>2013</v>
      </c>
      <c r="F12662">
        <v>2013</v>
      </c>
      <c r="G12662" t="s">
        <v>125</v>
      </c>
      <c r="H12662" t="s">
        <v>119</v>
      </c>
      <c r="I12662" t="s">
        <v>15</v>
      </c>
      <c r="J12662" s="10">
        <v>19.445026729999999</v>
      </c>
    </row>
    <row r="12663" spans="1:10" x14ac:dyDescent="0.35">
      <c r="A12663" t="s">
        <v>22</v>
      </c>
      <c r="B12663" t="s">
        <v>78</v>
      </c>
      <c r="C12663" t="s">
        <v>117</v>
      </c>
      <c r="D12663" t="s">
        <v>118</v>
      </c>
      <c r="E12663">
        <v>2013</v>
      </c>
      <c r="F12663">
        <v>2013</v>
      </c>
      <c r="G12663" t="s">
        <v>125</v>
      </c>
      <c r="H12663" t="s">
        <v>120</v>
      </c>
      <c r="I12663" t="s">
        <v>15</v>
      </c>
      <c r="J12663" s="10">
        <v>11.903888480000001</v>
      </c>
    </row>
    <row r="12664" spans="1:10" x14ac:dyDescent="0.35">
      <c r="A12664" t="s">
        <v>22</v>
      </c>
      <c r="B12664" t="s">
        <v>78</v>
      </c>
      <c r="C12664" t="s">
        <v>117</v>
      </c>
      <c r="D12664" t="s">
        <v>118</v>
      </c>
      <c r="E12664">
        <v>2013</v>
      </c>
      <c r="F12664">
        <v>2013</v>
      </c>
      <c r="G12664" t="s">
        <v>125</v>
      </c>
      <c r="H12664" t="s">
        <v>121</v>
      </c>
      <c r="I12664" t="s">
        <v>15</v>
      </c>
      <c r="J12664" s="10">
        <v>32.035426059999999</v>
      </c>
    </row>
    <row r="12665" spans="1:10" x14ac:dyDescent="0.35">
      <c r="A12665" t="s">
        <v>22</v>
      </c>
      <c r="B12665" t="s">
        <v>78</v>
      </c>
      <c r="C12665" t="s">
        <v>117</v>
      </c>
      <c r="D12665" t="s">
        <v>118</v>
      </c>
      <c r="E12665">
        <v>2013</v>
      </c>
      <c r="F12665">
        <v>2013</v>
      </c>
      <c r="G12665" t="s">
        <v>125</v>
      </c>
      <c r="H12665" t="s">
        <v>122</v>
      </c>
      <c r="I12665" t="s">
        <v>15</v>
      </c>
      <c r="J12665" s="10">
        <v>20.535059220000001</v>
      </c>
    </row>
    <row r="12666" spans="1:10" x14ac:dyDescent="0.35">
      <c r="A12666" t="s">
        <v>22</v>
      </c>
      <c r="B12666" t="s">
        <v>78</v>
      </c>
      <c r="C12666" t="s">
        <v>117</v>
      </c>
      <c r="D12666" t="s">
        <v>118</v>
      </c>
      <c r="E12666">
        <v>2013</v>
      </c>
      <c r="F12666">
        <v>2013</v>
      </c>
      <c r="G12666" t="s">
        <v>125</v>
      </c>
      <c r="H12666" t="s">
        <v>123</v>
      </c>
      <c r="I12666" t="s">
        <v>15</v>
      </c>
      <c r="J12666" s="10">
        <v>14.770464309999999</v>
      </c>
    </row>
    <row r="12667" spans="1:10" x14ac:dyDescent="0.35">
      <c r="A12667" t="s">
        <v>22</v>
      </c>
      <c r="B12667" t="s">
        <v>78</v>
      </c>
      <c r="C12667" t="s">
        <v>117</v>
      </c>
      <c r="D12667" t="s">
        <v>118</v>
      </c>
      <c r="E12667">
        <v>2013</v>
      </c>
      <c r="F12667">
        <v>2013</v>
      </c>
      <c r="G12667" t="s">
        <v>125</v>
      </c>
      <c r="H12667" t="s">
        <v>124</v>
      </c>
      <c r="I12667" t="s">
        <v>15</v>
      </c>
      <c r="J12667" s="10">
        <v>1.310135206</v>
      </c>
    </row>
    <row r="12668" spans="1:10" x14ac:dyDescent="0.35">
      <c r="A12668" t="s">
        <v>22</v>
      </c>
      <c r="B12668" t="s">
        <v>78</v>
      </c>
      <c r="C12668" t="s">
        <v>117</v>
      </c>
      <c r="D12668" t="s">
        <v>118</v>
      </c>
      <c r="E12668">
        <v>2013</v>
      </c>
      <c r="F12668">
        <v>2013</v>
      </c>
      <c r="G12668" t="s">
        <v>126</v>
      </c>
      <c r="H12668" t="s">
        <v>119</v>
      </c>
      <c r="I12668" t="s">
        <v>15</v>
      </c>
      <c r="J12668" s="10">
        <v>17.184799340000001</v>
      </c>
    </row>
    <row r="12669" spans="1:10" x14ac:dyDescent="0.35">
      <c r="A12669" t="s">
        <v>22</v>
      </c>
      <c r="B12669" t="s">
        <v>78</v>
      </c>
      <c r="C12669" t="s">
        <v>117</v>
      </c>
      <c r="D12669" t="s">
        <v>118</v>
      </c>
      <c r="E12669">
        <v>2013</v>
      </c>
      <c r="F12669">
        <v>2013</v>
      </c>
      <c r="G12669" t="s">
        <v>126</v>
      </c>
      <c r="H12669" t="s">
        <v>120</v>
      </c>
      <c r="I12669" t="s">
        <v>15</v>
      </c>
      <c r="J12669" s="10">
        <v>11.686989459999999</v>
      </c>
    </row>
    <row r="12670" spans="1:10" x14ac:dyDescent="0.35">
      <c r="A12670" t="s">
        <v>22</v>
      </c>
      <c r="B12670" t="s">
        <v>78</v>
      </c>
      <c r="C12670" t="s">
        <v>117</v>
      </c>
      <c r="D12670" t="s">
        <v>118</v>
      </c>
      <c r="E12670">
        <v>2013</v>
      </c>
      <c r="F12670">
        <v>2013</v>
      </c>
      <c r="G12670" t="s">
        <v>126</v>
      </c>
      <c r="H12670" t="s">
        <v>121</v>
      </c>
      <c r="I12670" t="s">
        <v>15</v>
      </c>
      <c r="J12670" s="10">
        <v>32.392565410000003</v>
      </c>
    </row>
    <row r="12671" spans="1:10" x14ac:dyDescent="0.35">
      <c r="A12671" t="s">
        <v>22</v>
      </c>
      <c r="B12671" t="s">
        <v>78</v>
      </c>
      <c r="C12671" t="s">
        <v>117</v>
      </c>
      <c r="D12671" t="s">
        <v>118</v>
      </c>
      <c r="E12671">
        <v>2013</v>
      </c>
      <c r="F12671">
        <v>2013</v>
      </c>
      <c r="G12671" t="s">
        <v>126</v>
      </c>
      <c r="H12671" t="s">
        <v>122</v>
      </c>
      <c r="I12671" t="s">
        <v>15</v>
      </c>
      <c r="J12671" s="10">
        <v>19.848466909999999</v>
      </c>
    </row>
    <row r="12672" spans="1:10" x14ac:dyDescent="0.35">
      <c r="A12672" t="s">
        <v>22</v>
      </c>
      <c r="B12672" t="s">
        <v>78</v>
      </c>
      <c r="C12672" t="s">
        <v>117</v>
      </c>
      <c r="D12672" t="s">
        <v>118</v>
      </c>
      <c r="E12672">
        <v>2013</v>
      </c>
      <c r="F12672">
        <v>2013</v>
      </c>
      <c r="G12672" t="s">
        <v>126</v>
      </c>
      <c r="H12672" t="s">
        <v>123</v>
      </c>
      <c r="I12672" t="s">
        <v>15</v>
      </c>
      <c r="J12672" s="10">
        <v>16.348999639999999</v>
      </c>
    </row>
    <row r="12673" spans="1:10" x14ac:dyDescent="0.35">
      <c r="A12673" t="s">
        <v>22</v>
      </c>
      <c r="B12673" t="s">
        <v>78</v>
      </c>
      <c r="C12673" t="s">
        <v>117</v>
      </c>
      <c r="D12673" t="s">
        <v>118</v>
      </c>
      <c r="E12673">
        <v>2013</v>
      </c>
      <c r="F12673">
        <v>2013</v>
      </c>
      <c r="G12673" t="s">
        <v>126</v>
      </c>
      <c r="H12673" t="s">
        <v>124</v>
      </c>
      <c r="I12673" t="s">
        <v>15</v>
      </c>
      <c r="J12673" s="10">
        <v>2.5381792349999999</v>
      </c>
    </row>
    <row r="12674" spans="1:10" x14ac:dyDescent="0.35">
      <c r="A12674" t="s">
        <v>22</v>
      </c>
      <c r="B12674" t="s">
        <v>78</v>
      </c>
      <c r="C12674" t="s">
        <v>117</v>
      </c>
      <c r="D12674" t="s">
        <v>118</v>
      </c>
      <c r="E12674">
        <v>2012</v>
      </c>
      <c r="F12674">
        <v>2012</v>
      </c>
      <c r="G12674" t="s">
        <v>14</v>
      </c>
      <c r="H12674" t="s">
        <v>119</v>
      </c>
      <c r="I12674" t="s">
        <v>15</v>
      </c>
      <c r="J12674" s="10">
        <v>18.281680569999999</v>
      </c>
    </row>
    <row r="12675" spans="1:10" x14ac:dyDescent="0.35">
      <c r="A12675" t="s">
        <v>22</v>
      </c>
      <c r="B12675" t="s">
        <v>78</v>
      </c>
      <c r="C12675" t="s">
        <v>117</v>
      </c>
      <c r="D12675" t="s">
        <v>118</v>
      </c>
      <c r="E12675">
        <v>2012</v>
      </c>
      <c r="F12675">
        <v>2012</v>
      </c>
      <c r="G12675" t="s">
        <v>14</v>
      </c>
      <c r="H12675" t="s">
        <v>120</v>
      </c>
      <c r="I12675" t="s">
        <v>15</v>
      </c>
      <c r="J12675" s="10">
        <v>11.853082179999999</v>
      </c>
    </row>
    <row r="12676" spans="1:10" x14ac:dyDescent="0.35">
      <c r="A12676" t="s">
        <v>22</v>
      </c>
      <c r="B12676" t="s">
        <v>78</v>
      </c>
      <c r="C12676" t="s">
        <v>117</v>
      </c>
      <c r="D12676" t="s">
        <v>118</v>
      </c>
      <c r="E12676">
        <v>2012</v>
      </c>
      <c r="F12676">
        <v>2012</v>
      </c>
      <c r="G12676" t="s">
        <v>14</v>
      </c>
      <c r="H12676" t="s">
        <v>121</v>
      </c>
      <c r="I12676" t="s">
        <v>15</v>
      </c>
      <c r="J12676" s="10">
        <v>32.529286679999998</v>
      </c>
    </row>
    <row r="12677" spans="1:10" x14ac:dyDescent="0.35">
      <c r="A12677" t="s">
        <v>22</v>
      </c>
      <c r="B12677" t="s">
        <v>78</v>
      </c>
      <c r="C12677" t="s">
        <v>117</v>
      </c>
      <c r="D12677" t="s">
        <v>118</v>
      </c>
      <c r="E12677">
        <v>2012</v>
      </c>
      <c r="F12677">
        <v>2012</v>
      </c>
      <c r="G12677" t="s">
        <v>14</v>
      </c>
      <c r="H12677" t="s">
        <v>122</v>
      </c>
      <c r="I12677" t="s">
        <v>15</v>
      </c>
      <c r="J12677" s="10">
        <v>20.053351450000001</v>
      </c>
    </row>
    <row r="12678" spans="1:10" x14ac:dyDescent="0.35">
      <c r="A12678" t="s">
        <v>22</v>
      </c>
      <c r="B12678" t="s">
        <v>78</v>
      </c>
      <c r="C12678" t="s">
        <v>117</v>
      </c>
      <c r="D12678" t="s">
        <v>118</v>
      </c>
      <c r="E12678">
        <v>2012</v>
      </c>
      <c r="F12678">
        <v>2012</v>
      </c>
      <c r="G12678" t="s">
        <v>14</v>
      </c>
      <c r="H12678" t="s">
        <v>123</v>
      </c>
      <c r="I12678" t="s">
        <v>15</v>
      </c>
      <c r="J12678" s="10">
        <v>15.283177930000001</v>
      </c>
    </row>
    <row r="12679" spans="1:10" x14ac:dyDescent="0.35">
      <c r="A12679" t="s">
        <v>22</v>
      </c>
      <c r="B12679" t="s">
        <v>78</v>
      </c>
      <c r="C12679" t="s">
        <v>117</v>
      </c>
      <c r="D12679" t="s">
        <v>118</v>
      </c>
      <c r="E12679">
        <v>2012</v>
      </c>
      <c r="F12679">
        <v>2012</v>
      </c>
      <c r="G12679" t="s">
        <v>14</v>
      </c>
      <c r="H12679" t="s">
        <v>124</v>
      </c>
      <c r="I12679" t="s">
        <v>15</v>
      </c>
      <c r="J12679" s="10">
        <v>1.999421187</v>
      </c>
    </row>
    <row r="12680" spans="1:10" x14ac:dyDescent="0.35">
      <c r="A12680" t="s">
        <v>22</v>
      </c>
      <c r="B12680" t="s">
        <v>78</v>
      </c>
      <c r="C12680" t="s">
        <v>117</v>
      </c>
      <c r="D12680" t="s">
        <v>118</v>
      </c>
      <c r="E12680">
        <v>2012</v>
      </c>
      <c r="F12680">
        <v>2012</v>
      </c>
      <c r="G12680" t="s">
        <v>125</v>
      </c>
      <c r="H12680" t="s">
        <v>119</v>
      </c>
      <c r="I12680" t="s">
        <v>15</v>
      </c>
      <c r="J12680" s="10">
        <v>19.483929140000001</v>
      </c>
    </row>
    <row r="12681" spans="1:10" x14ac:dyDescent="0.35">
      <c r="A12681" t="s">
        <v>22</v>
      </c>
      <c r="B12681" t="s">
        <v>78</v>
      </c>
      <c r="C12681" t="s">
        <v>117</v>
      </c>
      <c r="D12681" t="s">
        <v>118</v>
      </c>
      <c r="E12681">
        <v>2012</v>
      </c>
      <c r="F12681">
        <v>2012</v>
      </c>
      <c r="G12681" t="s">
        <v>125</v>
      </c>
      <c r="H12681" t="s">
        <v>120</v>
      </c>
      <c r="I12681" t="s">
        <v>15</v>
      </c>
      <c r="J12681" s="10">
        <v>11.912591490000001</v>
      </c>
    </row>
    <row r="12682" spans="1:10" x14ac:dyDescent="0.35">
      <c r="A12682" t="s">
        <v>22</v>
      </c>
      <c r="B12682" t="s">
        <v>78</v>
      </c>
      <c r="C12682" t="s">
        <v>117</v>
      </c>
      <c r="D12682" t="s">
        <v>118</v>
      </c>
      <c r="E12682">
        <v>2012</v>
      </c>
      <c r="F12682">
        <v>2012</v>
      </c>
      <c r="G12682" t="s">
        <v>125</v>
      </c>
      <c r="H12682" t="s">
        <v>121</v>
      </c>
      <c r="I12682" t="s">
        <v>15</v>
      </c>
      <c r="J12682" s="10">
        <v>32.3326615</v>
      </c>
    </row>
    <row r="12683" spans="1:10" x14ac:dyDescent="0.35">
      <c r="A12683" t="s">
        <v>22</v>
      </c>
      <c r="B12683" t="s">
        <v>78</v>
      </c>
      <c r="C12683" t="s">
        <v>117</v>
      </c>
      <c r="D12683" t="s">
        <v>118</v>
      </c>
      <c r="E12683">
        <v>2012</v>
      </c>
      <c r="F12683">
        <v>2012</v>
      </c>
      <c r="G12683" t="s">
        <v>125</v>
      </c>
      <c r="H12683" t="s">
        <v>122</v>
      </c>
      <c r="I12683" t="s">
        <v>15</v>
      </c>
      <c r="J12683" s="10">
        <v>20.531452210000001</v>
      </c>
    </row>
    <row r="12684" spans="1:10" x14ac:dyDescent="0.35">
      <c r="A12684" t="s">
        <v>22</v>
      </c>
      <c r="B12684" t="s">
        <v>78</v>
      </c>
      <c r="C12684" t="s">
        <v>117</v>
      </c>
      <c r="D12684" t="s">
        <v>118</v>
      </c>
      <c r="E12684">
        <v>2012</v>
      </c>
      <c r="F12684">
        <v>2012</v>
      </c>
      <c r="G12684" t="s">
        <v>125</v>
      </c>
      <c r="H12684" t="s">
        <v>123</v>
      </c>
      <c r="I12684" t="s">
        <v>15</v>
      </c>
      <c r="J12684" s="10">
        <v>14.42929882</v>
      </c>
    </row>
    <row r="12685" spans="1:10" x14ac:dyDescent="0.35">
      <c r="A12685" t="s">
        <v>22</v>
      </c>
      <c r="B12685" t="s">
        <v>78</v>
      </c>
      <c r="C12685" t="s">
        <v>117</v>
      </c>
      <c r="D12685" t="s">
        <v>118</v>
      </c>
      <c r="E12685">
        <v>2012</v>
      </c>
      <c r="F12685">
        <v>2012</v>
      </c>
      <c r="G12685" t="s">
        <v>125</v>
      </c>
      <c r="H12685" t="s">
        <v>124</v>
      </c>
      <c r="I12685" t="s">
        <v>15</v>
      </c>
      <c r="J12685" s="10">
        <v>1.3100668289999999</v>
      </c>
    </row>
    <row r="12686" spans="1:10" x14ac:dyDescent="0.35">
      <c r="A12686" t="s">
        <v>22</v>
      </c>
      <c r="B12686" t="s">
        <v>78</v>
      </c>
      <c r="C12686" t="s">
        <v>117</v>
      </c>
      <c r="D12686" t="s">
        <v>118</v>
      </c>
      <c r="E12686">
        <v>2012</v>
      </c>
      <c r="F12686">
        <v>2012</v>
      </c>
      <c r="G12686" t="s">
        <v>126</v>
      </c>
      <c r="H12686" t="s">
        <v>119</v>
      </c>
      <c r="I12686" t="s">
        <v>15</v>
      </c>
      <c r="J12686" s="10">
        <v>17.196216929999999</v>
      </c>
    </row>
    <row r="12687" spans="1:10" x14ac:dyDescent="0.35">
      <c r="A12687" t="s">
        <v>22</v>
      </c>
      <c r="B12687" t="s">
        <v>78</v>
      </c>
      <c r="C12687" t="s">
        <v>117</v>
      </c>
      <c r="D12687" t="s">
        <v>118</v>
      </c>
      <c r="E12687">
        <v>2012</v>
      </c>
      <c r="F12687">
        <v>2012</v>
      </c>
      <c r="G12687" t="s">
        <v>126</v>
      </c>
      <c r="H12687" t="s">
        <v>120</v>
      </c>
      <c r="I12687" t="s">
        <v>15</v>
      </c>
      <c r="J12687" s="10">
        <v>11.799353529999999</v>
      </c>
    </row>
    <row r="12688" spans="1:10" x14ac:dyDescent="0.35">
      <c r="A12688" t="s">
        <v>22</v>
      </c>
      <c r="B12688" t="s">
        <v>78</v>
      </c>
      <c r="C12688" t="s">
        <v>117</v>
      </c>
      <c r="D12688" t="s">
        <v>118</v>
      </c>
      <c r="E12688">
        <v>2012</v>
      </c>
      <c r="F12688">
        <v>2012</v>
      </c>
      <c r="G12688" t="s">
        <v>126</v>
      </c>
      <c r="H12688" t="s">
        <v>121</v>
      </c>
      <c r="I12688" t="s">
        <v>15</v>
      </c>
      <c r="J12688" s="10">
        <v>32.70681192</v>
      </c>
    </row>
    <row r="12689" spans="1:10" x14ac:dyDescent="0.35">
      <c r="A12689" t="s">
        <v>22</v>
      </c>
      <c r="B12689" t="s">
        <v>78</v>
      </c>
      <c r="C12689" t="s">
        <v>117</v>
      </c>
      <c r="D12689" t="s">
        <v>118</v>
      </c>
      <c r="E12689">
        <v>2012</v>
      </c>
      <c r="F12689">
        <v>2012</v>
      </c>
      <c r="G12689" t="s">
        <v>126</v>
      </c>
      <c r="H12689" t="s">
        <v>122</v>
      </c>
      <c r="I12689" t="s">
        <v>15</v>
      </c>
      <c r="J12689" s="10">
        <v>19.621692800000002</v>
      </c>
    </row>
    <row r="12690" spans="1:10" x14ac:dyDescent="0.35">
      <c r="A12690" t="s">
        <v>22</v>
      </c>
      <c r="B12690" t="s">
        <v>78</v>
      </c>
      <c r="C12690" t="s">
        <v>117</v>
      </c>
      <c r="D12690" t="s">
        <v>118</v>
      </c>
      <c r="E12690">
        <v>2012</v>
      </c>
      <c r="F12690">
        <v>2012</v>
      </c>
      <c r="G12690" t="s">
        <v>126</v>
      </c>
      <c r="H12690" t="s">
        <v>123</v>
      </c>
      <c r="I12690" t="s">
        <v>15</v>
      </c>
      <c r="J12690" s="10">
        <v>16.054112289999999</v>
      </c>
    </row>
    <row r="12691" spans="1:10" x14ac:dyDescent="0.35">
      <c r="A12691" t="s">
        <v>22</v>
      </c>
      <c r="B12691" t="s">
        <v>78</v>
      </c>
      <c r="C12691" t="s">
        <v>117</v>
      </c>
      <c r="D12691" t="s">
        <v>118</v>
      </c>
      <c r="E12691">
        <v>2012</v>
      </c>
      <c r="F12691">
        <v>2012</v>
      </c>
      <c r="G12691" t="s">
        <v>126</v>
      </c>
      <c r="H12691" t="s">
        <v>124</v>
      </c>
      <c r="I12691" t="s">
        <v>15</v>
      </c>
      <c r="J12691" s="10">
        <v>2.6218125219999999</v>
      </c>
    </row>
    <row r="12692" spans="1:10" x14ac:dyDescent="0.35">
      <c r="A12692" t="s">
        <v>22</v>
      </c>
      <c r="B12692" t="s">
        <v>78</v>
      </c>
      <c r="C12692" t="s">
        <v>117</v>
      </c>
      <c r="D12692" t="s">
        <v>118</v>
      </c>
      <c r="E12692">
        <v>2011</v>
      </c>
      <c r="F12692">
        <v>2011</v>
      </c>
      <c r="G12692" t="s">
        <v>14</v>
      </c>
      <c r="H12692" t="s">
        <v>119</v>
      </c>
      <c r="I12692" t="s">
        <v>15</v>
      </c>
      <c r="J12692" s="10">
        <v>18.168484150000001</v>
      </c>
    </row>
    <row r="12693" spans="1:10" x14ac:dyDescent="0.35">
      <c r="A12693" t="s">
        <v>22</v>
      </c>
      <c r="B12693" t="s">
        <v>78</v>
      </c>
      <c r="C12693" t="s">
        <v>117</v>
      </c>
      <c r="D12693" t="s">
        <v>118</v>
      </c>
      <c r="E12693">
        <v>2011</v>
      </c>
      <c r="F12693">
        <v>2011</v>
      </c>
      <c r="G12693" t="s">
        <v>14</v>
      </c>
      <c r="H12693" t="s">
        <v>120</v>
      </c>
      <c r="I12693" t="s">
        <v>15</v>
      </c>
      <c r="J12693" s="10">
        <v>11.77986098</v>
      </c>
    </row>
    <row r="12694" spans="1:10" x14ac:dyDescent="0.35">
      <c r="A12694" t="s">
        <v>22</v>
      </c>
      <c r="B12694" t="s">
        <v>78</v>
      </c>
      <c r="C12694" t="s">
        <v>117</v>
      </c>
      <c r="D12694" t="s">
        <v>118</v>
      </c>
      <c r="E12694">
        <v>2011</v>
      </c>
      <c r="F12694">
        <v>2011</v>
      </c>
      <c r="G12694" t="s">
        <v>14</v>
      </c>
      <c r="H12694" t="s">
        <v>121</v>
      </c>
      <c r="I12694" t="s">
        <v>15</v>
      </c>
      <c r="J12694" s="10">
        <v>32.940501240000003</v>
      </c>
    </row>
    <row r="12695" spans="1:10" x14ac:dyDescent="0.35">
      <c r="A12695" t="s">
        <v>22</v>
      </c>
      <c r="B12695" t="s">
        <v>78</v>
      </c>
      <c r="C12695" t="s">
        <v>117</v>
      </c>
      <c r="D12695" t="s">
        <v>118</v>
      </c>
      <c r="E12695">
        <v>2011</v>
      </c>
      <c r="F12695">
        <v>2011</v>
      </c>
      <c r="G12695" t="s">
        <v>14</v>
      </c>
      <c r="H12695" t="s">
        <v>122</v>
      </c>
      <c r="I12695" t="s">
        <v>15</v>
      </c>
      <c r="J12695" s="10">
        <v>20.32140807</v>
      </c>
    </row>
    <row r="12696" spans="1:10" x14ac:dyDescent="0.35">
      <c r="A12696" t="s">
        <v>22</v>
      </c>
      <c r="B12696" t="s">
        <v>78</v>
      </c>
      <c r="C12696" t="s">
        <v>117</v>
      </c>
      <c r="D12696" t="s">
        <v>118</v>
      </c>
      <c r="E12696">
        <v>2011</v>
      </c>
      <c r="F12696">
        <v>2011</v>
      </c>
      <c r="G12696" t="s">
        <v>14</v>
      </c>
      <c r="H12696" t="s">
        <v>123</v>
      </c>
      <c r="I12696" t="s">
        <v>15</v>
      </c>
      <c r="J12696" s="10">
        <v>14.85236911</v>
      </c>
    </row>
    <row r="12697" spans="1:10" x14ac:dyDescent="0.35">
      <c r="A12697" t="s">
        <v>22</v>
      </c>
      <c r="B12697" t="s">
        <v>78</v>
      </c>
      <c r="C12697" t="s">
        <v>117</v>
      </c>
      <c r="D12697" t="s">
        <v>118</v>
      </c>
      <c r="E12697">
        <v>2011</v>
      </c>
      <c r="F12697">
        <v>2011</v>
      </c>
      <c r="G12697" t="s">
        <v>14</v>
      </c>
      <c r="H12697" t="s">
        <v>124</v>
      </c>
      <c r="I12697" t="s">
        <v>15</v>
      </c>
      <c r="J12697" s="10">
        <v>1.937376443</v>
      </c>
    </row>
    <row r="12698" spans="1:10" x14ac:dyDescent="0.35">
      <c r="A12698" t="s">
        <v>22</v>
      </c>
      <c r="B12698" t="s">
        <v>78</v>
      </c>
      <c r="C12698" t="s">
        <v>117</v>
      </c>
      <c r="D12698" t="s">
        <v>118</v>
      </c>
      <c r="E12698">
        <v>2011</v>
      </c>
      <c r="F12698">
        <v>2011</v>
      </c>
      <c r="G12698" t="s">
        <v>125</v>
      </c>
      <c r="H12698" t="s">
        <v>119</v>
      </c>
      <c r="I12698" t="s">
        <v>15</v>
      </c>
      <c r="J12698" s="10">
        <v>19.413280369999999</v>
      </c>
    </row>
    <row r="12699" spans="1:10" x14ac:dyDescent="0.35">
      <c r="A12699" t="s">
        <v>22</v>
      </c>
      <c r="B12699" t="s">
        <v>78</v>
      </c>
      <c r="C12699" t="s">
        <v>117</v>
      </c>
      <c r="D12699" t="s">
        <v>118</v>
      </c>
      <c r="E12699">
        <v>2011</v>
      </c>
      <c r="F12699">
        <v>2011</v>
      </c>
      <c r="G12699" t="s">
        <v>125</v>
      </c>
      <c r="H12699" t="s">
        <v>120</v>
      </c>
      <c r="I12699" t="s">
        <v>15</v>
      </c>
      <c r="J12699" s="10">
        <v>11.9061678</v>
      </c>
    </row>
    <row r="12700" spans="1:10" x14ac:dyDescent="0.35">
      <c r="A12700" t="s">
        <v>22</v>
      </c>
      <c r="B12700" t="s">
        <v>78</v>
      </c>
      <c r="C12700" t="s">
        <v>117</v>
      </c>
      <c r="D12700" t="s">
        <v>118</v>
      </c>
      <c r="E12700">
        <v>2011</v>
      </c>
      <c r="F12700">
        <v>2011</v>
      </c>
      <c r="G12700" t="s">
        <v>125</v>
      </c>
      <c r="H12700" t="s">
        <v>121</v>
      </c>
      <c r="I12700" t="s">
        <v>15</v>
      </c>
      <c r="J12700" s="10">
        <v>32.763433360000001</v>
      </c>
    </row>
    <row r="12701" spans="1:10" x14ac:dyDescent="0.35">
      <c r="A12701" t="s">
        <v>22</v>
      </c>
      <c r="B12701" t="s">
        <v>78</v>
      </c>
      <c r="C12701" t="s">
        <v>117</v>
      </c>
      <c r="D12701" t="s">
        <v>118</v>
      </c>
      <c r="E12701">
        <v>2011</v>
      </c>
      <c r="F12701">
        <v>2011</v>
      </c>
      <c r="G12701" t="s">
        <v>125</v>
      </c>
      <c r="H12701" t="s">
        <v>122</v>
      </c>
      <c r="I12701" t="s">
        <v>15</v>
      </c>
      <c r="J12701" s="10">
        <v>20.741854100000001</v>
      </c>
    </row>
    <row r="12702" spans="1:10" x14ac:dyDescent="0.35">
      <c r="A12702" t="s">
        <v>22</v>
      </c>
      <c r="B12702" t="s">
        <v>78</v>
      </c>
      <c r="C12702" t="s">
        <v>117</v>
      </c>
      <c r="D12702" t="s">
        <v>118</v>
      </c>
      <c r="E12702">
        <v>2011</v>
      </c>
      <c r="F12702">
        <v>2011</v>
      </c>
      <c r="G12702" t="s">
        <v>125</v>
      </c>
      <c r="H12702" t="s">
        <v>123</v>
      </c>
      <c r="I12702" t="s">
        <v>15</v>
      </c>
      <c r="J12702" s="10">
        <v>13.95673412</v>
      </c>
    </row>
    <row r="12703" spans="1:10" x14ac:dyDescent="0.35">
      <c r="A12703" t="s">
        <v>22</v>
      </c>
      <c r="B12703" t="s">
        <v>78</v>
      </c>
      <c r="C12703" t="s">
        <v>117</v>
      </c>
      <c r="D12703" t="s">
        <v>118</v>
      </c>
      <c r="E12703">
        <v>2011</v>
      </c>
      <c r="F12703">
        <v>2011</v>
      </c>
      <c r="G12703" t="s">
        <v>125</v>
      </c>
      <c r="H12703" t="s">
        <v>124</v>
      </c>
      <c r="I12703" t="s">
        <v>15</v>
      </c>
      <c r="J12703" s="10">
        <v>1.2185302490000001</v>
      </c>
    </row>
    <row r="12704" spans="1:10" x14ac:dyDescent="0.35">
      <c r="A12704" t="s">
        <v>22</v>
      </c>
      <c r="B12704" t="s">
        <v>78</v>
      </c>
      <c r="C12704" t="s">
        <v>117</v>
      </c>
      <c r="D12704" t="s">
        <v>118</v>
      </c>
      <c r="E12704">
        <v>2011</v>
      </c>
      <c r="F12704">
        <v>2011</v>
      </c>
      <c r="G12704" t="s">
        <v>126</v>
      </c>
      <c r="H12704" t="s">
        <v>119</v>
      </c>
      <c r="I12704" t="s">
        <v>15</v>
      </c>
      <c r="J12704" s="10">
        <v>17.04133959</v>
      </c>
    </row>
    <row r="12705" spans="1:10" x14ac:dyDescent="0.35">
      <c r="A12705" t="s">
        <v>22</v>
      </c>
      <c r="B12705" t="s">
        <v>78</v>
      </c>
      <c r="C12705" t="s">
        <v>117</v>
      </c>
      <c r="D12705" t="s">
        <v>118</v>
      </c>
      <c r="E12705">
        <v>2011</v>
      </c>
      <c r="F12705">
        <v>2011</v>
      </c>
      <c r="G12705" t="s">
        <v>126</v>
      </c>
      <c r="H12705" t="s">
        <v>120</v>
      </c>
      <c r="I12705" t="s">
        <v>15</v>
      </c>
      <c r="J12705" s="10">
        <v>11.66549202</v>
      </c>
    </row>
    <row r="12706" spans="1:10" x14ac:dyDescent="0.35">
      <c r="A12706" t="s">
        <v>22</v>
      </c>
      <c r="B12706" t="s">
        <v>78</v>
      </c>
      <c r="C12706" t="s">
        <v>117</v>
      </c>
      <c r="D12706" t="s">
        <v>118</v>
      </c>
      <c r="E12706">
        <v>2011</v>
      </c>
      <c r="F12706">
        <v>2011</v>
      </c>
      <c r="G12706" t="s">
        <v>126</v>
      </c>
      <c r="H12706" t="s">
        <v>121</v>
      </c>
      <c r="I12706" t="s">
        <v>15</v>
      </c>
      <c r="J12706" s="10">
        <v>33.100833600000001</v>
      </c>
    </row>
    <row r="12707" spans="1:10" x14ac:dyDescent="0.35">
      <c r="A12707" t="s">
        <v>22</v>
      </c>
      <c r="B12707" t="s">
        <v>78</v>
      </c>
      <c r="C12707" t="s">
        <v>117</v>
      </c>
      <c r="D12707" t="s">
        <v>118</v>
      </c>
      <c r="E12707">
        <v>2011</v>
      </c>
      <c r="F12707">
        <v>2011</v>
      </c>
      <c r="G12707" t="s">
        <v>126</v>
      </c>
      <c r="H12707" t="s">
        <v>122</v>
      </c>
      <c r="I12707" t="s">
        <v>15</v>
      </c>
      <c r="J12707" s="10">
        <v>19.940700419999999</v>
      </c>
    </row>
    <row r="12708" spans="1:10" x14ac:dyDescent="0.35">
      <c r="A12708" t="s">
        <v>22</v>
      </c>
      <c r="B12708" t="s">
        <v>78</v>
      </c>
      <c r="C12708" t="s">
        <v>117</v>
      </c>
      <c r="D12708" t="s">
        <v>118</v>
      </c>
      <c r="E12708">
        <v>2011</v>
      </c>
      <c r="F12708">
        <v>2011</v>
      </c>
      <c r="G12708" t="s">
        <v>126</v>
      </c>
      <c r="H12708" t="s">
        <v>123</v>
      </c>
      <c r="I12708" t="s">
        <v>15</v>
      </c>
      <c r="J12708" s="10">
        <v>15.66335334</v>
      </c>
    </row>
    <row r="12709" spans="1:10" x14ac:dyDescent="0.35">
      <c r="A12709" t="s">
        <v>22</v>
      </c>
      <c r="B12709" t="s">
        <v>78</v>
      </c>
      <c r="C12709" t="s">
        <v>117</v>
      </c>
      <c r="D12709" t="s">
        <v>118</v>
      </c>
      <c r="E12709">
        <v>2011</v>
      </c>
      <c r="F12709">
        <v>2011</v>
      </c>
      <c r="G12709" t="s">
        <v>126</v>
      </c>
      <c r="H12709" t="s">
        <v>124</v>
      </c>
      <c r="I12709" t="s">
        <v>15</v>
      </c>
      <c r="J12709" s="10">
        <v>2.5882810410000001</v>
      </c>
    </row>
    <row r="12710" spans="1:10" x14ac:dyDescent="0.35">
      <c r="A12710" t="s">
        <v>28</v>
      </c>
      <c r="B12710" t="s">
        <v>79</v>
      </c>
      <c r="C12710" t="s">
        <v>117</v>
      </c>
      <c r="D12710" t="s">
        <v>118</v>
      </c>
      <c r="E12710">
        <v>2020</v>
      </c>
      <c r="F12710">
        <v>2020</v>
      </c>
      <c r="G12710" t="s">
        <v>14</v>
      </c>
      <c r="H12710" t="s">
        <v>119</v>
      </c>
      <c r="I12710" t="s">
        <v>15</v>
      </c>
      <c r="J12710" s="10">
        <v>17.917887830000002</v>
      </c>
    </row>
    <row r="12711" spans="1:10" x14ac:dyDescent="0.35">
      <c r="A12711" t="s">
        <v>28</v>
      </c>
      <c r="B12711" t="s">
        <v>79</v>
      </c>
      <c r="C12711" t="s">
        <v>117</v>
      </c>
      <c r="D12711" t="s">
        <v>118</v>
      </c>
      <c r="E12711">
        <v>2020</v>
      </c>
      <c r="F12711">
        <v>2020</v>
      </c>
      <c r="G12711" t="s">
        <v>14</v>
      </c>
      <c r="H12711" t="s">
        <v>120</v>
      </c>
      <c r="I12711" t="s">
        <v>15</v>
      </c>
      <c r="J12711" s="10">
        <v>9.3184038480000009</v>
      </c>
    </row>
    <row r="12712" spans="1:10" x14ac:dyDescent="0.35">
      <c r="A12712" t="s">
        <v>28</v>
      </c>
      <c r="B12712" t="s">
        <v>79</v>
      </c>
      <c r="C12712" t="s">
        <v>117</v>
      </c>
      <c r="D12712" t="s">
        <v>118</v>
      </c>
      <c r="E12712">
        <v>2020</v>
      </c>
      <c r="F12712">
        <v>2020</v>
      </c>
      <c r="G12712" t="s">
        <v>14</v>
      </c>
      <c r="H12712" t="s">
        <v>121</v>
      </c>
      <c r="I12712" t="s">
        <v>15</v>
      </c>
      <c r="J12712" s="10">
        <v>29.420605699999999</v>
      </c>
    </row>
    <row r="12713" spans="1:10" x14ac:dyDescent="0.35">
      <c r="A12713" t="s">
        <v>28</v>
      </c>
      <c r="B12713" t="s">
        <v>79</v>
      </c>
      <c r="C12713" t="s">
        <v>117</v>
      </c>
      <c r="D12713" t="s">
        <v>118</v>
      </c>
      <c r="E12713">
        <v>2020</v>
      </c>
      <c r="F12713">
        <v>2020</v>
      </c>
      <c r="G12713" t="s">
        <v>14</v>
      </c>
      <c r="H12713" t="s">
        <v>122</v>
      </c>
      <c r="I12713" t="s">
        <v>15</v>
      </c>
      <c r="J12713" s="10">
        <v>22.220134770000001</v>
      </c>
    </row>
    <row r="12714" spans="1:10" x14ac:dyDescent="0.35">
      <c r="A12714" t="s">
        <v>28</v>
      </c>
      <c r="B12714" t="s">
        <v>79</v>
      </c>
      <c r="C12714" t="s">
        <v>117</v>
      </c>
      <c r="D12714" t="s">
        <v>118</v>
      </c>
      <c r="E12714">
        <v>2020</v>
      </c>
      <c r="F12714">
        <v>2020</v>
      </c>
      <c r="G12714" t="s">
        <v>14</v>
      </c>
      <c r="H12714" t="s">
        <v>123</v>
      </c>
      <c r="I12714" t="s">
        <v>15</v>
      </c>
      <c r="J12714" s="10">
        <v>18.793366899999999</v>
      </c>
    </row>
    <row r="12715" spans="1:10" x14ac:dyDescent="0.35">
      <c r="A12715" t="s">
        <v>28</v>
      </c>
      <c r="B12715" t="s">
        <v>79</v>
      </c>
      <c r="C12715" t="s">
        <v>117</v>
      </c>
      <c r="D12715" t="s">
        <v>118</v>
      </c>
      <c r="E12715">
        <v>2020</v>
      </c>
      <c r="F12715">
        <v>2020</v>
      </c>
      <c r="G12715" t="s">
        <v>14</v>
      </c>
      <c r="H12715" t="s">
        <v>124</v>
      </c>
      <c r="I12715" t="s">
        <v>15</v>
      </c>
      <c r="J12715" s="10">
        <v>2.3296009620000002</v>
      </c>
    </row>
    <row r="12716" spans="1:10" x14ac:dyDescent="0.35">
      <c r="A12716" t="s">
        <v>28</v>
      </c>
      <c r="B12716" t="s">
        <v>79</v>
      </c>
      <c r="C12716" t="s">
        <v>117</v>
      </c>
      <c r="D12716" t="s">
        <v>118</v>
      </c>
      <c r="E12716">
        <v>2020</v>
      </c>
      <c r="F12716">
        <v>2020</v>
      </c>
      <c r="G12716" t="s">
        <v>125</v>
      </c>
      <c r="H12716" t="s">
        <v>119</v>
      </c>
      <c r="I12716" t="s">
        <v>15</v>
      </c>
      <c r="J12716" s="10">
        <v>19.04946704</v>
      </c>
    </row>
    <row r="12717" spans="1:10" x14ac:dyDescent="0.35">
      <c r="A12717" t="s">
        <v>28</v>
      </c>
      <c r="B12717" t="s">
        <v>79</v>
      </c>
      <c r="C12717" t="s">
        <v>117</v>
      </c>
      <c r="D12717" t="s">
        <v>118</v>
      </c>
      <c r="E12717">
        <v>2020</v>
      </c>
      <c r="F12717">
        <v>2020</v>
      </c>
      <c r="G12717" t="s">
        <v>125</v>
      </c>
      <c r="H12717" t="s">
        <v>120</v>
      </c>
      <c r="I12717" t="s">
        <v>15</v>
      </c>
      <c r="J12717" s="10">
        <v>9.9451516089999998</v>
      </c>
    </row>
    <row r="12718" spans="1:10" x14ac:dyDescent="0.35">
      <c r="A12718" t="s">
        <v>28</v>
      </c>
      <c r="B12718" t="s">
        <v>79</v>
      </c>
      <c r="C12718" t="s">
        <v>117</v>
      </c>
      <c r="D12718" t="s">
        <v>118</v>
      </c>
      <c r="E12718">
        <v>2020</v>
      </c>
      <c r="F12718">
        <v>2020</v>
      </c>
      <c r="G12718" t="s">
        <v>125</v>
      </c>
      <c r="H12718" t="s">
        <v>121</v>
      </c>
      <c r="I12718" t="s">
        <v>15</v>
      </c>
      <c r="J12718" s="10">
        <v>28.593604469999999</v>
      </c>
    </row>
    <row r="12719" spans="1:10" x14ac:dyDescent="0.35">
      <c r="A12719" t="s">
        <v>28</v>
      </c>
      <c r="B12719" t="s">
        <v>79</v>
      </c>
      <c r="C12719" t="s">
        <v>117</v>
      </c>
      <c r="D12719" t="s">
        <v>118</v>
      </c>
      <c r="E12719">
        <v>2020</v>
      </c>
      <c r="F12719">
        <v>2020</v>
      </c>
      <c r="G12719" t="s">
        <v>125</v>
      </c>
      <c r="H12719" t="s">
        <v>122</v>
      </c>
      <c r="I12719" t="s">
        <v>15</v>
      </c>
      <c r="J12719" s="10">
        <v>22.402463000000001</v>
      </c>
    </row>
    <row r="12720" spans="1:10" x14ac:dyDescent="0.35">
      <c r="A12720" t="s">
        <v>28</v>
      </c>
      <c r="B12720" t="s">
        <v>79</v>
      </c>
      <c r="C12720" t="s">
        <v>117</v>
      </c>
      <c r="D12720" t="s">
        <v>118</v>
      </c>
      <c r="E12720">
        <v>2020</v>
      </c>
      <c r="F12720">
        <v>2020</v>
      </c>
      <c r="G12720" t="s">
        <v>125</v>
      </c>
      <c r="H12720" t="s">
        <v>123</v>
      </c>
      <c r="I12720" t="s">
        <v>15</v>
      </c>
      <c r="J12720" s="10">
        <v>18.26813619</v>
      </c>
    </row>
    <row r="12721" spans="1:10" x14ac:dyDescent="0.35">
      <c r="A12721" t="s">
        <v>28</v>
      </c>
      <c r="B12721" t="s">
        <v>79</v>
      </c>
      <c r="C12721" t="s">
        <v>117</v>
      </c>
      <c r="D12721" t="s">
        <v>118</v>
      </c>
      <c r="E12721">
        <v>2020</v>
      </c>
      <c r="F12721">
        <v>2020</v>
      </c>
      <c r="G12721" t="s">
        <v>125</v>
      </c>
      <c r="H12721" t="s">
        <v>124</v>
      </c>
      <c r="I12721" t="s">
        <v>15</v>
      </c>
      <c r="J12721" s="10">
        <v>1.7411776880000001</v>
      </c>
    </row>
    <row r="12722" spans="1:10" x14ac:dyDescent="0.35">
      <c r="A12722" t="s">
        <v>28</v>
      </c>
      <c r="B12722" t="s">
        <v>79</v>
      </c>
      <c r="C12722" t="s">
        <v>117</v>
      </c>
      <c r="D12722" t="s">
        <v>118</v>
      </c>
      <c r="E12722">
        <v>2020</v>
      </c>
      <c r="F12722">
        <v>2020</v>
      </c>
      <c r="G12722" t="s">
        <v>126</v>
      </c>
      <c r="H12722" t="s">
        <v>119</v>
      </c>
      <c r="I12722" t="s">
        <v>15</v>
      </c>
      <c r="J12722" s="10">
        <v>16.856033020000002</v>
      </c>
    </row>
    <row r="12723" spans="1:10" x14ac:dyDescent="0.35">
      <c r="A12723" t="s">
        <v>28</v>
      </c>
      <c r="B12723" t="s">
        <v>79</v>
      </c>
      <c r="C12723" t="s">
        <v>117</v>
      </c>
      <c r="D12723" t="s">
        <v>118</v>
      </c>
      <c r="E12723">
        <v>2020</v>
      </c>
      <c r="F12723">
        <v>2020</v>
      </c>
      <c r="G12723" t="s">
        <v>126</v>
      </c>
      <c r="H12723" t="s">
        <v>120</v>
      </c>
      <c r="I12723" t="s">
        <v>15</v>
      </c>
      <c r="J12723" s="10">
        <v>8.7302743379999992</v>
      </c>
    </row>
    <row r="12724" spans="1:10" x14ac:dyDescent="0.35">
      <c r="A12724" t="s">
        <v>28</v>
      </c>
      <c r="B12724" t="s">
        <v>79</v>
      </c>
      <c r="C12724" t="s">
        <v>117</v>
      </c>
      <c r="D12724" t="s">
        <v>118</v>
      </c>
      <c r="E12724">
        <v>2020</v>
      </c>
      <c r="F12724">
        <v>2020</v>
      </c>
      <c r="G12724" t="s">
        <v>126</v>
      </c>
      <c r="H12724" t="s">
        <v>121</v>
      </c>
      <c r="I12724" t="s">
        <v>15</v>
      </c>
      <c r="J12724" s="10">
        <v>30.196649669999999</v>
      </c>
    </row>
    <row r="12725" spans="1:10" x14ac:dyDescent="0.35">
      <c r="A12725" t="s">
        <v>28</v>
      </c>
      <c r="B12725" t="s">
        <v>79</v>
      </c>
      <c r="C12725" t="s">
        <v>117</v>
      </c>
      <c r="D12725" t="s">
        <v>118</v>
      </c>
      <c r="E12725">
        <v>2020</v>
      </c>
      <c r="F12725">
        <v>2020</v>
      </c>
      <c r="G12725" t="s">
        <v>126</v>
      </c>
      <c r="H12725" t="s">
        <v>122</v>
      </c>
      <c r="I12725" t="s">
        <v>15</v>
      </c>
      <c r="J12725" s="10">
        <v>22.049041030000001</v>
      </c>
    </row>
    <row r="12726" spans="1:10" x14ac:dyDescent="0.35">
      <c r="A12726" t="s">
        <v>28</v>
      </c>
      <c r="B12726" t="s">
        <v>79</v>
      </c>
      <c r="C12726" t="s">
        <v>117</v>
      </c>
      <c r="D12726" t="s">
        <v>118</v>
      </c>
      <c r="E12726">
        <v>2020</v>
      </c>
      <c r="F12726">
        <v>2020</v>
      </c>
      <c r="G12726" t="s">
        <v>126</v>
      </c>
      <c r="H12726" t="s">
        <v>123</v>
      </c>
      <c r="I12726" t="s">
        <v>15</v>
      </c>
      <c r="J12726" s="10">
        <v>19.286234520000001</v>
      </c>
    </row>
    <row r="12727" spans="1:10" x14ac:dyDescent="0.35">
      <c r="A12727" t="s">
        <v>28</v>
      </c>
      <c r="B12727" t="s">
        <v>79</v>
      </c>
      <c r="C12727" t="s">
        <v>117</v>
      </c>
      <c r="D12727" t="s">
        <v>118</v>
      </c>
      <c r="E12727">
        <v>2020</v>
      </c>
      <c r="F12727">
        <v>2020</v>
      </c>
      <c r="G12727" t="s">
        <v>126</v>
      </c>
      <c r="H12727" t="s">
        <v>124</v>
      </c>
      <c r="I12727" t="s">
        <v>15</v>
      </c>
      <c r="J12727" s="10">
        <v>2.881767419</v>
      </c>
    </row>
    <row r="12728" spans="1:10" x14ac:dyDescent="0.35">
      <c r="A12728" t="s">
        <v>28</v>
      </c>
      <c r="B12728" t="s">
        <v>79</v>
      </c>
      <c r="C12728" t="s">
        <v>117</v>
      </c>
      <c r="D12728" t="s">
        <v>118</v>
      </c>
      <c r="E12728">
        <v>2019</v>
      </c>
      <c r="F12728">
        <v>2019</v>
      </c>
      <c r="G12728" t="s">
        <v>14</v>
      </c>
      <c r="H12728" t="s">
        <v>119</v>
      </c>
      <c r="I12728" t="s">
        <v>15</v>
      </c>
      <c r="J12728" s="10">
        <v>17.976357799999999</v>
      </c>
    </row>
    <row r="12729" spans="1:10" x14ac:dyDescent="0.35">
      <c r="A12729" t="s">
        <v>28</v>
      </c>
      <c r="B12729" t="s">
        <v>79</v>
      </c>
      <c r="C12729" t="s">
        <v>117</v>
      </c>
      <c r="D12729" t="s">
        <v>118</v>
      </c>
      <c r="E12729">
        <v>2019</v>
      </c>
      <c r="F12729">
        <v>2019</v>
      </c>
      <c r="G12729" t="s">
        <v>14</v>
      </c>
      <c r="H12729" t="s">
        <v>120</v>
      </c>
      <c r="I12729" t="s">
        <v>15</v>
      </c>
      <c r="J12729" s="10">
        <v>9.4819797210000001</v>
      </c>
    </row>
    <row r="12730" spans="1:10" x14ac:dyDescent="0.35">
      <c r="A12730" t="s">
        <v>28</v>
      </c>
      <c r="B12730" t="s">
        <v>79</v>
      </c>
      <c r="C12730" t="s">
        <v>117</v>
      </c>
      <c r="D12730" t="s">
        <v>118</v>
      </c>
      <c r="E12730">
        <v>2019</v>
      </c>
      <c r="F12730">
        <v>2019</v>
      </c>
      <c r="G12730" t="s">
        <v>14</v>
      </c>
      <c r="H12730" t="s">
        <v>121</v>
      </c>
      <c r="I12730" t="s">
        <v>15</v>
      </c>
      <c r="J12730" s="10">
        <v>29.646872800000001</v>
      </c>
    </row>
    <row r="12731" spans="1:10" x14ac:dyDescent="0.35">
      <c r="A12731" t="s">
        <v>28</v>
      </c>
      <c r="B12731" t="s">
        <v>79</v>
      </c>
      <c r="C12731" t="s">
        <v>117</v>
      </c>
      <c r="D12731" t="s">
        <v>118</v>
      </c>
      <c r="E12731">
        <v>2019</v>
      </c>
      <c r="F12731">
        <v>2019</v>
      </c>
      <c r="G12731" t="s">
        <v>14</v>
      </c>
      <c r="H12731" t="s">
        <v>122</v>
      </c>
      <c r="I12731" t="s">
        <v>15</v>
      </c>
      <c r="J12731" s="10">
        <v>22.13131212</v>
      </c>
    </row>
    <row r="12732" spans="1:10" x14ac:dyDescent="0.35">
      <c r="A12732" t="s">
        <v>28</v>
      </c>
      <c r="B12732" t="s">
        <v>79</v>
      </c>
      <c r="C12732" t="s">
        <v>117</v>
      </c>
      <c r="D12732" t="s">
        <v>118</v>
      </c>
      <c r="E12732">
        <v>2019</v>
      </c>
      <c r="F12732">
        <v>2019</v>
      </c>
      <c r="G12732" t="s">
        <v>14</v>
      </c>
      <c r="H12732" t="s">
        <v>123</v>
      </c>
      <c r="I12732" t="s">
        <v>15</v>
      </c>
      <c r="J12732" s="10">
        <v>18.49211927</v>
      </c>
    </row>
    <row r="12733" spans="1:10" x14ac:dyDescent="0.35">
      <c r="A12733" t="s">
        <v>28</v>
      </c>
      <c r="B12733" t="s">
        <v>79</v>
      </c>
      <c r="C12733" t="s">
        <v>117</v>
      </c>
      <c r="D12733" t="s">
        <v>118</v>
      </c>
      <c r="E12733">
        <v>2019</v>
      </c>
      <c r="F12733">
        <v>2019</v>
      </c>
      <c r="G12733" t="s">
        <v>14</v>
      </c>
      <c r="H12733" t="s">
        <v>124</v>
      </c>
      <c r="I12733" t="s">
        <v>15</v>
      </c>
      <c r="J12733" s="10">
        <v>2.2713582969999999</v>
      </c>
    </row>
    <row r="12734" spans="1:10" x14ac:dyDescent="0.35">
      <c r="A12734" t="s">
        <v>28</v>
      </c>
      <c r="B12734" t="s">
        <v>79</v>
      </c>
      <c r="C12734" t="s">
        <v>117</v>
      </c>
      <c r="D12734" t="s">
        <v>118</v>
      </c>
      <c r="E12734">
        <v>2019</v>
      </c>
      <c r="F12734">
        <v>2019</v>
      </c>
      <c r="G12734" t="s">
        <v>125</v>
      </c>
      <c r="H12734" t="s">
        <v>119</v>
      </c>
      <c r="I12734" t="s">
        <v>15</v>
      </c>
      <c r="J12734" s="10">
        <v>19.092961110000001</v>
      </c>
    </row>
    <row r="12735" spans="1:10" x14ac:dyDescent="0.35">
      <c r="A12735" t="s">
        <v>28</v>
      </c>
      <c r="B12735" t="s">
        <v>79</v>
      </c>
      <c r="C12735" t="s">
        <v>117</v>
      </c>
      <c r="D12735" t="s">
        <v>118</v>
      </c>
      <c r="E12735">
        <v>2019</v>
      </c>
      <c r="F12735">
        <v>2019</v>
      </c>
      <c r="G12735" t="s">
        <v>125</v>
      </c>
      <c r="H12735" t="s">
        <v>120</v>
      </c>
      <c r="I12735" t="s">
        <v>15</v>
      </c>
      <c r="J12735" s="10">
        <v>10.04592274</v>
      </c>
    </row>
    <row r="12736" spans="1:10" x14ac:dyDescent="0.35">
      <c r="A12736" t="s">
        <v>28</v>
      </c>
      <c r="B12736" t="s">
        <v>79</v>
      </c>
      <c r="C12736" t="s">
        <v>117</v>
      </c>
      <c r="D12736" t="s">
        <v>118</v>
      </c>
      <c r="E12736">
        <v>2019</v>
      </c>
      <c r="F12736">
        <v>2019</v>
      </c>
      <c r="G12736" t="s">
        <v>125</v>
      </c>
      <c r="H12736" t="s">
        <v>121</v>
      </c>
      <c r="I12736" t="s">
        <v>15</v>
      </c>
      <c r="J12736" s="10">
        <v>28.850893809999999</v>
      </c>
    </row>
    <row r="12737" spans="1:10" x14ac:dyDescent="0.35">
      <c r="A12737" t="s">
        <v>28</v>
      </c>
      <c r="B12737" t="s">
        <v>79</v>
      </c>
      <c r="C12737" t="s">
        <v>117</v>
      </c>
      <c r="D12737" t="s">
        <v>118</v>
      </c>
      <c r="E12737">
        <v>2019</v>
      </c>
      <c r="F12737">
        <v>2019</v>
      </c>
      <c r="G12737" t="s">
        <v>125</v>
      </c>
      <c r="H12737" t="s">
        <v>122</v>
      </c>
      <c r="I12737" t="s">
        <v>15</v>
      </c>
      <c r="J12737" s="10">
        <v>22.351659189999999</v>
      </c>
    </row>
    <row r="12738" spans="1:10" x14ac:dyDescent="0.35">
      <c r="A12738" t="s">
        <v>28</v>
      </c>
      <c r="B12738" t="s">
        <v>79</v>
      </c>
      <c r="C12738" t="s">
        <v>117</v>
      </c>
      <c r="D12738" t="s">
        <v>118</v>
      </c>
      <c r="E12738">
        <v>2019</v>
      </c>
      <c r="F12738">
        <v>2019</v>
      </c>
      <c r="G12738" t="s">
        <v>125</v>
      </c>
      <c r="H12738" t="s">
        <v>123</v>
      </c>
      <c r="I12738" t="s">
        <v>15</v>
      </c>
      <c r="J12738" s="10">
        <v>17.99029655</v>
      </c>
    </row>
    <row r="12739" spans="1:10" x14ac:dyDescent="0.35">
      <c r="A12739" t="s">
        <v>28</v>
      </c>
      <c r="B12739" t="s">
        <v>79</v>
      </c>
      <c r="C12739" t="s">
        <v>117</v>
      </c>
      <c r="D12739" t="s">
        <v>118</v>
      </c>
      <c r="E12739">
        <v>2019</v>
      </c>
      <c r="F12739">
        <v>2019</v>
      </c>
      <c r="G12739" t="s">
        <v>125</v>
      </c>
      <c r="H12739" t="s">
        <v>124</v>
      </c>
      <c r="I12739" t="s">
        <v>15</v>
      </c>
      <c r="J12739" s="10">
        <v>1.668266611</v>
      </c>
    </row>
    <row r="12740" spans="1:10" x14ac:dyDescent="0.35">
      <c r="A12740" t="s">
        <v>28</v>
      </c>
      <c r="B12740" t="s">
        <v>79</v>
      </c>
      <c r="C12740" t="s">
        <v>117</v>
      </c>
      <c r="D12740" t="s">
        <v>118</v>
      </c>
      <c r="E12740">
        <v>2019</v>
      </c>
      <c r="F12740">
        <v>2019</v>
      </c>
      <c r="G12740" t="s">
        <v>126</v>
      </c>
      <c r="H12740" t="s">
        <v>119</v>
      </c>
      <c r="I12740" t="s">
        <v>15</v>
      </c>
      <c r="J12740" s="10">
        <v>16.930368210000001</v>
      </c>
    </row>
    <row r="12741" spans="1:10" x14ac:dyDescent="0.35">
      <c r="A12741" t="s">
        <v>28</v>
      </c>
      <c r="B12741" t="s">
        <v>79</v>
      </c>
      <c r="C12741" t="s">
        <v>117</v>
      </c>
      <c r="D12741" t="s">
        <v>118</v>
      </c>
      <c r="E12741">
        <v>2019</v>
      </c>
      <c r="F12741">
        <v>2019</v>
      </c>
      <c r="G12741" t="s">
        <v>126</v>
      </c>
      <c r="H12741" t="s">
        <v>120</v>
      </c>
      <c r="I12741" t="s">
        <v>15</v>
      </c>
      <c r="J12741" s="10">
        <v>8.953700328</v>
      </c>
    </row>
    <row r="12742" spans="1:10" x14ac:dyDescent="0.35">
      <c r="A12742" t="s">
        <v>28</v>
      </c>
      <c r="B12742" t="s">
        <v>79</v>
      </c>
      <c r="C12742" t="s">
        <v>117</v>
      </c>
      <c r="D12742" t="s">
        <v>118</v>
      </c>
      <c r="E12742">
        <v>2019</v>
      </c>
      <c r="F12742">
        <v>2019</v>
      </c>
      <c r="G12742" t="s">
        <v>126</v>
      </c>
      <c r="H12742" t="s">
        <v>121</v>
      </c>
      <c r="I12742" t="s">
        <v>15</v>
      </c>
      <c r="J12742" s="10">
        <v>30.39251428</v>
      </c>
    </row>
    <row r="12743" spans="1:10" x14ac:dyDescent="0.35">
      <c r="A12743" t="s">
        <v>28</v>
      </c>
      <c r="B12743" t="s">
        <v>79</v>
      </c>
      <c r="C12743" t="s">
        <v>117</v>
      </c>
      <c r="D12743" t="s">
        <v>118</v>
      </c>
      <c r="E12743">
        <v>2019</v>
      </c>
      <c r="F12743">
        <v>2019</v>
      </c>
      <c r="G12743" t="s">
        <v>126</v>
      </c>
      <c r="H12743" t="s">
        <v>122</v>
      </c>
      <c r="I12743" t="s">
        <v>15</v>
      </c>
      <c r="J12743" s="10">
        <v>21.924899740000001</v>
      </c>
    </row>
    <row r="12744" spans="1:10" x14ac:dyDescent="0.35">
      <c r="A12744" t="s">
        <v>28</v>
      </c>
      <c r="B12744" t="s">
        <v>79</v>
      </c>
      <c r="C12744" t="s">
        <v>117</v>
      </c>
      <c r="D12744" t="s">
        <v>118</v>
      </c>
      <c r="E12744">
        <v>2019</v>
      </c>
      <c r="F12744">
        <v>2019</v>
      </c>
      <c r="G12744" t="s">
        <v>126</v>
      </c>
      <c r="H12744" t="s">
        <v>123</v>
      </c>
      <c r="I12744" t="s">
        <v>15</v>
      </c>
      <c r="J12744" s="10">
        <v>18.96220683</v>
      </c>
    </row>
    <row r="12745" spans="1:10" x14ac:dyDescent="0.35">
      <c r="A12745" t="s">
        <v>28</v>
      </c>
      <c r="B12745" t="s">
        <v>79</v>
      </c>
      <c r="C12745" t="s">
        <v>117</v>
      </c>
      <c r="D12745" t="s">
        <v>118</v>
      </c>
      <c r="E12745">
        <v>2019</v>
      </c>
      <c r="F12745">
        <v>2019</v>
      </c>
      <c r="G12745" t="s">
        <v>126</v>
      </c>
      <c r="H12745" t="s">
        <v>124</v>
      </c>
      <c r="I12745" t="s">
        <v>15</v>
      </c>
      <c r="J12745" s="10">
        <v>2.8363106089999999</v>
      </c>
    </row>
    <row r="12746" spans="1:10" x14ac:dyDescent="0.35">
      <c r="A12746" t="s">
        <v>28</v>
      </c>
      <c r="B12746" t="s">
        <v>79</v>
      </c>
      <c r="C12746" t="s">
        <v>117</v>
      </c>
      <c r="D12746" t="s">
        <v>118</v>
      </c>
      <c r="E12746">
        <v>2018</v>
      </c>
      <c r="F12746">
        <v>2018</v>
      </c>
      <c r="G12746" t="s">
        <v>14</v>
      </c>
      <c r="H12746" t="s">
        <v>119</v>
      </c>
      <c r="I12746" t="s">
        <v>15</v>
      </c>
      <c r="J12746" s="10">
        <v>18.016616719999998</v>
      </c>
    </row>
    <row r="12747" spans="1:10" x14ac:dyDescent="0.35">
      <c r="A12747" t="s">
        <v>28</v>
      </c>
      <c r="B12747" t="s">
        <v>79</v>
      </c>
      <c r="C12747" t="s">
        <v>117</v>
      </c>
      <c r="D12747" t="s">
        <v>118</v>
      </c>
      <c r="E12747">
        <v>2018</v>
      </c>
      <c r="F12747">
        <v>2018</v>
      </c>
      <c r="G12747" t="s">
        <v>14</v>
      </c>
      <c r="H12747" t="s">
        <v>120</v>
      </c>
      <c r="I12747" t="s">
        <v>15</v>
      </c>
      <c r="J12747" s="10">
        <v>9.6715859230000003</v>
      </c>
    </row>
    <row r="12748" spans="1:10" x14ac:dyDescent="0.35">
      <c r="A12748" t="s">
        <v>28</v>
      </c>
      <c r="B12748" t="s">
        <v>79</v>
      </c>
      <c r="C12748" t="s">
        <v>117</v>
      </c>
      <c r="D12748" t="s">
        <v>118</v>
      </c>
      <c r="E12748">
        <v>2018</v>
      </c>
      <c r="F12748">
        <v>2018</v>
      </c>
      <c r="G12748" t="s">
        <v>14</v>
      </c>
      <c r="H12748" t="s">
        <v>121</v>
      </c>
      <c r="I12748" t="s">
        <v>15</v>
      </c>
      <c r="J12748" s="10">
        <v>29.93917321</v>
      </c>
    </row>
    <row r="12749" spans="1:10" x14ac:dyDescent="0.35">
      <c r="A12749" t="s">
        <v>28</v>
      </c>
      <c r="B12749" t="s">
        <v>79</v>
      </c>
      <c r="C12749" t="s">
        <v>117</v>
      </c>
      <c r="D12749" t="s">
        <v>118</v>
      </c>
      <c r="E12749">
        <v>2018</v>
      </c>
      <c r="F12749">
        <v>2018</v>
      </c>
      <c r="G12749" t="s">
        <v>14</v>
      </c>
      <c r="H12749" t="s">
        <v>122</v>
      </c>
      <c r="I12749" t="s">
        <v>15</v>
      </c>
      <c r="J12749" s="10">
        <v>21.95202145</v>
      </c>
    </row>
    <row r="12750" spans="1:10" x14ac:dyDescent="0.35">
      <c r="A12750" t="s">
        <v>28</v>
      </c>
      <c r="B12750" t="s">
        <v>79</v>
      </c>
      <c r="C12750" t="s">
        <v>117</v>
      </c>
      <c r="D12750" t="s">
        <v>118</v>
      </c>
      <c r="E12750">
        <v>2018</v>
      </c>
      <c r="F12750">
        <v>2018</v>
      </c>
      <c r="G12750" t="s">
        <v>14</v>
      </c>
      <c r="H12750" t="s">
        <v>123</v>
      </c>
      <c r="I12750" t="s">
        <v>15</v>
      </c>
      <c r="J12750" s="10">
        <v>18.181013440000001</v>
      </c>
    </row>
    <row r="12751" spans="1:10" x14ac:dyDescent="0.35">
      <c r="A12751" t="s">
        <v>28</v>
      </c>
      <c r="B12751" t="s">
        <v>79</v>
      </c>
      <c r="C12751" t="s">
        <v>117</v>
      </c>
      <c r="D12751" t="s">
        <v>118</v>
      </c>
      <c r="E12751">
        <v>2018</v>
      </c>
      <c r="F12751">
        <v>2018</v>
      </c>
      <c r="G12751" t="s">
        <v>14</v>
      </c>
      <c r="H12751" t="s">
        <v>124</v>
      </c>
      <c r="I12751" t="s">
        <v>15</v>
      </c>
      <c r="J12751" s="10">
        <v>2.2395892609999999</v>
      </c>
    </row>
    <row r="12752" spans="1:10" x14ac:dyDescent="0.35">
      <c r="A12752" t="s">
        <v>28</v>
      </c>
      <c r="B12752" t="s">
        <v>79</v>
      </c>
      <c r="C12752" t="s">
        <v>117</v>
      </c>
      <c r="D12752" t="s">
        <v>118</v>
      </c>
      <c r="E12752">
        <v>2018</v>
      </c>
      <c r="F12752">
        <v>2018</v>
      </c>
      <c r="G12752" t="s">
        <v>125</v>
      </c>
      <c r="H12752" t="s">
        <v>119</v>
      </c>
      <c r="I12752" t="s">
        <v>15</v>
      </c>
      <c r="J12752" s="10">
        <v>19.043264709999999</v>
      </c>
    </row>
    <row r="12753" spans="1:10" x14ac:dyDescent="0.35">
      <c r="A12753" t="s">
        <v>28</v>
      </c>
      <c r="B12753" t="s">
        <v>79</v>
      </c>
      <c r="C12753" t="s">
        <v>117</v>
      </c>
      <c r="D12753" t="s">
        <v>118</v>
      </c>
      <c r="E12753">
        <v>2018</v>
      </c>
      <c r="F12753">
        <v>2018</v>
      </c>
      <c r="G12753" t="s">
        <v>125</v>
      </c>
      <c r="H12753" t="s">
        <v>120</v>
      </c>
      <c r="I12753" t="s">
        <v>15</v>
      </c>
      <c r="J12753" s="10">
        <v>10.24140454</v>
      </c>
    </row>
    <row r="12754" spans="1:10" x14ac:dyDescent="0.35">
      <c r="A12754" t="s">
        <v>28</v>
      </c>
      <c r="B12754" t="s">
        <v>79</v>
      </c>
      <c r="C12754" t="s">
        <v>117</v>
      </c>
      <c r="D12754" t="s">
        <v>118</v>
      </c>
      <c r="E12754">
        <v>2018</v>
      </c>
      <c r="F12754">
        <v>2018</v>
      </c>
      <c r="G12754" t="s">
        <v>125</v>
      </c>
      <c r="H12754" t="s">
        <v>121</v>
      </c>
      <c r="I12754" t="s">
        <v>15</v>
      </c>
      <c r="J12754" s="10">
        <v>29.27160623</v>
      </c>
    </row>
    <row r="12755" spans="1:10" x14ac:dyDescent="0.35">
      <c r="A12755" t="s">
        <v>28</v>
      </c>
      <c r="B12755" t="s">
        <v>79</v>
      </c>
      <c r="C12755" t="s">
        <v>117</v>
      </c>
      <c r="D12755" t="s">
        <v>118</v>
      </c>
      <c r="E12755">
        <v>2018</v>
      </c>
      <c r="F12755">
        <v>2018</v>
      </c>
      <c r="G12755" t="s">
        <v>125</v>
      </c>
      <c r="H12755" t="s">
        <v>122</v>
      </c>
      <c r="I12755" t="s">
        <v>15</v>
      </c>
      <c r="J12755" s="10">
        <v>22.201901979999999</v>
      </c>
    </row>
    <row r="12756" spans="1:10" x14ac:dyDescent="0.35">
      <c r="A12756" t="s">
        <v>28</v>
      </c>
      <c r="B12756" t="s">
        <v>79</v>
      </c>
      <c r="C12756" t="s">
        <v>117</v>
      </c>
      <c r="D12756" t="s">
        <v>118</v>
      </c>
      <c r="E12756">
        <v>2018</v>
      </c>
      <c r="F12756">
        <v>2018</v>
      </c>
      <c r="G12756" t="s">
        <v>125</v>
      </c>
      <c r="H12756" t="s">
        <v>123</v>
      </c>
      <c r="I12756" t="s">
        <v>15</v>
      </c>
      <c r="J12756" s="10">
        <v>17.593269930000002</v>
      </c>
    </row>
    <row r="12757" spans="1:10" x14ac:dyDescent="0.35">
      <c r="A12757" t="s">
        <v>28</v>
      </c>
      <c r="B12757" t="s">
        <v>79</v>
      </c>
      <c r="C12757" t="s">
        <v>117</v>
      </c>
      <c r="D12757" t="s">
        <v>118</v>
      </c>
      <c r="E12757">
        <v>2018</v>
      </c>
      <c r="F12757">
        <v>2018</v>
      </c>
      <c r="G12757" t="s">
        <v>125</v>
      </c>
      <c r="H12757" t="s">
        <v>124</v>
      </c>
      <c r="I12757" t="s">
        <v>15</v>
      </c>
      <c r="J12757" s="10">
        <v>1.6485526180000001</v>
      </c>
    </row>
    <row r="12758" spans="1:10" x14ac:dyDescent="0.35">
      <c r="A12758" t="s">
        <v>28</v>
      </c>
      <c r="B12758" t="s">
        <v>79</v>
      </c>
      <c r="C12758" t="s">
        <v>117</v>
      </c>
      <c r="D12758" t="s">
        <v>118</v>
      </c>
      <c r="E12758">
        <v>2018</v>
      </c>
      <c r="F12758">
        <v>2018</v>
      </c>
      <c r="G12758" t="s">
        <v>126</v>
      </c>
      <c r="H12758" t="s">
        <v>119</v>
      </c>
      <c r="I12758" t="s">
        <v>15</v>
      </c>
      <c r="J12758" s="10">
        <v>17.053503589999998</v>
      </c>
    </row>
    <row r="12759" spans="1:10" x14ac:dyDescent="0.35">
      <c r="A12759" t="s">
        <v>28</v>
      </c>
      <c r="B12759" t="s">
        <v>79</v>
      </c>
      <c r="C12759" t="s">
        <v>117</v>
      </c>
      <c r="D12759" t="s">
        <v>118</v>
      </c>
      <c r="E12759">
        <v>2018</v>
      </c>
      <c r="F12759">
        <v>2018</v>
      </c>
      <c r="G12759" t="s">
        <v>126</v>
      </c>
      <c r="H12759" t="s">
        <v>120</v>
      </c>
      <c r="I12759" t="s">
        <v>15</v>
      </c>
      <c r="J12759" s="10">
        <v>9.1370309550000002</v>
      </c>
    </row>
    <row r="12760" spans="1:10" x14ac:dyDescent="0.35">
      <c r="A12760" t="s">
        <v>28</v>
      </c>
      <c r="B12760" t="s">
        <v>79</v>
      </c>
      <c r="C12760" t="s">
        <v>117</v>
      </c>
      <c r="D12760" t="s">
        <v>118</v>
      </c>
      <c r="E12760">
        <v>2018</v>
      </c>
      <c r="F12760">
        <v>2018</v>
      </c>
      <c r="G12760" t="s">
        <v>126</v>
      </c>
      <c r="H12760" t="s">
        <v>121</v>
      </c>
      <c r="I12760" t="s">
        <v>15</v>
      </c>
      <c r="J12760" s="10">
        <v>30.565427320000001</v>
      </c>
    </row>
    <row r="12761" spans="1:10" x14ac:dyDescent="0.35">
      <c r="A12761" t="s">
        <v>28</v>
      </c>
      <c r="B12761" t="s">
        <v>79</v>
      </c>
      <c r="C12761" t="s">
        <v>117</v>
      </c>
      <c r="D12761" t="s">
        <v>118</v>
      </c>
      <c r="E12761">
        <v>2018</v>
      </c>
      <c r="F12761">
        <v>2018</v>
      </c>
      <c r="G12761" t="s">
        <v>126</v>
      </c>
      <c r="H12761" t="s">
        <v>122</v>
      </c>
      <c r="I12761" t="s">
        <v>15</v>
      </c>
      <c r="J12761" s="10">
        <v>21.717604959999999</v>
      </c>
    </row>
    <row r="12762" spans="1:10" x14ac:dyDescent="0.35">
      <c r="A12762" t="s">
        <v>28</v>
      </c>
      <c r="B12762" t="s">
        <v>79</v>
      </c>
      <c r="C12762" t="s">
        <v>117</v>
      </c>
      <c r="D12762" t="s">
        <v>118</v>
      </c>
      <c r="E12762">
        <v>2018</v>
      </c>
      <c r="F12762">
        <v>2018</v>
      </c>
      <c r="G12762" t="s">
        <v>126</v>
      </c>
      <c r="H12762" t="s">
        <v>123</v>
      </c>
      <c r="I12762" t="s">
        <v>15</v>
      </c>
      <c r="J12762" s="10">
        <v>18.732384010000001</v>
      </c>
    </row>
    <row r="12763" spans="1:10" x14ac:dyDescent="0.35">
      <c r="A12763" t="s">
        <v>28</v>
      </c>
      <c r="B12763" t="s">
        <v>79</v>
      </c>
      <c r="C12763" t="s">
        <v>117</v>
      </c>
      <c r="D12763" t="s">
        <v>118</v>
      </c>
      <c r="E12763">
        <v>2018</v>
      </c>
      <c r="F12763">
        <v>2018</v>
      </c>
      <c r="G12763" t="s">
        <v>126</v>
      </c>
      <c r="H12763" t="s">
        <v>124</v>
      </c>
      <c r="I12763" t="s">
        <v>15</v>
      </c>
      <c r="J12763" s="10">
        <v>2.7940491650000001</v>
      </c>
    </row>
    <row r="12764" spans="1:10" x14ac:dyDescent="0.35">
      <c r="A12764" t="s">
        <v>28</v>
      </c>
      <c r="B12764" t="s">
        <v>79</v>
      </c>
      <c r="C12764" t="s">
        <v>117</v>
      </c>
      <c r="D12764" t="s">
        <v>118</v>
      </c>
      <c r="E12764">
        <v>2017</v>
      </c>
      <c r="F12764">
        <v>2017</v>
      </c>
      <c r="G12764" t="s">
        <v>14</v>
      </c>
      <c r="H12764" t="s">
        <v>119</v>
      </c>
      <c r="I12764" t="s">
        <v>15</v>
      </c>
      <c r="J12764" s="10">
        <v>18.132653059999999</v>
      </c>
    </row>
    <row r="12765" spans="1:10" x14ac:dyDescent="0.35">
      <c r="A12765" t="s">
        <v>28</v>
      </c>
      <c r="B12765" t="s">
        <v>79</v>
      </c>
      <c r="C12765" t="s">
        <v>117</v>
      </c>
      <c r="D12765" t="s">
        <v>118</v>
      </c>
      <c r="E12765">
        <v>2017</v>
      </c>
      <c r="F12765">
        <v>2017</v>
      </c>
      <c r="G12765" t="s">
        <v>14</v>
      </c>
      <c r="H12765" t="s">
        <v>120</v>
      </c>
      <c r="I12765" t="s">
        <v>15</v>
      </c>
      <c r="J12765" s="10">
        <v>9.7678571430000005</v>
      </c>
    </row>
    <row r="12766" spans="1:10" x14ac:dyDescent="0.35">
      <c r="A12766" t="s">
        <v>28</v>
      </c>
      <c r="B12766" t="s">
        <v>79</v>
      </c>
      <c r="C12766" t="s">
        <v>117</v>
      </c>
      <c r="D12766" t="s">
        <v>118</v>
      </c>
      <c r="E12766">
        <v>2017</v>
      </c>
      <c r="F12766">
        <v>2017</v>
      </c>
      <c r="G12766" t="s">
        <v>14</v>
      </c>
      <c r="H12766" t="s">
        <v>121</v>
      </c>
      <c r="I12766" t="s">
        <v>15</v>
      </c>
      <c r="J12766" s="10">
        <v>30.16836735</v>
      </c>
    </row>
    <row r="12767" spans="1:10" x14ac:dyDescent="0.35">
      <c r="A12767" t="s">
        <v>28</v>
      </c>
      <c r="B12767" t="s">
        <v>79</v>
      </c>
      <c r="C12767" t="s">
        <v>117</v>
      </c>
      <c r="D12767" t="s">
        <v>118</v>
      </c>
      <c r="E12767">
        <v>2017</v>
      </c>
      <c r="F12767">
        <v>2017</v>
      </c>
      <c r="G12767" t="s">
        <v>14</v>
      </c>
      <c r="H12767" t="s">
        <v>122</v>
      </c>
      <c r="I12767" t="s">
        <v>15</v>
      </c>
      <c r="J12767" s="10">
        <v>21.875</v>
      </c>
    </row>
    <row r="12768" spans="1:10" x14ac:dyDescent="0.35">
      <c r="A12768" t="s">
        <v>28</v>
      </c>
      <c r="B12768" t="s">
        <v>79</v>
      </c>
      <c r="C12768" t="s">
        <v>117</v>
      </c>
      <c r="D12768" t="s">
        <v>118</v>
      </c>
      <c r="E12768">
        <v>2017</v>
      </c>
      <c r="F12768">
        <v>2017</v>
      </c>
      <c r="G12768" t="s">
        <v>14</v>
      </c>
      <c r="H12768" t="s">
        <v>123</v>
      </c>
      <c r="I12768" t="s">
        <v>15</v>
      </c>
      <c r="J12768" s="10">
        <v>17.820153059999999</v>
      </c>
    </row>
    <row r="12769" spans="1:10" x14ac:dyDescent="0.35">
      <c r="A12769" t="s">
        <v>28</v>
      </c>
      <c r="B12769" t="s">
        <v>79</v>
      </c>
      <c r="C12769" t="s">
        <v>117</v>
      </c>
      <c r="D12769" t="s">
        <v>118</v>
      </c>
      <c r="E12769">
        <v>2017</v>
      </c>
      <c r="F12769">
        <v>2017</v>
      </c>
      <c r="G12769" t="s">
        <v>14</v>
      </c>
      <c r="H12769" t="s">
        <v>124</v>
      </c>
      <c r="I12769" t="s">
        <v>15</v>
      </c>
      <c r="J12769" s="10">
        <v>2.235969388</v>
      </c>
    </row>
    <row r="12770" spans="1:10" x14ac:dyDescent="0.35">
      <c r="A12770" t="s">
        <v>28</v>
      </c>
      <c r="B12770" t="s">
        <v>79</v>
      </c>
      <c r="C12770" t="s">
        <v>117</v>
      </c>
      <c r="D12770" t="s">
        <v>118</v>
      </c>
      <c r="E12770">
        <v>2017</v>
      </c>
      <c r="F12770">
        <v>2017</v>
      </c>
      <c r="G12770" t="s">
        <v>125</v>
      </c>
      <c r="H12770" t="s">
        <v>119</v>
      </c>
      <c r="I12770" t="s">
        <v>15</v>
      </c>
      <c r="J12770" s="10">
        <v>19.201646310000001</v>
      </c>
    </row>
    <row r="12771" spans="1:10" x14ac:dyDescent="0.35">
      <c r="A12771" t="s">
        <v>28</v>
      </c>
      <c r="B12771" t="s">
        <v>79</v>
      </c>
      <c r="C12771" t="s">
        <v>117</v>
      </c>
      <c r="D12771" t="s">
        <v>118</v>
      </c>
      <c r="E12771">
        <v>2017</v>
      </c>
      <c r="F12771">
        <v>2017</v>
      </c>
      <c r="G12771" t="s">
        <v>125</v>
      </c>
      <c r="H12771" t="s">
        <v>120</v>
      </c>
      <c r="I12771" t="s">
        <v>15</v>
      </c>
      <c r="J12771" s="10">
        <v>10.244571669999999</v>
      </c>
    </row>
    <row r="12772" spans="1:10" x14ac:dyDescent="0.35">
      <c r="A12772" t="s">
        <v>28</v>
      </c>
      <c r="B12772" t="s">
        <v>79</v>
      </c>
      <c r="C12772" t="s">
        <v>117</v>
      </c>
      <c r="D12772" t="s">
        <v>118</v>
      </c>
      <c r="E12772">
        <v>2017</v>
      </c>
      <c r="F12772">
        <v>2017</v>
      </c>
      <c r="G12772" t="s">
        <v>125</v>
      </c>
      <c r="H12772" t="s">
        <v>121</v>
      </c>
      <c r="I12772" t="s">
        <v>15</v>
      </c>
      <c r="J12772" s="10">
        <v>29.498984249999999</v>
      </c>
    </row>
    <row r="12773" spans="1:10" x14ac:dyDescent="0.35">
      <c r="A12773" t="s">
        <v>28</v>
      </c>
      <c r="B12773" t="s">
        <v>79</v>
      </c>
      <c r="C12773" t="s">
        <v>117</v>
      </c>
      <c r="D12773" t="s">
        <v>118</v>
      </c>
      <c r="E12773">
        <v>2017</v>
      </c>
      <c r="F12773">
        <v>2017</v>
      </c>
      <c r="G12773" t="s">
        <v>125</v>
      </c>
      <c r="H12773" t="s">
        <v>122</v>
      </c>
      <c r="I12773" t="s">
        <v>15</v>
      </c>
      <c r="J12773" s="10">
        <v>22.13808933</v>
      </c>
    </row>
    <row r="12774" spans="1:10" x14ac:dyDescent="0.35">
      <c r="A12774" t="s">
        <v>28</v>
      </c>
      <c r="B12774" t="s">
        <v>79</v>
      </c>
      <c r="C12774" t="s">
        <v>117</v>
      </c>
      <c r="D12774" t="s">
        <v>118</v>
      </c>
      <c r="E12774">
        <v>2017</v>
      </c>
      <c r="F12774">
        <v>2017</v>
      </c>
      <c r="G12774" t="s">
        <v>125</v>
      </c>
      <c r="H12774" t="s">
        <v>123</v>
      </c>
      <c r="I12774" t="s">
        <v>15</v>
      </c>
      <c r="J12774" s="10">
        <v>17.217634489999998</v>
      </c>
    </row>
    <row r="12775" spans="1:10" x14ac:dyDescent="0.35">
      <c r="A12775" t="s">
        <v>28</v>
      </c>
      <c r="B12775" t="s">
        <v>79</v>
      </c>
      <c r="C12775" t="s">
        <v>117</v>
      </c>
      <c r="D12775" t="s">
        <v>118</v>
      </c>
      <c r="E12775">
        <v>2017</v>
      </c>
      <c r="F12775">
        <v>2017</v>
      </c>
      <c r="G12775" t="s">
        <v>125</v>
      </c>
      <c r="H12775" t="s">
        <v>124</v>
      </c>
      <c r="I12775" t="s">
        <v>15</v>
      </c>
      <c r="J12775" s="10">
        <v>1.699073952</v>
      </c>
    </row>
    <row r="12776" spans="1:10" x14ac:dyDescent="0.35">
      <c r="A12776" t="s">
        <v>28</v>
      </c>
      <c r="B12776" t="s">
        <v>79</v>
      </c>
      <c r="C12776" t="s">
        <v>117</v>
      </c>
      <c r="D12776" t="s">
        <v>118</v>
      </c>
      <c r="E12776">
        <v>2017</v>
      </c>
      <c r="F12776">
        <v>2017</v>
      </c>
      <c r="G12776" t="s">
        <v>126</v>
      </c>
      <c r="H12776" t="s">
        <v>119</v>
      </c>
      <c r="I12776" t="s">
        <v>15</v>
      </c>
      <c r="J12776" s="10">
        <v>17.132133240000002</v>
      </c>
    </row>
    <row r="12777" spans="1:10" x14ac:dyDescent="0.35">
      <c r="A12777" t="s">
        <v>28</v>
      </c>
      <c r="B12777" t="s">
        <v>79</v>
      </c>
      <c r="C12777" t="s">
        <v>117</v>
      </c>
      <c r="D12777" t="s">
        <v>118</v>
      </c>
      <c r="E12777">
        <v>2017</v>
      </c>
      <c r="F12777">
        <v>2017</v>
      </c>
      <c r="G12777" t="s">
        <v>126</v>
      </c>
      <c r="H12777" t="s">
        <v>120</v>
      </c>
      <c r="I12777" t="s">
        <v>15</v>
      </c>
      <c r="J12777" s="10">
        <v>9.3216781490000002</v>
      </c>
    </row>
    <row r="12778" spans="1:10" x14ac:dyDescent="0.35">
      <c r="A12778" t="s">
        <v>28</v>
      </c>
      <c r="B12778" t="s">
        <v>79</v>
      </c>
      <c r="C12778" t="s">
        <v>117</v>
      </c>
      <c r="D12778" t="s">
        <v>118</v>
      </c>
      <c r="E12778">
        <v>2017</v>
      </c>
      <c r="F12778">
        <v>2017</v>
      </c>
      <c r="G12778" t="s">
        <v>126</v>
      </c>
      <c r="H12778" t="s">
        <v>121</v>
      </c>
      <c r="I12778" t="s">
        <v>15</v>
      </c>
      <c r="J12778" s="10">
        <v>30.794873689999999</v>
      </c>
    </row>
    <row r="12779" spans="1:10" x14ac:dyDescent="0.35">
      <c r="A12779" t="s">
        <v>28</v>
      </c>
      <c r="B12779" t="s">
        <v>79</v>
      </c>
      <c r="C12779" t="s">
        <v>117</v>
      </c>
      <c r="D12779" t="s">
        <v>118</v>
      </c>
      <c r="E12779">
        <v>2017</v>
      </c>
      <c r="F12779">
        <v>2017</v>
      </c>
      <c r="G12779" t="s">
        <v>126</v>
      </c>
      <c r="H12779" t="s">
        <v>122</v>
      </c>
      <c r="I12779" t="s">
        <v>15</v>
      </c>
      <c r="J12779" s="10">
        <v>21.62876262</v>
      </c>
    </row>
    <row r="12780" spans="1:10" x14ac:dyDescent="0.35">
      <c r="A12780" t="s">
        <v>28</v>
      </c>
      <c r="B12780" t="s">
        <v>79</v>
      </c>
      <c r="C12780" t="s">
        <v>117</v>
      </c>
      <c r="D12780" t="s">
        <v>118</v>
      </c>
      <c r="E12780">
        <v>2017</v>
      </c>
      <c r="F12780">
        <v>2017</v>
      </c>
      <c r="G12780" t="s">
        <v>126</v>
      </c>
      <c r="H12780" t="s">
        <v>123</v>
      </c>
      <c r="I12780" t="s">
        <v>15</v>
      </c>
      <c r="J12780" s="10">
        <v>18.384077829999999</v>
      </c>
    </row>
    <row r="12781" spans="1:10" x14ac:dyDescent="0.35">
      <c r="A12781" t="s">
        <v>28</v>
      </c>
      <c r="B12781" t="s">
        <v>79</v>
      </c>
      <c r="C12781" t="s">
        <v>117</v>
      </c>
      <c r="D12781" t="s">
        <v>118</v>
      </c>
      <c r="E12781">
        <v>2017</v>
      </c>
      <c r="F12781">
        <v>2017</v>
      </c>
      <c r="G12781" t="s">
        <v>126</v>
      </c>
      <c r="H12781" t="s">
        <v>124</v>
      </c>
      <c r="I12781" t="s">
        <v>15</v>
      </c>
      <c r="J12781" s="10">
        <v>2.738474455</v>
      </c>
    </row>
    <row r="12782" spans="1:10" x14ac:dyDescent="0.35">
      <c r="A12782" t="s">
        <v>28</v>
      </c>
      <c r="B12782" t="s">
        <v>79</v>
      </c>
      <c r="C12782" t="s">
        <v>117</v>
      </c>
      <c r="D12782" t="s">
        <v>118</v>
      </c>
      <c r="E12782">
        <v>2016</v>
      </c>
      <c r="F12782">
        <v>2016</v>
      </c>
      <c r="G12782" t="s">
        <v>14</v>
      </c>
      <c r="H12782" t="s">
        <v>119</v>
      </c>
      <c r="I12782" t="s">
        <v>15</v>
      </c>
      <c r="J12782" s="10">
        <v>18.148124320000001</v>
      </c>
    </row>
    <row r="12783" spans="1:10" x14ac:dyDescent="0.35">
      <c r="A12783" t="s">
        <v>28</v>
      </c>
      <c r="B12783" t="s">
        <v>79</v>
      </c>
      <c r="C12783" t="s">
        <v>117</v>
      </c>
      <c r="D12783" t="s">
        <v>118</v>
      </c>
      <c r="E12783">
        <v>2016</v>
      </c>
      <c r="F12783">
        <v>2016</v>
      </c>
      <c r="G12783" t="s">
        <v>14</v>
      </c>
      <c r="H12783" t="s">
        <v>120</v>
      </c>
      <c r="I12783" t="s">
        <v>15</v>
      </c>
      <c r="J12783" s="10">
        <v>9.9646097420000004</v>
      </c>
    </row>
    <row r="12784" spans="1:10" x14ac:dyDescent="0.35">
      <c r="A12784" t="s">
        <v>28</v>
      </c>
      <c r="B12784" t="s">
        <v>79</v>
      </c>
      <c r="C12784" t="s">
        <v>117</v>
      </c>
      <c r="D12784" t="s">
        <v>118</v>
      </c>
      <c r="E12784">
        <v>2016</v>
      </c>
      <c r="F12784">
        <v>2016</v>
      </c>
      <c r="G12784" t="s">
        <v>14</v>
      </c>
      <c r="H12784" t="s">
        <v>121</v>
      </c>
      <c r="I12784" t="s">
        <v>15</v>
      </c>
      <c r="J12784" s="10">
        <v>30.353259120000001</v>
      </c>
    </row>
    <row r="12785" spans="1:10" x14ac:dyDescent="0.35">
      <c r="A12785" t="s">
        <v>28</v>
      </c>
      <c r="B12785" t="s">
        <v>79</v>
      </c>
      <c r="C12785" t="s">
        <v>117</v>
      </c>
      <c r="D12785" t="s">
        <v>118</v>
      </c>
      <c r="E12785">
        <v>2016</v>
      </c>
      <c r="F12785">
        <v>2016</v>
      </c>
      <c r="G12785" t="s">
        <v>14</v>
      </c>
      <c r="H12785" t="s">
        <v>122</v>
      </c>
      <c r="I12785" t="s">
        <v>15</v>
      </c>
      <c r="J12785" s="10">
        <v>21.710314650000001</v>
      </c>
    </row>
    <row r="12786" spans="1:10" x14ac:dyDescent="0.35">
      <c r="A12786" t="s">
        <v>28</v>
      </c>
      <c r="B12786" t="s">
        <v>79</v>
      </c>
      <c r="C12786" t="s">
        <v>117</v>
      </c>
      <c r="D12786" t="s">
        <v>118</v>
      </c>
      <c r="E12786">
        <v>2016</v>
      </c>
      <c r="F12786">
        <v>2016</v>
      </c>
      <c r="G12786" t="s">
        <v>14</v>
      </c>
      <c r="H12786" t="s">
        <v>123</v>
      </c>
      <c r="I12786" t="s">
        <v>15</v>
      </c>
      <c r="J12786" s="10">
        <v>17.56386333</v>
      </c>
    </row>
    <row r="12787" spans="1:10" x14ac:dyDescent="0.35">
      <c r="A12787" t="s">
        <v>28</v>
      </c>
      <c r="B12787" t="s">
        <v>79</v>
      </c>
      <c r="C12787" t="s">
        <v>117</v>
      </c>
      <c r="D12787" t="s">
        <v>118</v>
      </c>
      <c r="E12787">
        <v>2016</v>
      </c>
      <c r="F12787">
        <v>2016</v>
      </c>
      <c r="G12787" t="s">
        <v>14</v>
      </c>
      <c r="H12787" t="s">
        <v>124</v>
      </c>
      <c r="I12787" t="s">
        <v>15</v>
      </c>
      <c r="J12787" s="10">
        <v>2.2598288399999999</v>
      </c>
    </row>
    <row r="12788" spans="1:10" x14ac:dyDescent="0.35">
      <c r="A12788" t="s">
        <v>28</v>
      </c>
      <c r="B12788" t="s">
        <v>79</v>
      </c>
      <c r="C12788" t="s">
        <v>117</v>
      </c>
      <c r="D12788" t="s">
        <v>118</v>
      </c>
      <c r="E12788">
        <v>2016</v>
      </c>
      <c r="F12788">
        <v>2016</v>
      </c>
      <c r="G12788" t="s">
        <v>125</v>
      </c>
      <c r="H12788" t="s">
        <v>119</v>
      </c>
      <c r="I12788" t="s">
        <v>15</v>
      </c>
      <c r="J12788" s="10">
        <v>19.30689113</v>
      </c>
    </row>
    <row r="12789" spans="1:10" x14ac:dyDescent="0.35">
      <c r="A12789" t="s">
        <v>28</v>
      </c>
      <c r="B12789" t="s">
        <v>79</v>
      </c>
      <c r="C12789" t="s">
        <v>117</v>
      </c>
      <c r="D12789" t="s">
        <v>118</v>
      </c>
      <c r="E12789">
        <v>2016</v>
      </c>
      <c r="F12789">
        <v>2016</v>
      </c>
      <c r="G12789" t="s">
        <v>125</v>
      </c>
      <c r="H12789" t="s">
        <v>120</v>
      </c>
      <c r="I12789" t="s">
        <v>15</v>
      </c>
      <c r="J12789" s="10">
        <v>10.306065370000001</v>
      </c>
    </row>
    <row r="12790" spans="1:10" x14ac:dyDescent="0.35">
      <c r="A12790" t="s">
        <v>28</v>
      </c>
      <c r="B12790" t="s">
        <v>79</v>
      </c>
      <c r="C12790" t="s">
        <v>117</v>
      </c>
      <c r="D12790" t="s">
        <v>118</v>
      </c>
      <c r="E12790">
        <v>2016</v>
      </c>
      <c r="F12790">
        <v>2016</v>
      </c>
      <c r="G12790" t="s">
        <v>125</v>
      </c>
      <c r="H12790" t="s">
        <v>121</v>
      </c>
      <c r="I12790" t="s">
        <v>15</v>
      </c>
      <c r="J12790" s="10">
        <v>29.807410560000001</v>
      </c>
    </row>
    <row r="12791" spans="1:10" x14ac:dyDescent="0.35">
      <c r="A12791" t="s">
        <v>28</v>
      </c>
      <c r="B12791" t="s">
        <v>79</v>
      </c>
      <c r="C12791" t="s">
        <v>117</v>
      </c>
      <c r="D12791" t="s">
        <v>118</v>
      </c>
      <c r="E12791">
        <v>2016</v>
      </c>
      <c r="F12791">
        <v>2016</v>
      </c>
      <c r="G12791" t="s">
        <v>125</v>
      </c>
      <c r="H12791" t="s">
        <v>122</v>
      </c>
      <c r="I12791" t="s">
        <v>15</v>
      </c>
      <c r="J12791" s="10">
        <v>22.005274230000001</v>
      </c>
    </row>
    <row r="12792" spans="1:10" x14ac:dyDescent="0.35">
      <c r="A12792" t="s">
        <v>28</v>
      </c>
      <c r="B12792" t="s">
        <v>79</v>
      </c>
      <c r="C12792" t="s">
        <v>117</v>
      </c>
      <c r="D12792" t="s">
        <v>118</v>
      </c>
      <c r="E12792">
        <v>2016</v>
      </c>
      <c r="F12792">
        <v>2016</v>
      </c>
      <c r="G12792" t="s">
        <v>125</v>
      </c>
      <c r="H12792" t="s">
        <v>123</v>
      </c>
      <c r="I12792" t="s">
        <v>15</v>
      </c>
      <c r="J12792" s="10">
        <v>16.898857249999999</v>
      </c>
    </row>
    <row r="12793" spans="1:10" x14ac:dyDescent="0.35">
      <c r="A12793" t="s">
        <v>28</v>
      </c>
      <c r="B12793" t="s">
        <v>79</v>
      </c>
      <c r="C12793" t="s">
        <v>117</v>
      </c>
      <c r="D12793" t="s">
        <v>118</v>
      </c>
      <c r="E12793">
        <v>2016</v>
      </c>
      <c r="F12793">
        <v>2016</v>
      </c>
      <c r="G12793" t="s">
        <v>125</v>
      </c>
      <c r="H12793" t="s">
        <v>124</v>
      </c>
      <c r="I12793" t="s">
        <v>15</v>
      </c>
      <c r="J12793" s="10">
        <v>1.675501452</v>
      </c>
    </row>
    <row r="12794" spans="1:10" x14ac:dyDescent="0.35">
      <c r="A12794" t="s">
        <v>28</v>
      </c>
      <c r="B12794" t="s">
        <v>79</v>
      </c>
      <c r="C12794" t="s">
        <v>117</v>
      </c>
      <c r="D12794" t="s">
        <v>118</v>
      </c>
      <c r="E12794">
        <v>2016</v>
      </c>
      <c r="F12794">
        <v>2016</v>
      </c>
      <c r="G12794" t="s">
        <v>126</v>
      </c>
      <c r="H12794" t="s">
        <v>119</v>
      </c>
      <c r="I12794" t="s">
        <v>15</v>
      </c>
      <c r="J12794" s="10">
        <v>17.065033360000001</v>
      </c>
    </row>
    <row r="12795" spans="1:10" x14ac:dyDescent="0.35">
      <c r="A12795" t="s">
        <v>28</v>
      </c>
      <c r="B12795" t="s">
        <v>79</v>
      </c>
      <c r="C12795" t="s">
        <v>117</v>
      </c>
      <c r="D12795" t="s">
        <v>118</v>
      </c>
      <c r="E12795">
        <v>2016</v>
      </c>
      <c r="F12795">
        <v>2016</v>
      </c>
      <c r="G12795" t="s">
        <v>126</v>
      </c>
      <c r="H12795" t="s">
        <v>120</v>
      </c>
      <c r="I12795" t="s">
        <v>15</v>
      </c>
      <c r="J12795" s="10">
        <v>9.6454536399999995</v>
      </c>
    </row>
    <row r="12796" spans="1:10" x14ac:dyDescent="0.35">
      <c r="A12796" t="s">
        <v>28</v>
      </c>
      <c r="B12796" t="s">
        <v>79</v>
      </c>
      <c r="C12796" t="s">
        <v>117</v>
      </c>
      <c r="D12796" t="s">
        <v>118</v>
      </c>
      <c r="E12796">
        <v>2016</v>
      </c>
      <c r="F12796">
        <v>2016</v>
      </c>
      <c r="G12796" t="s">
        <v>126</v>
      </c>
      <c r="H12796" t="s">
        <v>121</v>
      </c>
      <c r="I12796" t="s">
        <v>15</v>
      </c>
      <c r="J12796" s="10">
        <v>30.863459809999998</v>
      </c>
    </row>
    <row r="12797" spans="1:10" x14ac:dyDescent="0.35">
      <c r="A12797" t="s">
        <v>28</v>
      </c>
      <c r="B12797" t="s">
        <v>79</v>
      </c>
      <c r="C12797" t="s">
        <v>117</v>
      </c>
      <c r="D12797" t="s">
        <v>118</v>
      </c>
      <c r="E12797">
        <v>2016</v>
      </c>
      <c r="F12797">
        <v>2016</v>
      </c>
      <c r="G12797" t="s">
        <v>126</v>
      </c>
      <c r="H12797" t="s">
        <v>122</v>
      </c>
      <c r="I12797" t="s">
        <v>15</v>
      </c>
      <c r="J12797" s="10">
        <v>21.434618069999999</v>
      </c>
    </row>
    <row r="12798" spans="1:10" x14ac:dyDescent="0.35">
      <c r="A12798" t="s">
        <v>28</v>
      </c>
      <c r="B12798" t="s">
        <v>79</v>
      </c>
      <c r="C12798" t="s">
        <v>117</v>
      </c>
      <c r="D12798" t="s">
        <v>118</v>
      </c>
      <c r="E12798">
        <v>2016</v>
      </c>
      <c r="F12798">
        <v>2016</v>
      </c>
      <c r="G12798" t="s">
        <v>126</v>
      </c>
      <c r="H12798" t="s">
        <v>123</v>
      </c>
      <c r="I12798" t="s">
        <v>15</v>
      </c>
      <c r="J12798" s="10">
        <v>18.1854397</v>
      </c>
    </row>
    <row r="12799" spans="1:10" x14ac:dyDescent="0.35">
      <c r="A12799" t="s">
        <v>28</v>
      </c>
      <c r="B12799" t="s">
        <v>79</v>
      </c>
      <c r="C12799" t="s">
        <v>117</v>
      </c>
      <c r="D12799" t="s">
        <v>118</v>
      </c>
      <c r="E12799">
        <v>2016</v>
      </c>
      <c r="F12799">
        <v>2016</v>
      </c>
      <c r="G12799" t="s">
        <v>126</v>
      </c>
      <c r="H12799" t="s">
        <v>124</v>
      </c>
      <c r="I12799" t="s">
        <v>15</v>
      </c>
      <c r="J12799" s="10">
        <v>2.8059954189999998</v>
      </c>
    </row>
    <row r="12800" spans="1:10" x14ac:dyDescent="0.35">
      <c r="A12800" t="s">
        <v>28</v>
      </c>
      <c r="B12800" t="s">
        <v>79</v>
      </c>
      <c r="C12800" t="s">
        <v>117</v>
      </c>
      <c r="D12800" t="s">
        <v>118</v>
      </c>
      <c r="E12800">
        <v>2015</v>
      </c>
      <c r="F12800">
        <v>2015</v>
      </c>
      <c r="G12800" t="s">
        <v>14</v>
      </c>
      <c r="H12800" t="s">
        <v>119</v>
      </c>
      <c r="I12800" t="s">
        <v>15</v>
      </c>
      <c r="J12800" s="10">
        <v>18.220388610000001</v>
      </c>
    </row>
    <row r="12801" spans="1:10" x14ac:dyDescent="0.35">
      <c r="A12801" t="s">
        <v>28</v>
      </c>
      <c r="B12801" t="s">
        <v>79</v>
      </c>
      <c r="C12801" t="s">
        <v>117</v>
      </c>
      <c r="D12801" t="s">
        <v>118</v>
      </c>
      <c r="E12801">
        <v>2015</v>
      </c>
      <c r="F12801">
        <v>2015</v>
      </c>
      <c r="G12801" t="s">
        <v>14</v>
      </c>
      <c r="H12801" t="s">
        <v>120</v>
      </c>
      <c r="I12801" t="s">
        <v>15</v>
      </c>
      <c r="J12801" s="10">
        <v>9.9704569410000001</v>
      </c>
    </row>
    <row r="12802" spans="1:10" x14ac:dyDescent="0.35">
      <c r="A12802" t="s">
        <v>28</v>
      </c>
      <c r="B12802" t="s">
        <v>79</v>
      </c>
      <c r="C12802" t="s">
        <v>117</v>
      </c>
      <c r="D12802" t="s">
        <v>118</v>
      </c>
      <c r="E12802">
        <v>2015</v>
      </c>
      <c r="F12802">
        <v>2015</v>
      </c>
      <c r="G12802" t="s">
        <v>14</v>
      </c>
      <c r="H12802" t="s">
        <v>121</v>
      </c>
      <c r="I12802" t="s">
        <v>15</v>
      </c>
      <c r="J12802" s="10">
        <v>30.623267439999999</v>
      </c>
    </row>
    <row r="12803" spans="1:10" x14ac:dyDescent="0.35">
      <c r="A12803" t="s">
        <v>28</v>
      </c>
      <c r="B12803" t="s">
        <v>79</v>
      </c>
      <c r="C12803" t="s">
        <v>117</v>
      </c>
      <c r="D12803" t="s">
        <v>118</v>
      </c>
      <c r="E12803">
        <v>2015</v>
      </c>
      <c r="F12803">
        <v>2015</v>
      </c>
      <c r="G12803" t="s">
        <v>14</v>
      </c>
      <c r="H12803" t="s">
        <v>122</v>
      </c>
      <c r="I12803" t="s">
        <v>15</v>
      </c>
      <c r="J12803" s="10">
        <v>21.636711479999999</v>
      </c>
    </row>
    <row r="12804" spans="1:10" x14ac:dyDescent="0.35">
      <c r="A12804" t="s">
        <v>28</v>
      </c>
      <c r="B12804" t="s">
        <v>79</v>
      </c>
      <c r="C12804" t="s">
        <v>117</v>
      </c>
      <c r="D12804" t="s">
        <v>118</v>
      </c>
      <c r="E12804">
        <v>2015</v>
      </c>
      <c r="F12804">
        <v>2015</v>
      </c>
      <c r="G12804" t="s">
        <v>14</v>
      </c>
      <c r="H12804" t="s">
        <v>123</v>
      </c>
      <c r="I12804" t="s">
        <v>15</v>
      </c>
      <c r="J12804" s="10">
        <v>17.315876469999999</v>
      </c>
    </row>
    <row r="12805" spans="1:10" x14ac:dyDescent="0.35">
      <c r="A12805" t="s">
        <v>28</v>
      </c>
      <c r="B12805" t="s">
        <v>79</v>
      </c>
      <c r="C12805" t="s">
        <v>117</v>
      </c>
      <c r="D12805" t="s">
        <v>118</v>
      </c>
      <c r="E12805">
        <v>2015</v>
      </c>
      <c r="F12805">
        <v>2015</v>
      </c>
      <c r="G12805" t="s">
        <v>14</v>
      </c>
      <c r="H12805" t="s">
        <v>124</v>
      </c>
      <c r="I12805" t="s">
        <v>15</v>
      </c>
      <c r="J12805" s="10">
        <v>2.2332990619999999</v>
      </c>
    </row>
    <row r="12806" spans="1:10" x14ac:dyDescent="0.35">
      <c r="A12806" t="s">
        <v>28</v>
      </c>
      <c r="B12806" t="s">
        <v>79</v>
      </c>
      <c r="C12806" t="s">
        <v>117</v>
      </c>
      <c r="D12806" t="s">
        <v>118</v>
      </c>
      <c r="E12806">
        <v>2015</v>
      </c>
      <c r="F12806">
        <v>2015</v>
      </c>
      <c r="G12806" t="s">
        <v>125</v>
      </c>
      <c r="H12806" t="s">
        <v>119</v>
      </c>
      <c r="I12806" t="s">
        <v>15</v>
      </c>
      <c r="J12806" s="10">
        <v>19.289271769999999</v>
      </c>
    </row>
    <row r="12807" spans="1:10" x14ac:dyDescent="0.35">
      <c r="A12807" t="s">
        <v>28</v>
      </c>
      <c r="B12807" t="s">
        <v>79</v>
      </c>
      <c r="C12807" t="s">
        <v>117</v>
      </c>
      <c r="D12807" t="s">
        <v>118</v>
      </c>
      <c r="E12807">
        <v>2015</v>
      </c>
      <c r="F12807">
        <v>2015</v>
      </c>
      <c r="G12807" t="s">
        <v>125</v>
      </c>
      <c r="H12807" t="s">
        <v>120</v>
      </c>
      <c r="I12807" t="s">
        <v>15</v>
      </c>
      <c r="J12807" s="10">
        <v>10.321712209999999</v>
      </c>
    </row>
    <row r="12808" spans="1:10" x14ac:dyDescent="0.35">
      <c r="A12808" t="s">
        <v>28</v>
      </c>
      <c r="B12808" t="s">
        <v>79</v>
      </c>
      <c r="C12808" t="s">
        <v>117</v>
      </c>
      <c r="D12808" t="s">
        <v>118</v>
      </c>
      <c r="E12808">
        <v>2015</v>
      </c>
      <c r="F12808">
        <v>2015</v>
      </c>
      <c r="G12808" t="s">
        <v>125</v>
      </c>
      <c r="H12808" t="s">
        <v>121</v>
      </c>
      <c r="I12808" t="s">
        <v>15</v>
      </c>
      <c r="J12808" s="10">
        <v>30.20864181</v>
      </c>
    </row>
    <row r="12809" spans="1:10" x14ac:dyDescent="0.35">
      <c r="A12809" t="s">
        <v>28</v>
      </c>
      <c r="B12809" t="s">
        <v>79</v>
      </c>
      <c r="C12809" t="s">
        <v>117</v>
      </c>
      <c r="D12809" t="s">
        <v>118</v>
      </c>
      <c r="E12809">
        <v>2015</v>
      </c>
      <c r="F12809">
        <v>2015</v>
      </c>
      <c r="G12809" t="s">
        <v>125</v>
      </c>
      <c r="H12809" t="s">
        <v>122</v>
      </c>
      <c r="I12809" t="s">
        <v>15</v>
      </c>
      <c r="J12809" s="10">
        <v>21.90873603</v>
      </c>
    </row>
    <row r="12810" spans="1:10" x14ac:dyDescent="0.35">
      <c r="A12810" t="s">
        <v>28</v>
      </c>
      <c r="B12810" t="s">
        <v>79</v>
      </c>
      <c r="C12810" t="s">
        <v>117</v>
      </c>
      <c r="D12810" t="s">
        <v>118</v>
      </c>
      <c r="E12810">
        <v>2015</v>
      </c>
      <c r="F12810">
        <v>2015</v>
      </c>
      <c r="G12810" t="s">
        <v>125</v>
      </c>
      <c r="H12810" t="s">
        <v>123</v>
      </c>
      <c r="I12810" t="s">
        <v>15</v>
      </c>
      <c r="J12810" s="10">
        <v>16.650962440000001</v>
      </c>
    </row>
    <row r="12811" spans="1:10" x14ac:dyDescent="0.35">
      <c r="A12811" t="s">
        <v>28</v>
      </c>
      <c r="B12811" t="s">
        <v>79</v>
      </c>
      <c r="C12811" t="s">
        <v>117</v>
      </c>
      <c r="D12811" t="s">
        <v>118</v>
      </c>
      <c r="E12811">
        <v>2015</v>
      </c>
      <c r="F12811">
        <v>2015</v>
      </c>
      <c r="G12811" t="s">
        <v>125</v>
      </c>
      <c r="H12811" t="s">
        <v>124</v>
      </c>
      <c r="I12811" t="s">
        <v>15</v>
      </c>
      <c r="J12811" s="10">
        <v>1.6206757300000001</v>
      </c>
    </row>
    <row r="12812" spans="1:10" x14ac:dyDescent="0.35">
      <c r="A12812" t="s">
        <v>28</v>
      </c>
      <c r="B12812" t="s">
        <v>79</v>
      </c>
      <c r="C12812" t="s">
        <v>117</v>
      </c>
      <c r="D12812" t="s">
        <v>118</v>
      </c>
      <c r="E12812">
        <v>2015</v>
      </c>
      <c r="F12812">
        <v>2015</v>
      </c>
      <c r="G12812" t="s">
        <v>126</v>
      </c>
      <c r="H12812" t="s">
        <v>119</v>
      </c>
      <c r="I12812" t="s">
        <v>15</v>
      </c>
      <c r="J12812" s="10">
        <v>17.22009473</v>
      </c>
    </row>
    <row r="12813" spans="1:10" x14ac:dyDescent="0.35">
      <c r="A12813" t="s">
        <v>28</v>
      </c>
      <c r="B12813" t="s">
        <v>79</v>
      </c>
      <c r="C12813" t="s">
        <v>117</v>
      </c>
      <c r="D12813" t="s">
        <v>118</v>
      </c>
      <c r="E12813">
        <v>2015</v>
      </c>
      <c r="F12813">
        <v>2015</v>
      </c>
      <c r="G12813" t="s">
        <v>126</v>
      </c>
      <c r="H12813" t="s">
        <v>120</v>
      </c>
      <c r="I12813" t="s">
        <v>15</v>
      </c>
      <c r="J12813" s="10">
        <v>9.6417414089999998</v>
      </c>
    </row>
    <row r="12814" spans="1:10" x14ac:dyDescent="0.35">
      <c r="A12814" t="s">
        <v>28</v>
      </c>
      <c r="B12814" t="s">
        <v>79</v>
      </c>
      <c r="C12814" t="s">
        <v>117</v>
      </c>
      <c r="D12814" t="s">
        <v>118</v>
      </c>
      <c r="E12814">
        <v>2015</v>
      </c>
      <c r="F12814">
        <v>2015</v>
      </c>
      <c r="G12814" t="s">
        <v>126</v>
      </c>
      <c r="H12814" t="s">
        <v>121</v>
      </c>
      <c r="I12814" t="s">
        <v>15</v>
      </c>
      <c r="J12814" s="10">
        <v>31.011286909999999</v>
      </c>
    </row>
    <row r="12815" spans="1:10" x14ac:dyDescent="0.35">
      <c r="A12815" t="s">
        <v>28</v>
      </c>
      <c r="B12815" t="s">
        <v>79</v>
      </c>
      <c r="C12815" t="s">
        <v>117</v>
      </c>
      <c r="D12815" t="s">
        <v>118</v>
      </c>
      <c r="E12815">
        <v>2015</v>
      </c>
      <c r="F12815">
        <v>2015</v>
      </c>
      <c r="G12815" t="s">
        <v>126</v>
      </c>
      <c r="H12815" t="s">
        <v>122</v>
      </c>
      <c r="I12815" t="s">
        <v>15</v>
      </c>
      <c r="J12815" s="10">
        <v>21.3821425</v>
      </c>
    </row>
    <row r="12816" spans="1:10" x14ac:dyDescent="0.35">
      <c r="A12816" t="s">
        <v>28</v>
      </c>
      <c r="B12816" t="s">
        <v>79</v>
      </c>
      <c r="C12816" t="s">
        <v>117</v>
      </c>
      <c r="D12816" t="s">
        <v>118</v>
      </c>
      <c r="E12816">
        <v>2015</v>
      </c>
      <c r="F12816">
        <v>2015</v>
      </c>
      <c r="G12816" t="s">
        <v>126</v>
      </c>
      <c r="H12816" t="s">
        <v>123</v>
      </c>
      <c r="I12816" t="s">
        <v>15</v>
      </c>
      <c r="J12816" s="10">
        <v>17.93812355</v>
      </c>
    </row>
    <row r="12817" spans="1:10" x14ac:dyDescent="0.35">
      <c r="A12817" t="s">
        <v>28</v>
      </c>
      <c r="B12817" t="s">
        <v>79</v>
      </c>
      <c r="C12817" t="s">
        <v>117</v>
      </c>
      <c r="D12817" t="s">
        <v>118</v>
      </c>
      <c r="E12817">
        <v>2015</v>
      </c>
      <c r="F12817">
        <v>2015</v>
      </c>
      <c r="G12817" t="s">
        <v>126</v>
      </c>
      <c r="H12817" t="s">
        <v>124</v>
      </c>
      <c r="I12817" t="s">
        <v>15</v>
      </c>
      <c r="J12817" s="10">
        <v>2.8066109039999998</v>
      </c>
    </row>
    <row r="12818" spans="1:10" x14ac:dyDescent="0.35">
      <c r="A12818" t="s">
        <v>28</v>
      </c>
      <c r="B12818" t="s">
        <v>79</v>
      </c>
      <c r="C12818" t="s">
        <v>117</v>
      </c>
      <c r="D12818" t="s">
        <v>118</v>
      </c>
      <c r="E12818">
        <v>2014</v>
      </c>
      <c r="F12818">
        <v>2014</v>
      </c>
      <c r="G12818" t="s">
        <v>14</v>
      </c>
      <c r="H12818" t="s">
        <v>119</v>
      </c>
      <c r="I12818" t="s">
        <v>15</v>
      </c>
      <c r="J12818" s="10">
        <v>18.389361789999999</v>
      </c>
    </row>
    <row r="12819" spans="1:10" x14ac:dyDescent="0.35">
      <c r="A12819" t="s">
        <v>28</v>
      </c>
      <c r="B12819" t="s">
        <v>79</v>
      </c>
      <c r="C12819" t="s">
        <v>117</v>
      </c>
      <c r="D12819" t="s">
        <v>118</v>
      </c>
      <c r="E12819">
        <v>2014</v>
      </c>
      <c r="F12819">
        <v>2014</v>
      </c>
      <c r="G12819" t="s">
        <v>14</v>
      </c>
      <c r="H12819" t="s">
        <v>120</v>
      </c>
      <c r="I12819" t="s">
        <v>15</v>
      </c>
      <c r="J12819" s="10">
        <v>10.05243269</v>
      </c>
    </row>
    <row r="12820" spans="1:10" x14ac:dyDescent="0.35">
      <c r="A12820" t="s">
        <v>28</v>
      </c>
      <c r="B12820" t="s">
        <v>79</v>
      </c>
      <c r="C12820" t="s">
        <v>117</v>
      </c>
      <c r="D12820" t="s">
        <v>118</v>
      </c>
      <c r="E12820">
        <v>2014</v>
      </c>
      <c r="F12820">
        <v>2014</v>
      </c>
      <c r="G12820" t="s">
        <v>14</v>
      </c>
      <c r="H12820" t="s">
        <v>121</v>
      </c>
      <c r="I12820" t="s">
        <v>15</v>
      </c>
      <c r="J12820" s="10">
        <v>30.927444130000001</v>
      </c>
    </row>
    <row r="12821" spans="1:10" x14ac:dyDescent="0.35">
      <c r="A12821" t="s">
        <v>28</v>
      </c>
      <c r="B12821" t="s">
        <v>79</v>
      </c>
      <c r="C12821" t="s">
        <v>117</v>
      </c>
      <c r="D12821" t="s">
        <v>118</v>
      </c>
      <c r="E12821">
        <v>2014</v>
      </c>
      <c r="F12821">
        <v>2014</v>
      </c>
      <c r="G12821" t="s">
        <v>14</v>
      </c>
      <c r="H12821" t="s">
        <v>122</v>
      </c>
      <c r="I12821" t="s">
        <v>15</v>
      </c>
      <c r="J12821" s="10">
        <v>21.313040180000002</v>
      </c>
    </row>
    <row r="12822" spans="1:10" x14ac:dyDescent="0.35">
      <c r="A12822" t="s">
        <v>28</v>
      </c>
      <c r="B12822" t="s">
        <v>79</v>
      </c>
      <c r="C12822" t="s">
        <v>117</v>
      </c>
      <c r="D12822" t="s">
        <v>118</v>
      </c>
      <c r="E12822">
        <v>2014</v>
      </c>
      <c r="F12822">
        <v>2014</v>
      </c>
      <c r="G12822" t="s">
        <v>14</v>
      </c>
      <c r="H12822" t="s">
        <v>123</v>
      </c>
      <c r="I12822" t="s">
        <v>15</v>
      </c>
      <c r="J12822" s="10">
        <v>17.045201949999999</v>
      </c>
    </row>
    <row r="12823" spans="1:10" x14ac:dyDescent="0.35">
      <c r="A12823" t="s">
        <v>28</v>
      </c>
      <c r="B12823" t="s">
        <v>79</v>
      </c>
      <c r="C12823" t="s">
        <v>117</v>
      </c>
      <c r="D12823" t="s">
        <v>118</v>
      </c>
      <c r="E12823">
        <v>2014</v>
      </c>
      <c r="F12823">
        <v>2014</v>
      </c>
      <c r="G12823" t="s">
        <v>14</v>
      </c>
      <c r="H12823" t="s">
        <v>124</v>
      </c>
      <c r="I12823" t="s">
        <v>15</v>
      </c>
      <c r="J12823" s="10">
        <v>2.2725192540000001</v>
      </c>
    </row>
    <row r="12824" spans="1:10" x14ac:dyDescent="0.35">
      <c r="A12824" t="s">
        <v>28</v>
      </c>
      <c r="B12824" t="s">
        <v>79</v>
      </c>
      <c r="C12824" t="s">
        <v>117</v>
      </c>
      <c r="D12824" t="s">
        <v>118</v>
      </c>
      <c r="E12824">
        <v>2014</v>
      </c>
      <c r="F12824">
        <v>2014</v>
      </c>
      <c r="G12824" t="s">
        <v>125</v>
      </c>
      <c r="H12824" t="s">
        <v>119</v>
      </c>
      <c r="I12824" t="s">
        <v>15</v>
      </c>
      <c r="J12824" s="10">
        <v>19.423139249999998</v>
      </c>
    </row>
    <row r="12825" spans="1:10" x14ac:dyDescent="0.35">
      <c r="A12825" t="s">
        <v>28</v>
      </c>
      <c r="B12825" t="s">
        <v>79</v>
      </c>
      <c r="C12825" t="s">
        <v>117</v>
      </c>
      <c r="D12825" t="s">
        <v>118</v>
      </c>
      <c r="E12825">
        <v>2014</v>
      </c>
      <c r="F12825">
        <v>2014</v>
      </c>
      <c r="G12825" t="s">
        <v>125</v>
      </c>
      <c r="H12825" t="s">
        <v>120</v>
      </c>
      <c r="I12825" t="s">
        <v>15</v>
      </c>
      <c r="J12825" s="10">
        <v>10.36512909</v>
      </c>
    </row>
    <row r="12826" spans="1:10" x14ac:dyDescent="0.35">
      <c r="A12826" t="s">
        <v>28</v>
      </c>
      <c r="B12826" t="s">
        <v>79</v>
      </c>
      <c r="C12826" t="s">
        <v>117</v>
      </c>
      <c r="D12826" t="s">
        <v>118</v>
      </c>
      <c r="E12826">
        <v>2014</v>
      </c>
      <c r="F12826">
        <v>2014</v>
      </c>
      <c r="G12826" t="s">
        <v>125</v>
      </c>
      <c r="H12826" t="s">
        <v>121</v>
      </c>
      <c r="I12826" t="s">
        <v>15</v>
      </c>
      <c r="J12826" s="10">
        <v>30.70109107</v>
      </c>
    </row>
    <row r="12827" spans="1:10" x14ac:dyDescent="0.35">
      <c r="A12827" t="s">
        <v>28</v>
      </c>
      <c r="B12827" t="s">
        <v>79</v>
      </c>
      <c r="C12827" t="s">
        <v>117</v>
      </c>
      <c r="D12827" t="s">
        <v>118</v>
      </c>
      <c r="E12827">
        <v>2014</v>
      </c>
      <c r="F12827">
        <v>2014</v>
      </c>
      <c r="G12827" t="s">
        <v>125</v>
      </c>
      <c r="H12827" t="s">
        <v>122</v>
      </c>
      <c r="I12827" t="s">
        <v>15</v>
      </c>
      <c r="J12827" s="10">
        <v>21.591768389999999</v>
      </c>
    </row>
    <row r="12828" spans="1:10" x14ac:dyDescent="0.35">
      <c r="A12828" t="s">
        <v>28</v>
      </c>
      <c r="B12828" t="s">
        <v>79</v>
      </c>
      <c r="C12828" t="s">
        <v>117</v>
      </c>
      <c r="D12828" t="s">
        <v>118</v>
      </c>
      <c r="E12828">
        <v>2014</v>
      </c>
      <c r="F12828">
        <v>2014</v>
      </c>
      <c r="G12828" t="s">
        <v>125</v>
      </c>
      <c r="H12828" t="s">
        <v>123</v>
      </c>
      <c r="I12828" t="s">
        <v>15</v>
      </c>
      <c r="J12828" s="10">
        <v>16.306578810000001</v>
      </c>
    </row>
    <row r="12829" spans="1:10" x14ac:dyDescent="0.35">
      <c r="A12829" t="s">
        <v>28</v>
      </c>
      <c r="B12829" t="s">
        <v>79</v>
      </c>
      <c r="C12829" t="s">
        <v>117</v>
      </c>
      <c r="D12829" t="s">
        <v>118</v>
      </c>
      <c r="E12829">
        <v>2014</v>
      </c>
      <c r="F12829">
        <v>2014</v>
      </c>
      <c r="G12829" t="s">
        <v>125</v>
      </c>
      <c r="H12829" t="s">
        <v>124</v>
      </c>
      <c r="I12829" t="s">
        <v>15</v>
      </c>
      <c r="J12829" s="10">
        <v>1.6122934</v>
      </c>
    </row>
    <row r="12830" spans="1:10" x14ac:dyDescent="0.35">
      <c r="A12830" t="s">
        <v>28</v>
      </c>
      <c r="B12830" t="s">
        <v>79</v>
      </c>
      <c r="C12830" t="s">
        <v>117</v>
      </c>
      <c r="D12830" t="s">
        <v>118</v>
      </c>
      <c r="E12830">
        <v>2014</v>
      </c>
      <c r="F12830">
        <v>2014</v>
      </c>
      <c r="G12830" t="s">
        <v>126</v>
      </c>
      <c r="H12830" t="s">
        <v>119</v>
      </c>
      <c r="I12830" t="s">
        <v>15</v>
      </c>
      <c r="J12830" s="10">
        <v>17.419076830000002</v>
      </c>
    </row>
    <row r="12831" spans="1:10" x14ac:dyDescent="0.35">
      <c r="A12831" t="s">
        <v>28</v>
      </c>
      <c r="B12831" t="s">
        <v>79</v>
      </c>
      <c r="C12831" t="s">
        <v>117</v>
      </c>
      <c r="D12831" t="s">
        <v>118</v>
      </c>
      <c r="E12831">
        <v>2014</v>
      </c>
      <c r="F12831">
        <v>2014</v>
      </c>
      <c r="G12831" t="s">
        <v>126</v>
      </c>
      <c r="H12831" t="s">
        <v>120</v>
      </c>
      <c r="I12831" t="s">
        <v>15</v>
      </c>
      <c r="J12831" s="10">
        <v>9.7589414720000001</v>
      </c>
    </row>
    <row r="12832" spans="1:10" x14ac:dyDescent="0.35">
      <c r="A12832" t="s">
        <v>28</v>
      </c>
      <c r="B12832" t="s">
        <v>79</v>
      </c>
      <c r="C12832" t="s">
        <v>117</v>
      </c>
      <c r="D12832" t="s">
        <v>118</v>
      </c>
      <c r="E12832">
        <v>2014</v>
      </c>
      <c r="F12832">
        <v>2014</v>
      </c>
      <c r="G12832" t="s">
        <v>126</v>
      </c>
      <c r="H12832" t="s">
        <v>121</v>
      </c>
      <c r="I12832" t="s">
        <v>15</v>
      </c>
      <c r="J12832" s="10">
        <v>31.139895060000001</v>
      </c>
    </row>
    <row r="12833" spans="1:10" x14ac:dyDescent="0.35">
      <c r="A12833" t="s">
        <v>28</v>
      </c>
      <c r="B12833" t="s">
        <v>79</v>
      </c>
      <c r="C12833" t="s">
        <v>117</v>
      </c>
      <c r="D12833" t="s">
        <v>118</v>
      </c>
      <c r="E12833">
        <v>2014</v>
      </c>
      <c r="F12833">
        <v>2014</v>
      </c>
      <c r="G12833" t="s">
        <v>126</v>
      </c>
      <c r="H12833" t="s">
        <v>122</v>
      </c>
      <c r="I12833" t="s">
        <v>15</v>
      </c>
      <c r="J12833" s="10">
        <v>21.051430889999999</v>
      </c>
    </row>
    <row r="12834" spans="1:10" x14ac:dyDescent="0.35">
      <c r="A12834" t="s">
        <v>28</v>
      </c>
      <c r="B12834" t="s">
        <v>79</v>
      </c>
      <c r="C12834" t="s">
        <v>117</v>
      </c>
      <c r="D12834" t="s">
        <v>118</v>
      </c>
      <c r="E12834">
        <v>2014</v>
      </c>
      <c r="F12834">
        <v>2014</v>
      </c>
      <c r="G12834" t="s">
        <v>126</v>
      </c>
      <c r="H12834" t="s">
        <v>123</v>
      </c>
      <c r="I12834" t="s">
        <v>15</v>
      </c>
      <c r="J12834" s="10">
        <v>17.738460369999999</v>
      </c>
    </row>
    <row r="12835" spans="1:10" x14ac:dyDescent="0.35">
      <c r="A12835" t="s">
        <v>28</v>
      </c>
      <c r="B12835" t="s">
        <v>79</v>
      </c>
      <c r="C12835" t="s">
        <v>117</v>
      </c>
      <c r="D12835" t="s">
        <v>118</v>
      </c>
      <c r="E12835">
        <v>2014</v>
      </c>
      <c r="F12835">
        <v>2014</v>
      </c>
      <c r="G12835" t="s">
        <v>126</v>
      </c>
      <c r="H12835" t="s">
        <v>124</v>
      </c>
      <c r="I12835" t="s">
        <v>15</v>
      </c>
      <c r="J12835" s="10">
        <v>2.8921953820000001</v>
      </c>
    </row>
    <row r="12836" spans="1:10" x14ac:dyDescent="0.35">
      <c r="A12836" t="s">
        <v>28</v>
      </c>
      <c r="B12836" t="s">
        <v>79</v>
      </c>
      <c r="C12836" t="s">
        <v>117</v>
      </c>
      <c r="D12836" t="s">
        <v>118</v>
      </c>
      <c r="E12836">
        <v>2013</v>
      </c>
      <c r="F12836">
        <v>2013</v>
      </c>
      <c r="G12836" t="s">
        <v>14</v>
      </c>
      <c r="H12836" t="s">
        <v>119</v>
      </c>
      <c r="I12836" t="s">
        <v>15</v>
      </c>
      <c r="J12836" s="10">
        <v>18.423321260000002</v>
      </c>
    </row>
    <row r="12837" spans="1:10" x14ac:dyDescent="0.35">
      <c r="A12837" t="s">
        <v>28</v>
      </c>
      <c r="B12837" t="s">
        <v>79</v>
      </c>
      <c r="C12837" t="s">
        <v>117</v>
      </c>
      <c r="D12837" t="s">
        <v>118</v>
      </c>
      <c r="E12837">
        <v>2013</v>
      </c>
      <c r="F12837">
        <v>2013</v>
      </c>
      <c r="G12837" t="s">
        <v>14</v>
      </c>
      <c r="H12837" t="s">
        <v>120</v>
      </c>
      <c r="I12837" t="s">
        <v>15</v>
      </c>
      <c r="J12837" s="10">
        <v>9.9908486849999996</v>
      </c>
    </row>
    <row r="12838" spans="1:10" x14ac:dyDescent="0.35">
      <c r="A12838" t="s">
        <v>28</v>
      </c>
      <c r="B12838" t="s">
        <v>79</v>
      </c>
      <c r="C12838" t="s">
        <v>117</v>
      </c>
      <c r="D12838" t="s">
        <v>118</v>
      </c>
      <c r="E12838">
        <v>2013</v>
      </c>
      <c r="F12838">
        <v>2013</v>
      </c>
      <c r="G12838" t="s">
        <v>14</v>
      </c>
      <c r="H12838" t="s">
        <v>121</v>
      </c>
      <c r="I12838" t="s">
        <v>15</v>
      </c>
      <c r="J12838" s="10">
        <v>31.247098770000001</v>
      </c>
    </row>
    <row r="12839" spans="1:10" x14ac:dyDescent="0.35">
      <c r="A12839" t="s">
        <v>28</v>
      </c>
      <c r="B12839" t="s">
        <v>79</v>
      </c>
      <c r="C12839" t="s">
        <v>117</v>
      </c>
      <c r="D12839" t="s">
        <v>118</v>
      </c>
      <c r="E12839">
        <v>2013</v>
      </c>
      <c r="F12839">
        <v>2013</v>
      </c>
      <c r="G12839" t="s">
        <v>14</v>
      </c>
      <c r="H12839" t="s">
        <v>122</v>
      </c>
      <c r="I12839" t="s">
        <v>15</v>
      </c>
      <c r="J12839" s="10">
        <v>21.305322350000001</v>
      </c>
    </row>
    <row r="12840" spans="1:10" x14ac:dyDescent="0.35">
      <c r="A12840" t="s">
        <v>28</v>
      </c>
      <c r="B12840" t="s">
        <v>79</v>
      </c>
      <c r="C12840" t="s">
        <v>117</v>
      </c>
      <c r="D12840" t="s">
        <v>118</v>
      </c>
      <c r="E12840">
        <v>2013</v>
      </c>
      <c r="F12840">
        <v>2013</v>
      </c>
      <c r="G12840" t="s">
        <v>14</v>
      </c>
      <c r="H12840" t="s">
        <v>123</v>
      </c>
      <c r="I12840" t="s">
        <v>15</v>
      </c>
      <c r="J12840" s="10">
        <v>16.777410840000002</v>
      </c>
    </row>
    <row r="12841" spans="1:10" x14ac:dyDescent="0.35">
      <c r="A12841" t="s">
        <v>28</v>
      </c>
      <c r="B12841" t="s">
        <v>79</v>
      </c>
      <c r="C12841" t="s">
        <v>117</v>
      </c>
      <c r="D12841" t="s">
        <v>118</v>
      </c>
      <c r="E12841">
        <v>2013</v>
      </c>
      <c r="F12841">
        <v>2013</v>
      </c>
      <c r="G12841" t="s">
        <v>14</v>
      </c>
      <c r="H12841" t="s">
        <v>124</v>
      </c>
      <c r="I12841" t="s">
        <v>15</v>
      </c>
      <c r="J12841" s="10">
        <v>2.2559980899999998</v>
      </c>
    </row>
    <row r="12842" spans="1:10" x14ac:dyDescent="0.35">
      <c r="A12842" t="s">
        <v>28</v>
      </c>
      <c r="B12842" t="s">
        <v>79</v>
      </c>
      <c r="C12842" t="s">
        <v>117</v>
      </c>
      <c r="D12842" t="s">
        <v>118</v>
      </c>
      <c r="E12842">
        <v>2013</v>
      </c>
      <c r="F12842">
        <v>2013</v>
      </c>
      <c r="G12842" t="s">
        <v>125</v>
      </c>
      <c r="H12842" t="s">
        <v>119</v>
      </c>
      <c r="I12842" t="s">
        <v>15</v>
      </c>
      <c r="J12842" s="10">
        <v>19.688536729999999</v>
      </c>
    </row>
    <row r="12843" spans="1:10" x14ac:dyDescent="0.35">
      <c r="A12843" t="s">
        <v>28</v>
      </c>
      <c r="B12843" t="s">
        <v>79</v>
      </c>
      <c r="C12843" t="s">
        <v>117</v>
      </c>
      <c r="D12843" t="s">
        <v>118</v>
      </c>
      <c r="E12843">
        <v>2013</v>
      </c>
      <c r="F12843">
        <v>2013</v>
      </c>
      <c r="G12843" t="s">
        <v>125</v>
      </c>
      <c r="H12843" t="s">
        <v>120</v>
      </c>
      <c r="I12843" t="s">
        <v>15</v>
      </c>
      <c r="J12843" s="10">
        <v>10.17464974</v>
      </c>
    </row>
    <row r="12844" spans="1:10" x14ac:dyDescent="0.35">
      <c r="A12844" t="s">
        <v>28</v>
      </c>
      <c r="B12844" t="s">
        <v>79</v>
      </c>
      <c r="C12844" t="s">
        <v>117</v>
      </c>
      <c r="D12844" t="s">
        <v>118</v>
      </c>
      <c r="E12844">
        <v>2013</v>
      </c>
      <c r="F12844">
        <v>2013</v>
      </c>
      <c r="G12844" t="s">
        <v>125</v>
      </c>
      <c r="H12844" t="s">
        <v>121</v>
      </c>
      <c r="I12844" t="s">
        <v>15</v>
      </c>
      <c r="J12844" s="10">
        <v>30.86392674</v>
      </c>
    </row>
    <row r="12845" spans="1:10" x14ac:dyDescent="0.35">
      <c r="A12845" t="s">
        <v>28</v>
      </c>
      <c r="B12845" t="s">
        <v>79</v>
      </c>
      <c r="C12845" t="s">
        <v>117</v>
      </c>
      <c r="D12845" t="s">
        <v>118</v>
      </c>
      <c r="E12845">
        <v>2013</v>
      </c>
      <c r="F12845">
        <v>2013</v>
      </c>
      <c r="G12845" t="s">
        <v>125</v>
      </c>
      <c r="H12845" t="s">
        <v>122</v>
      </c>
      <c r="I12845" t="s">
        <v>15</v>
      </c>
      <c r="J12845" s="10">
        <v>21.66259973</v>
      </c>
    </row>
    <row r="12846" spans="1:10" x14ac:dyDescent="0.35">
      <c r="A12846" t="s">
        <v>28</v>
      </c>
      <c r="B12846" t="s">
        <v>79</v>
      </c>
      <c r="C12846" t="s">
        <v>117</v>
      </c>
      <c r="D12846" t="s">
        <v>118</v>
      </c>
      <c r="E12846">
        <v>2013</v>
      </c>
      <c r="F12846">
        <v>2013</v>
      </c>
      <c r="G12846" t="s">
        <v>125</v>
      </c>
      <c r="H12846" t="s">
        <v>123</v>
      </c>
      <c r="I12846" t="s">
        <v>15</v>
      </c>
      <c r="J12846" s="10">
        <v>16.036520169999999</v>
      </c>
    </row>
    <row r="12847" spans="1:10" x14ac:dyDescent="0.35">
      <c r="A12847" t="s">
        <v>28</v>
      </c>
      <c r="B12847" t="s">
        <v>79</v>
      </c>
      <c r="C12847" t="s">
        <v>117</v>
      </c>
      <c r="D12847" t="s">
        <v>118</v>
      </c>
      <c r="E12847">
        <v>2013</v>
      </c>
      <c r="F12847">
        <v>2013</v>
      </c>
      <c r="G12847" t="s">
        <v>125</v>
      </c>
      <c r="H12847" t="s">
        <v>124</v>
      </c>
      <c r="I12847" t="s">
        <v>15</v>
      </c>
      <c r="J12847" s="10">
        <v>1.573766896</v>
      </c>
    </row>
    <row r="12848" spans="1:10" x14ac:dyDescent="0.35">
      <c r="A12848" t="s">
        <v>28</v>
      </c>
      <c r="B12848" t="s">
        <v>79</v>
      </c>
      <c r="C12848" t="s">
        <v>117</v>
      </c>
      <c r="D12848" t="s">
        <v>118</v>
      </c>
      <c r="E12848">
        <v>2013</v>
      </c>
      <c r="F12848">
        <v>2013</v>
      </c>
      <c r="G12848" t="s">
        <v>126</v>
      </c>
      <c r="H12848" t="s">
        <v>119</v>
      </c>
      <c r="I12848" t="s">
        <v>15</v>
      </c>
      <c r="J12848" s="10">
        <v>17.237835889999999</v>
      </c>
    </row>
    <row r="12849" spans="1:10" x14ac:dyDescent="0.35">
      <c r="A12849" t="s">
        <v>28</v>
      </c>
      <c r="B12849" t="s">
        <v>79</v>
      </c>
      <c r="C12849" t="s">
        <v>117</v>
      </c>
      <c r="D12849" t="s">
        <v>118</v>
      </c>
      <c r="E12849">
        <v>2013</v>
      </c>
      <c r="F12849">
        <v>2013</v>
      </c>
      <c r="G12849" t="s">
        <v>126</v>
      </c>
      <c r="H12849" t="s">
        <v>120</v>
      </c>
      <c r="I12849" t="s">
        <v>15</v>
      </c>
      <c r="J12849" s="10">
        <v>9.8186302209999994</v>
      </c>
    </row>
    <row r="12850" spans="1:10" x14ac:dyDescent="0.35">
      <c r="A12850" t="s">
        <v>28</v>
      </c>
      <c r="B12850" t="s">
        <v>79</v>
      </c>
      <c r="C12850" t="s">
        <v>117</v>
      </c>
      <c r="D12850" t="s">
        <v>118</v>
      </c>
      <c r="E12850">
        <v>2013</v>
      </c>
      <c r="F12850">
        <v>2013</v>
      </c>
      <c r="G12850" t="s">
        <v>126</v>
      </c>
      <c r="H12850" t="s">
        <v>121</v>
      </c>
      <c r="I12850" t="s">
        <v>15</v>
      </c>
      <c r="J12850" s="10">
        <v>31.606124439999999</v>
      </c>
    </row>
    <row r="12851" spans="1:10" x14ac:dyDescent="0.35">
      <c r="A12851" t="s">
        <v>28</v>
      </c>
      <c r="B12851" t="s">
        <v>79</v>
      </c>
      <c r="C12851" t="s">
        <v>117</v>
      </c>
      <c r="D12851" t="s">
        <v>118</v>
      </c>
      <c r="E12851">
        <v>2013</v>
      </c>
      <c r="F12851">
        <v>2013</v>
      </c>
      <c r="G12851" t="s">
        <v>126</v>
      </c>
      <c r="H12851" t="s">
        <v>122</v>
      </c>
      <c r="I12851" t="s">
        <v>15</v>
      </c>
      <c r="J12851" s="10">
        <v>20.970559519999998</v>
      </c>
    </row>
    <row r="12852" spans="1:10" x14ac:dyDescent="0.35">
      <c r="A12852" t="s">
        <v>28</v>
      </c>
      <c r="B12852" t="s">
        <v>79</v>
      </c>
      <c r="C12852" t="s">
        <v>117</v>
      </c>
      <c r="D12852" t="s">
        <v>118</v>
      </c>
      <c r="E12852">
        <v>2013</v>
      </c>
      <c r="F12852">
        <v>2013</v>
      </c>
      <c r="G12852" t="s">
        <v>126</v>
      </c>
      <c r="H12852" t="s">
        <v>123</v>
      </c>
      <c r="I12852" t="s">
        <v>15</v>
      </c>
      <c r="J12852" s="10">
        <v>17.471612799999999</v>
      </c>
    </row>
    <row r="12853" spans="1:10" x14ac:dyDescent="0.35">
      <c r="A12853" t="s">
        <v>28</v>
      </c>
      <c r="B12853" t="s">
        <v>79</v>
      </c>
      <c r="C12853" t="s">
        <v>117</v>
      </c>
      <c r="D12853" t="s">
        <v>118</v>
      </c>
      <c r="E12853">
        <v>2013</v>
      </c>
      <c r="F12853">
        <v>2013</v>
      </c>
      <c r="G12853" t="s">
        <v>126</v>
      </c>
      <c r="H12853" t="s">
        <v>124</v>
      </c>
      <c r="I12853" t="s">
        <v>15</v>
      </c>
      <c r="J12853" s="10">
        <v>2.8952371170000002</v>
      </c>
    </row>
    <row r="12854" spans="1:10" x14ac:dyDescent="0.35">
      <c r="A12854" t="s">
        <v>28</v>
      </c>
      <c r="B12854" t="s">
        <v>79</v>
      </c>
      <c r="C12854" t="s">
        <v>117</v>
      </c>
      <c r="D12854" t="s">
        <v>118</v>
      </c>
      <c r="E12854">
        <v>2012</v>
      </c>
      <c r="F12854">
        <v>2012</v>
      </c>
      <c r="G12854" t="s">
        <v>14</v>
      </c>
      <c r="H12854" t="s">
        <v>119</v>
      </c>
      <c r="I12854" t="s">
        <v>15</v>
      </c>
      <c r="J12854" s="10">
        <v>18.444132379999999</v>
      </c>
    </row>
    <row r="12855" spans="1:10" x14ac:dyDescent="0.35">
      <c r="A12855" t="s">
        <v>28</v>
      </c>
      <c r="B12855" t="s">
        <v>79</v>
      </c>
      <c r="C12855" t="s">
        <v>117</v>
      </c>
      <c r="D12855" t="s">
        <v>118</v>
      </c>
      <c r="E12855">
        <v>2012</v>
      </c>
      <c r="F12855">
        <v>2012</v>
      </c>
      <c r="G12855" t="s">
        <v>14</v>
      </c>
      <c r="H12855" t="s">
        <v>120</v>
      </c>
      <c r="I12855" t="s">
        <v>15</v>
      </c>
      <c r="J12855" s="10">
        <v>10.12691768</v>
      </c>
    </row>
    <row r="12856" spans="1:10" x14ac:dyDescent="0.35">
      <c r="A12856" t="s">
        <v>28</v>
      </c>
      <c r="B12856" t="s">
        <v>79</v>
      </c>
      <c r="C12856" t="s">
        <v>117</v>
      </c>
      <c r="D12856" t="s">
        <v>118</v>
      </c>
      <c r="E12856">
        <v>2012</v>
      </c>
      <c r="F12856">
        <v>2012</v>
      </c>
      <c r="G12856" t="s">
        <v>14</v>
      </c>
      <c r="H12856" t="s">
        <v>121</v>
      </c>
      <c r="I12856" t="s">
        <v>15</v>
      </c>
      <c r="J12856" s="10">
        <v>31.855276750000002</v>
      </c>
    </row>
    <row r="12857" spans="1:10" x14ac:dyDescent="0.35">
      <c r="A12857" t="s">
        <v>28</v>
      </c>
      <c r="B12857" t="s">
        <v>79</v>
      </c>
      <c r="C12857" t="s">
        <v>117</v>
      </c>
      <c r="D12857" t="s">
        <v>118</v>
      </c>
      <c r="E12857">
        <v>2012</v>
      </c>
      <c r="F12857">
        <v>2012</v>
      </c>
      <c r="G12857" t="s">
        <v>14</v>
      </c>
      <c r="H12857" t="s">
        <v>122</v>
      </c>
      <c r="I12857" t="s">
        <v>15</v>
      </c>
      <c r="J12857" s="10">
        <v>21.056675760000001</v>
      </c>
    </row>
    <row r="12858" spans="1:10" x14ac:dyDescent="0.35">
      <c r="A12858" t="s">
        <v>28</v>
      </c>
      <c r="B12858" t="s">
        <v>79</v>
      </c>
      <c r="C12858" t="s">
        <v>117</v>
      </c>
      <c r="D12858" t="s">
        <v>118</v>
      </c>
      <c r="E12858">
        <v>2012</v>
      </c>
      <c r="F12858">
        <v>2012</v>
      </c>
      <c r="G12858" t="s">
        <v>14</v>
      </c>
      <c r="H12858" t="s">
        <v>123</v>
      </c>
      <c r="I12858" t="s">
        <v>15</v>
      </c>
      <c r="J12858" s="10">
        <v>16.287326780000001</v>
      </c>
    </row>
    <row r="12859" spans="1:10" x14ac:dyDescent="0.35">
      <c r="A12859" t="s">
        <v>28</v>
      </c>
      <c r="B12859" t="s">
        <v>79</v>
      </c>
      <c r="C12859" t="s">
        <v>117</v>
      </c>
      <c r="D12859" t="s">
        <v>118</v>
      </c>
      <c r="E12859">
        <v>2012</v>
      </c>
      <c r="F12859">
        <v>2012</v>
      </c>
      <c r="G12859" t="s">
        <v>14</v>
      </c>
      <c r="H12859" t="s">
        <v>124</v>
      </c>
      <c r="I12859" t="s">
        <v>15</v>
      </c>
      <c r="J12859" s="10">
        <v>2.2296706500000001</v>
      </c>
    </row>
    <row r="12860" spans="1:10" x14ac:dyDescent="0.35">
      <c r="A12860" t="s">
        <v>28</v>
      </c>
      <c r="B12860" t="s">
        <v>79</v>
      </c>
      <c r="C12860" t="s">
        <v>117</v>
      </c>
      <c r="D12860" t="s">
        <v>118</v>
      </c>
      <c r="E12860">
        <v>2012</v>
      </c>
      <c r="F12860">
        <v>2012</v>
      </c>
      <c r="G12860" t="s">
        <v>125</v>
      </c>
      <c r="H12860" t="s">
        <v>119</v>
      </c>
      <c r="I12860" t="s">
        <v>15</v>
      </c>
      <c r="J12860" s="10">
        <v>19.62193023</v>
      </c>
    </row>
    <row r="12861" spans="1:10" x14ac:dyDescent="0.35">
      <c r="A12861" t="s">
        <v>28</v>
      </c>
      <c r="B12861" t="s">
        <v>79</v>
      </c>
      <c r="C12861" t="s">
        <v>117</v>
      </c>
      <c r="D12861" t="s">
        <v>118</v>
      </c>
      <c r="E12861">
        <v>2012</v>
      </c>
      <c r="F12861">
        <v>2012</v>
      </c>
      <c r="G12861" t="s">
        <v>125</v>
      </c>
      <c r="H12861" t="s">
        <v>120</v>
      </c>
      <c r="I12861" t="s">
        <v>15</v>
      </c>
      <c r="J12861" s="10">
        <v>10.47613844</v>
      </c>
    </row>
    <row r="12862" spans="1:10" x14ac:dyDescent="0.35">
      <c r="A12862" t="s">
        <v>28</v>
      </c>
      <c r="B12862" t="s">
        <v>79</v>
      </c>
      <c r="C12862" t="s">
        <v>117</v>
      </c>
      <c r="D12862" t="s">
        <v>118</v>
      </c>
      <c r="E12862">
        <v>2012</v>
      </c>
      <c r="F12862">
        <v>2012</v>
      </c>
      <c r="G12862" t="s">
        <v>125</v>
      </c>
      <c r="H12862" t="s">
        <v>121</v>
      </c>
      <c r="I12862" t="s">
        <v>15</v>
      </c>
      <c r="J12862" s="10">
        <v>31.584123259999998</v>
      </c>
    </row>
    <row r="12863" spans="1:10" x14ac:dyDescent="0.35">
      <c r="A12863" t="s">
        <v>28</v>
      </c>
      <c r="B12863" t="s">
        <v>79</v>
      </c>
      <c r="C12863" t="s">
        <v>117</v>
      </c>
      <c r="D12863" t="s">
        <v>118</v>
      </c>
      <c r="E12863">
        <v>2012</v>
      </c>
      <c r="F12863">
        <v>2012</v>
      </c>
      <c r="G12863" t="s">
        <v>125</v>
      </c>
      <c r="H12863" t="s">
        <v>122</v>
      </c>
      <c r="I12863" t="s">
        <v>15</v>
      </c>
      <c r="J12863" s="10">
        <v>21.45764471</v>
      </c>
    </row>
    <row r="12864" spans="1:10" x14ac:dyDescent="0.35">
      <c r="A12864" t="s">
        <v>28</v>
      </c>
      <c r="B12864" t="s">
        <v>79</v>
      </c>
      <c r="C12864" t="s">
        <v>117</v>
      </c>
      <c r="D12864" t="s">
        <v>118</v>
      </c>
      <c r="E12864">
        <v>2012</v>
      </c>
      <c r="F12864">
        <v>2012</v>
      </c>
      <c r="G12864" t="s">
        <v>125</v>
      </c>
      <c r="H12864" t="s">
        <v>123</v>
      </c>
      <c r="I12864" t="s">
        <v>15</v>
      </c>
      <c r="J12864" s="10">
        <v>15.34132816</v>
      </c>
    </row>
    <row r="12865" spans="1:10" x14ac:dyDescent="0.35">
      <c r="A12865" t="s">
        <v>28</v>
      </c>
      <c r="B12865" t="s">
        <v>79</v>
      </c>
      <c r="C12865" t="s">
        <v>117</v>
      </c>
      <c r="D12865" t="s">
        <v>118</v>
      </c>
      <c r="E12865">
        <v>2012</v>
      </c>
      <c r="F12865">
        <v>2012</v>
      </c>
      <c r="G12865" t="s">
        <v>125</v>
      </c>
      <c r="H12865" t="s">
        <v>124</v>
      </c>
      <c r="I12865" t="s">
        <v>15</v>
      </c>
      <c r="J12865" s="10">
        <v>1.5188351950000001</v>
      </c>
    </row>
    <row r="12866" spans="1:10" x14ac:dyDescent="0.35">
      <c r="A12866" t="s">
        <v>28</v>
      </c>
      <c r="B12866" t="s">
        <v>79</v>
      </c>
      <c r="C12866" t="s">
        <v>117</v>
      </c>
      <c r="D12866" t="s">
        <v>118</v>
      </c>
      <c r="E12866">
        <v>2012</v>
      </c>
      <c r="F12866">
        <v>2012</v>
      </c>
      <c r="G12866" t="s">
        <v>126</v>
      </c>
      <c r="H12866" t="s">
        <v>119</v>
      </c>
      <c r="I12866" t="s">
        <v>15</v>
      </c>
      <c r="J12866" s="10">
        <v>17.335048230000002</v>
      </c>
    </row>
    <row r="12867" spans="1:10" x14ac:dyDescent="0.35">
      <c r="A12867" t="s">
        <v>28</v>
      </c>
      <c r="B12867" t="s">
        <v>79</v>
      </c>
      <c r="C12867" t="s">
        <v>117</v>
      </c>
      <c r="D12867" t="s">
        <v>118</v>
      </c>
      <c r="E12867">
        <v>2012</v>
      </c>
      <c r="F12867">
        <v>2012</v>
      </c>
      <c r="G12867" t="s">
        <v>126</v>
      </c>
      <c r="H12867" t="s">
        <v>120</v>
      </c>
      <c r="I12867" t="s">
        <v>15</v>
      </c>
      <c r="J12867" s="10">
        <v>9.79807074</v>
      </c>
    </row>
    <row r="12868" spans="1:10" x14ac:dyDescent="0.35">
      <c r="A12868" t="s">
        <v>28</v>
      </c>
      <c r="B12868" t="s">
        <v>79</v>
      </c>
      <c r="C12868" t="s">
        <v>117</v>
      </c>
      <c r="D12868" t="s">
        <v>118</v>
      </c>
      <c r="E12868">
        <v>2012</v>
      </c>
      <c r="F12868">
        <v>2012</v>
      </c>
      <c r="G12868" t="s">
        <v>126</v>
      </c>
      <c r="H12868" t="s">
        <v>121</v>
      </c>
      <c r="I12868" t="s">
        <v>15</v>
      </c>
      <c r="J12868" s="10">
        <v>32.11061093</v>
      </c>
    </row>
    <row r="12869" spans="1:10" x14ac:dyDescent="0.35">
      <c r="A12869" t="s">
        <v>28</v>
      </c>
      <c r="B12869" t="s">
        <v>79</v>
      </c>
      <c r="C12869" t="s">
        <v>117</v>
      </c>
      <c r="D12869" t="s">
        <v>118</v>
      </c>
      <c r="E12869">
        <v>2012</v>
      </c>
      <c r="F12869">
        <v>2012</v>
      </c>
      <c r="G12869" t="s">
        <v>126</v>
      </c>
      <c r="H12869" t="s">
        <v>122</v>
      </c>
      <c r="I12869" t="s">
        <v>15</v>
      </c>
      <c r="J12869" s="10">
        <v>20.67909968</v>
      </c>
    </row>
    <row r="12870" spans="1:10" x14ac:dyDescent="0.35">
      <c r="A12870" t="s">
        <v>28</v>
      </c>
      <c r="B12870" t="s">
        <v>79</v>
      </c>
      <c r="C12870" t="s">
        <v>117</v>
      </c>
      <c r="D12870" t="s">
        <v>118</v>
      </c>
      <c r="E12870">
        <v>2012</v>
      </c>
      <c r="F12870">
        <v>2012</v>
      </c>
      <c r="G12870" t="s">
        <v>126</v>
      </c>
      <c r="H12870" t="s">
        <v>123</v>
      </c>
      <c r="I12870" t="s">
        <v>15</v>
      </c>
      <c r="J12870" s="10">
        <v>17.178135050000002</v>
      </c>
    </row>
    <row r="12871" spans="1:10" x14ac:dyDescent="0.35">
      <c r="A12871" t="s">
        <v>28</v>
      </c>
      <c r="B12871" t="s">
        <v>79</v>
      </c>
      <c r="C12871" t="s">
        <v>117</v>
      </c>
      <c r="D12871" t="s">
        <v>118</v>
      </c>
      <c r="E12871">
        <v>2012</v>
      </c>
      <c r="F12871">
        <v>2012</v>
      </c>
      <c r="G12871" t="s">
        <v>126</v>
      </c>
      <c r="H12871" t="s">
        <v>124</v>
      </c>
      <c r="I12871" t="s">
        <v>15</v>
      </c>
      <c r="J12871" s="10">
        <v>2.89903537</v>
      </c>
    </row>
    <row r="12872" spans="1:10" x14ac:dyDescent="0.35">
      <c r="A12872" t="s">
        <v>28</v>
      </c>
      <c r="B12872" t="s">
        <v>79</v>
      </c>
      <c r="C12872" t="s">
        <v>117</v>
      </c>
      <c r="D12872" t="s">
        <v>118</v>
      </c>
      <c r="E12872">
        <v>2011</v>
      </c>
      <c r="F12872">
        <v>2011</v>
      </c>
      <c r="G12872" t="s">
        <v>14</v>
      </c>
      <c r="H12872" t="s">
        <v>119</v>
      </c>
      <c r="I12872" t="s">
        <v>15</v>
      </c>
      <c r="J12872" s="10">
        <v>18.50756561</v>
      </c>
    </row>
    <row r="12873" spans="1:10" x14ac:dyDescent="0.35">
      <c r="A12873" t="s">
        <v>28</v>
      </c>
      <c r="B12873" t="s">
        <v>79</v>
      </c>
      <c r="C12873" t="s">
        <v>117</v>
      </c>
      <c r="D12873" t="s">
        <v>118</v>
      </c>
      <c r="E12873">
        <v>2011</v>
      </c>
      <c r="F12873">
        <v>2011</v>
      </c>
      <c r="G12873" t="s">
        <v>14</v>
      </c>
      <c r="H12873" t="s">
        <v>120</v>
      </c>
      <c r="I12873" t="s">
        <v>15</v>
      </c>
      <c r="J12873" s="10">
        <v>10.14494676</v>
      </c>
    </row>
    <row r="12874" spans="1:10" x14ac:dyDescent="0.35">
      <c r="A12874" t="s">
        <v>28</v>
      </c>
      <c r="B12874" t="s">
        <v>79</v>
      </c>
      <c r="C12874" t="s">
        <v>117</v>
      </c>
      <c r="D12874" t="s">
        <v>118</v>
      </c>
      <c r="E12874">
        <v>2011</v>
      </c>
      <c r="F12874">
        <v>2011</v>
      </c>
      <c r="G12874" t="s">
        <v>14</v>
      </c>
      <c r="H12874" t="s">
        <v>121</v>
      </c>
      <c r="I12874" t="s">
        <v>15</v>
      </c>
      <c r="J12874" s="10">
        <v>32.320606840000004</v>
      </c>
    </row>
    <row r="12875" spans="1:10" x14ac:dyDescent="0.35">
      <c r="A12875" t="s">
        <v>28</v>
      </c>
      <c r="B12875" t="s">
        <v>79</v>
      </c>
      <c r="C12875" t="s">
        <v>117</v>
      </c>
      <c r="D12875" t="s">
        <v>118</v>
      </c>
      <c r="E12875">
        <v>2011</v>
      </c>
      <c r="F12875">
        <v>2011</v>
      </c>
      <c r="G12875" t="s">
        <v>14</v>
      </c>
      <c r="H12875" t="s">
        <v>122</v>
      </c>
      <c r="I12875" t="s">
        <v>15</v>
      </c>
      <c r="J12875" s="10">
        <v>21.251342709999999</v>
      </c>
    </row>
    <row r="12876" spans="1:10" x14ac:dyDescent="0.35">
      <c r="A12876" t="s">
        <v>28</v>
      </c>
      <c r="B12876" t="s">
        <v>79</v>
      </c>
      <c r="C12876" t="s">
        <v>117</v>
      </c>
      <c r="D12876" t="s">
        <v>118</v>
      </c>
      <c r="E12876">
        <v>2011</v>
      </c>
      <c r="F12876">
        <v>2011</v>
      </c>
      <c r="G12876" t="s">
        <v>14</v>
      </c>
      <c r="H12876" t="s">
        <v>123</v>
      </c>
      <c r="I12876" t="s">
        <v>15</v>
      </c>
      <c r="J12876" s="10">
        <v>15.56354185</v>
      </c>
    </row>
    <row r="12877" spans="1:10" x14ac:dyDescent="0.35">
      <c r="A12877" t="s">
        <v>28</v>
      </c>
      <c r="B12877" t="s">
        <v>79</v>
      </c>
      <c r="C12877" t="s">
        <v>117</v>
      </c>
      <c r="D12877" t="s">
        <v>118</v>
      </c>
      <c r="E12877">
        <v>2011</v>
      </c>
      <c r="F12877">
        <v>2011</v>
      </c>
      <c r="G12877" t="s">
        <v>14</v>
      </c>
      <c r="H12877" t="s">
        <v>124</v>
      </c>
      <c r="I12877" t="s">
        <v>15</v>
      </c>
      <c r="J12877" s="10">
        <v>2.2119962339999999</v>
      </c>
    </row>
    <row r="12878" spans="1:10" x14ac:dyDescent="0.35">
      <c r="A12878" t="s">
        <v>28</v>
      </c>
      <c r="B12878" t="s">
        <v>79</v>
      </c>
      <c r="C12878" t="s">
        <v>117</v>
      </c>
      <c r="D12878" t="s">
        <v>118</v>
      </c>
      <c r="E12878">
        <v>2011</v>
      </c>
      <c r="F12878">
        <v>2011</v>
      </c>
      <c r="G12878" t="s">
        <v>125</v>
      </c>
      <c r="H12878" t="s">
        <v>119</v>
      </c>
      <c r="I12878" t="s">
        <v>15</v>
      </c>
      <c r="J12878" s="10">
        <v>19.753255280000001</v>
      </c>
    </row>
    <row r="12879" spans="1:10" x14ac:dyDescent="0.35">
      <c r="A12879" t="s">
        <v>28</v>
      </c>
      <c r="B12879" t="s">
        <v>79</v>
      </c>
      <c r="C12879" t="s">
        <v>117</v>
      </c>
      <c r="D12879" t="s">
        <v>118</v>
      </c>
      <c r="E12879">
        <v>2011</v>
      </c>
      <c r="F12879">
        <v>2011</v>
      </c>
      <c r="G12879" t="s">
        <v>125</v>
      </c>
      <c r="H12879" t="s">
        <v>120</v>
      </c>
      <c r="I12879" t="s">
        <v>15</v>
      </c>
      <c r="J12879" s="10">
        <v>10.353977459999999</v>
      </c>
    </row>
    <row r="12880" spans="1:10" x14ac:dyDescent="0.35">
      <c r="A12880" t="s">
        <v>28</v>
      </c>
      <c r="B12880" t="s">
        <v>79</v>
      </c>
      <c r="C12880" t="s">
        <v>117</v>
      </c>
      <c r="D12880" t="s">
        <v>118</v>
      </c>
      <c r="E12880">
        <v>2011</v>
      </c>
      <c r="F12880">
        <v>2011</v>
      </c>
      <c r="G12880" t="s">
        <v>125</v>
      </c>
      <c r="H12880" t="s">
        <v>121</v>
      </c>
      <c r="I12880" t="s">
        <v>15</v>
      </c>
      <c r="J12880" s="10">
        <v>32.221796699999999</v>
      </c>
    </row>
    <row r="12881" spans="1:10" x14ac:dyDescent="0.35">
      <c r="A12881" t="s">
        <v>28</v>
      </c>
      <c r="B12881" t="s">
        <v>79</v>
      </c>
      <c r="C12881" t="s">
        <v>117</v>
      </c>
      <c r="D12881" t="s">
        <v>118</v>
      </c>
      <c r="E12881">
        <v>2011</v>
      </c>
      <c r="F12881">
        <v>2011</v>
      </c>
      <c r="G12881" t="s">
        <v>125</v>
      </c>
      <c r="H12881" t="s">
        <v>122</v>
      </c>
      <c r="I12881" t="s">
        <v>15</v>
      </c>
      <c r="J12881" s="10">
        <v>21.57785316</v>
      </c>
    </row>
    <row r="12882" spans="1:10" x14ac:dyDescent="0.35">
      <c r="A12882" t="s">
        <v>28</v>
      </c>
      <c r="B12882" t="s">
        <v>79</v>
      </c>
      <c r="C12882" t="s">
        <v>117</v>
      </c>
      <c r="D12882" t="s">
        <v>118</v>
      </c>
      <c r="E12882">
        <v>2011</v>
      </c>
      <c r="F12882">
        <v>2011</v>
      </c>
      <c r="G12882" t="s">
        <v>125</v>
      </c>
      <c r="H12882" t="s">
        <v>123</v>
      </c>
      <c r="I12882" t="s">
        <v>15</v>
      </c>
      <c r="J12882" s="10">
        <v>14.63508042</v>
      </c>
    </row>
    <row r="12883" spans="1:10" x14ac:dyDescent="0.35">
      <c r="A12883" t="s">
        <v>28</v>
      </c>
      <c r="B12883" t="s">
        <v>79</v>
      </c>
      <c r="C12883" t="s">
        <v>117</v>
      </c>
      <c r="D12883" t="s">
        <v>118</v>
      </c>
      <c r="E12883">
        <v>2011</v>
      </c>
      <c r="F12883">
        <v>2011</v>
      </c>
      <c r="G12883" t="s">
        <v>125</v>
      </c>
      <c r="H12883" t="s">
        <v>124</v>
      </c>
      <c r="I12883" t="s">
        <v>15</v>
      </c>
      <c r="J12883" s="10">
        <v>1.458036984</v>
      </c>
    </row>
    <row r="12884" spans="1:10" x14ac:dyDescent="0.35">
      <c r="A12884" t="s">
        <v>28</v>
      </c>
      <c r="B12884" t="s">
        <v>79</v>
      </c>
      <c r="C12884" t="s">
        <v>117</v>
      </c>
      <c r="D12884" t="s">
        <v>118</v>
      </c>
      <c r="E12884">
        <v>2011</v>
      </c>
      <c r="F12884">
        <v>2011</v>
      </c>
      <c r="G12884" t="s">
        <v>126</v>
      </c>
      <c r="H12884" t="s">
        <v>119</v>
      </c>
      <c r="I12884" t="s">
        <v>15</v>
      </c>
      <c r="J12884" s="10">
        <v>17.335461120000002</v>
      </c>
    </row>
    <row r="12885" spans="1:10" x14ac:dyDescent="0.35">
      <c r="A12885" t="s">
        <v>28</v>
      </c>
      <c r="B12885" t="s">
        <v>79</v>
      </c>
      <c r="C12885" t="s">
        <v>117</v>
      </c>
      <c r="D12885" t="s">
        <v>118</v>
      </c>
      <c r="E12885">
        <v>2011</v>
      </c>
      <c r="F12885">
        <v>2011</v>
      </c>
      <c r="G12885" t="s">
        <v>126</v>
      </c>
      <c r="H12885" t="s">
        <v>120</v>
      </c>
      <c r="I12885" t="s">
        <v>15</v>
      </c>
      <c r="J12885" s="10">
        <v>9.9482638800000007</v>
      </c>
    </row>
    <row r="12886" spans="1:10" x14ac:dyDescent="0.35">
      <c r="A12886" t="s">
        <v>28</v>
      </c>
      <c r="B12886" t="s">
        <v>79</v>
      </c>
      <c r="C12886" t="s">
        <v>117</v>
      </c>
      <c r="D12886" t="s">
        <v>118</v>
      </c>
      <c r="E12886">
        <v>2011</v>
      </c>
      <c r="F12886">
        <v>2011</v>
      </c>
      <c r="G12886" t="s">
        <v>126</v>
      </c>
      <c r="H12886" t="s">
        <v>121</v>
      </c>
      <c r="I12886" t="s">
        <v>15</v>
      </c>
      <c r="J12886" s="10">
        <v>32.413580090000004</v>
      </c>
    </row>
    <row r="12887" spans="1:10" x14ac:dyDescent="0.35">
      <c r="A12887" t="s">
        <v>28</v>
      </c>
      <c r="B12887" t="s">
        <v>79</v>
      </c>
      <c r="C12887" t="s">
        <v>117</v>
      </c>
      <c r="D12887" t="s">
        <v>118</v>
      </c>
      <c r="E12887">
        <v>2011</v>
      </c>
      <c r="F12887">
        <v>2011</v>
      </c>
      <c r="G12887" t="s">
        <v>126</v>
      </c>
      <c r="H12887" t="s">
        <v>122</v>
      </c>
      <c r="I12887" t="s">
        <v>15</v>
      </c>
      <c r="J12887" s="10">
        <v>20.944119839999999</v>
      </c>
    </row>
    <row r="12888" spans="1:10" x14ac:dyDescent="0.35">
      <c r="A12888" t="s">
        <v>28</v>
      </c>
      <c r="B12888" t="s">
        <v>79</v>
      </c>
      <c r="C12888" t="s">
        <v>117</v>
      </c>
      <c r="D12888" t="s">
        <v>118</v>
      </c>
      <c r="E12888">
        <v>2011</v>
      </c>
      <c r="F12888">
        <v>2011</v>
      </c>
      <c r="G12888" t="s">
        <v>126</v>
      </c>
      <c r="H12888" t="s">
        <v>123</v>
      </c>
      <c r="I12888" t="s">
        <v>15</v>
      </c>
      <c r="J12888" s="10">
        <v>16.437157339999999</v>
      </c>
    </row>
    <row r="12889" spans="1:10" x14ac:dyDescent="0.35">
      <c r="A12889" t="s">
        <v>28</v>
      </c>
      <c r="B12889" t="s">
        <v>79</v>
      </c>
      <c r="C12889" t="s">
        <v>117</v>
      </c>
      <c r="D12889" t="s">
        <v>118</v>
      </c>
      <c r="E12889">
        <v>2011</v>
      </c>
      <c r="F12889">
        <v>2011</v>
      </c>
      <c r="G12889" t="s">
        <v>126</v>
      </c>
      <c r="H12889" t="s">
        <v>124</v>
      </c>
      <c r="I12889" t="s">
        <v>15</v>
      </c>
      <c r="J12889" s="10">
        <v>2.9214177239999999</v>
      </c>
    </row>
    <row r="12890" spans="1:10" x14ac:dyDescent="0.35">
      <c r="A12890" t="s">
        <v>26</v>
      </c>
      <c r="B12890" t="s">
        <v>80</v>
      </c>
      <c r="C12890" t="s">
        <v>117</v>
      </c>
      <c r="D12890" t="s">
        <v>118</v>
      </c>
      <c r="E12890">
        <v>2020</v>
      </c>
      <c r="F12890">
        <v>2020</v>
      </c>
      <c r="G12890" t="s">
        <v>14</v>
      </c>
      <c r="H12890" t="s">
        <v>119</v>
      </c>
      <c r="I12890" t="s">
        <v>15</v>
      </c>
      <c r="J12890" s="10">
        <v>16.79623466</v>
      </c>
    </row>
    <row r="12891" spans="1:10" x14ac:dyDescent="0.35">
      <c r="A12891" t="s">
        <v>26</v>
      </c>
      <c r="B12891" t="s">
        <v>80</v>
      </c>
      <c r="C12891" t="s">
        <v>117</v>
      </c>
      <c r="D12891" t="s">
        <v>118</v>
      </c>
      <c r="E12891">
        <v>2020</v>
      </c>
      <c r="F12891">
        <v>2020</v>
      </c>
      <c r="G12891" t="s">
        <v>14</v>
      </c>
      <c r="H12891" t="s">
        <v>120</v>
      </c>
      <c r="I12891" t="s">
        <v>15</v>
      </c>
      <c r="J12891" s="10">
        <v>9.4853708210000001</v>
      </c>
    </row>
    <row r="12892" spans="1:10" x14ac:dyDescent="0.35">
      <c r="A12892" t="s">
        <v>26</v>
      </c>
      <c r="B12892" t="s">
        <v>80</v>
      </c>
      <c r="C12892" t="s">
        <v>117</v>
      </c>
      <c r="D12892" t="s">
        <v>118</v>
      </c>
      <c r="E12892">
        <v>2020</v>
      </c>
      <c r="F12892">
        <v>2020</v>
      </c>
      <c r="G12892" t="s">
        <v>14</v>
      </c>
      <c r="H12892" t="s">
        <v>121</v>
      </c>
      <c r="I12892" t="s">
        <v>15</v>
      </c>
      <c r="J12892" s="10">
        <v>29.96622125</v>
      </c>
    </row>
    <row r="12893" spans="1:10" x14ac:dyDescent="0.35">
      <c r="A12893" t="s">
        <v>26</v>
      </c>
      <c r="B12893" t="s">
        <v>80</v>
      </c>
      <c r="C12893" t="s">
        <v>117</v>
      </c>
      <c r="D12893" t="s">
        <v>118</v>
      </c>
      <c r="E12893">
        <v>2020</v>
      </c>
      <c r="F12893">
        <v>2020</v>
      </c>
      <c r="G12893" t="s">
        <v>14</v>
      </c>
      <c r="H12893" t="s">
        <v>122</v>
      </c>
      <c r="I12893" t="s">
        <v>15</v>
      </c>
      <c r="J12893" s="10">
        <v>21.999652279999999</v>
      </c>
    </row>
    <row r="12894" spans="1:10" x14ac:dyDescent="0.35">
      <c r="A12894" t="s">
        <v>26</v>
      </c>
      <c r="B12894" t="s">
        <v>80</v>
      </c>
      <c r="C12894" t="s">
        <v>117</v>
      </c>
      <c r="D12894" t="s">
        <v>118</v>
      </c>
      <c r="E12894">
        <v>2020</v>
      </c>
      <c r="F12894">
        <v>2020</v>
      </c>
      <c r="G12894" t="s">
        <v>14</v>
      </c>
      <c r="H12894" t="s">
        <v>123</v>
      </c>
      <c r="I12894" t="s">
        <v>15</v>
      </c>
      <c r="J12894" s="10">
        <v>18.919825150000001</v>
      </c>
    </row>
    <row r="12895" spans="1:10" x14ac:dyDescent="0.35">
      <c r="A12895" t="s">
        <v>26</v>
      </c>
      <c r="B12895" t="s">
        <v>80</v>
      </c>
      <c r="C12895" t="s">
        <v>117</v>
      </c>
      <c r="D12895" t="s">
        <v>118</v>
      </c>
      <c r="E12895">
        <v>2020</v>
      </c>
      <c r="F12895">
        <v>2020</v>
      </c>
      <c r="G12895" t="s">
        <v>14</v>
      </c>
      <c r="H12895" t="s">
        <v>124</v>
      </c>
      <c r="I12895" t="s">
        <v>15</v>
      </c>
      <c r="J12895" s="10">
        <v>2.8326958420000001</v>
      </c>
    </row>
    <row r="12896" spans="1:10" x14ac:dyDescent="0.35">
      <c r="A12896" t="s">
        <v>26</v>
      </c>
      <c r="B12896" t="s">
        <v>80</v>
      </c>
      <c r="C12896" t="s">
        <v>117</v>
      </c>
      <c r="D12896" t="s">
        <v>118</v>
      </c>
      <c r="E12896">
        <v>2020</v>
      </c>
      <c r="F12896">
        <v>2020</v>
      </c>
      <c r="G12896" t="s">
        <v>125</v>
      </c>
      <c r="H12896" t="s">
        <v>119</v>
      </c>
      <c r="I12896" t="s">
        <v>15</v>
      </c>
      <c r="J12896" s="10">
        <v>17.504059959999999</v>
      </c>
    </row>
    <row r="12897" spans="1:10" x14ac:dyDescent="0.35">
      <c r="A12897" t="s">
        <v>26</v>
      </c>
      <c r="B12897" t="s">
        <v>80</v>
      </c>
      <c r="C12897" t="s">
        <v>117</v>
      </c>
      <c r="D12897" t="s">
        <v>118</v>
      </c>
      <c r="E12897">
        <v>2020</v>
      </c>
      <c r="F12897">
        <v>2020</v>
      </c>
      <c r="G12897" t="s">
        <v>125</v>
      </c>
      <c r="H12897" t="s">
        <v>120</v>
      </c>
      <c r="I12897" t="s">
        <v>15</v>
      </c>
      <c r="J12897" s="10">
        <v>10.54590881</v>
      </c>
    </row>
    <row r="12898" spans="1:10" x14ac:dyDescent="0.35">
      <c r="A12898" t="s">
        <v>26</v>
      </c>
      <c r="B12898" t="s">
        <v>80</v>
      </c>
      <c r="C12898" t="s">
        <v>117</v>
      </c>
      <c r="D12898" t="s">
        <v>118</v>
      </c>
      <c r="E12898">
        <v>2020</v>
      </c>
      <c r="F12898">
        <v>2020</v>
      </c>
      <c r="G12898" t="s">
        <v>125</v>
      </c>
      <c r="H12898" t="s">
        <v>121</v>
      </c>
      <c r="I12898" t="s">
        <v>15</v>
      </c>
      <c r="J12898" s="10">
        <v>29.978763270000002</v>
      </c>
    </row>
    <row r="12899" spans="1:10" x14ac:dyDescent="0.35">
      <c r="A12899" t="s">
        <v>26</v>
      </c>
      <c r="B12899" t="s">
        <v>80</v>
      </c>
      <c r="C12899" t="s">
        <v>117</v>
      </c>
      <c r="D12899" t="s">
        <v>118</v>
      </c>
      <c r="E12899">
        <v>2020</v>
      </c>
      <c r="F12899">
        <v>2020</v>
      </c>
      <c r="G12899" t="s">
        <v>125</v>
      </c>
      <c r="H12899" t="s">
        <v>122</v>
      </c>
      <c r="I12899" t="s">
        <v>15</v>
      </c>
      <c r="J12899" s="10">
        <v>21.933791379999999</v>
      </c>
    </row>
    <row r="12900" spans="1:10" x14ac:dyDescent="0.35">
      <c r="A12900" t="s">
        <v>26</v>
      </c>
      <c r="B12900" t="s">
        <v>80</v>
      </c>
      <c r="C12900" t="s">
        <v>117</v>
      </c>
      <c r="D12900" t="s">
        <v>118</v>
      </c>
      <c r="E12900">
        <v>2020</v>
      </c>
      <c r="F12900">
        <v>2020</v>
      </c>
      <c r="G12900" t="s">
        <v>125</v>
      </c>
      <c r="H12900" t="s">
        <v>123</v>
      </c>
      <c r="I12900" t="s">
        <v>15</v>
      </c>
      <c r="J12900" s="10">
        <v>17.8313554</v>
      </c>
    </row>
    <row r="12901" spans="1:10" x14ac:dyDescent="0.35">
      <c r="A12901" t="s">
        <v>26</v>
      </c>
      <c r="B12901" t="s">
        <v>80</v>
      </c>
      <c r="C12901" t="s">
        <v>117</v>
      </c>
      <c r="D12901" t="s">
        <v>118</v>
      </c>
      <c r="E12901">
        <v>2020</v>
      </c>
      <c r="F12901">
        <v>2020</v>
      </c>
      <c r="G12901" t="s">
        <v>125</v>
      </c>
      <c r="H12901" t="s">
        <v>124</v>
      </c>
      <c r="I12901" t="s">
        <v>15</v>
      </c>
      <c r="J12901" s="10">
        <v>2.2061211740000002</v>
      </c>
    </row>
    <row r="12902" spans="1:10" x14ac:dyDescent="0.35">
      <c r="A12902" t="s">
        <v>26</v>
      </c>
      <c r="B12902" t="s">
        <v>80</v>
      </c>
      <c r="C12902" t="s">
        <v>117</v>
      </c>
      <c r="D12902" t="s">
        <v>118</v>
      </c>
      <c r="E12902">
        <v>2020</v>
      </c>
      <c r="F12902">
        <v>2020</v>
      </c>
      <c r="G12902" t="s">
        <v>126</v>
      </c>
      <c r="H12902" t="s">
        <v>119</v>
      </c>
      <c r="I12902" t="s">
        <v>15</v>
      </c>
      <c r="J12902" s="10">
        <v>16.09669375</v>
      </c>
    </row>
    <row r="12903" spans="1:10" x14ac:dyDescent="0.35">
      <c r="A12903" t="s">
        <v>26</v>
      </c>
      <c r="B12903" t="s">
        <v>80</v>
      </c>
      <c r="C12903" t="s">
        <v>117</v>
      </c>
      <c r="D12903" t="s">
        <v>118</v>
      </c>
      <c r="E12903">
        <v>2020</v>
      </c>
      <c r="F12903">
        <v>2020</v>
      </c>
      <c r="G12903" t="s">
        <v>126</v>
      </c>
      <c r="H12903" t="s">
        <v>120</v>
      </c>
      <c r="I12903" t="s">
        <v>15</v>
      </c>
      <c r="J12903" s="10">
        <v>8.4372453640000007</v>
      </c>
    </row>
    <row r="12904" spans="1:10" x14ac:dyDescent="0.35">
      <c r="A12904" t="s">
        <v>26</v>
      </c>
      <c r="B12904" t="s">
        <v>80</v>
      </c>
      <c r="C12904" t="s">
        <v>117</v>
      </c>
      <c r="D12904" t="s">
        <v>118</v>
      </c>
      <c r="E12904">
        <v>2020</v>
      </c>
      <c r="F12904">
        <v>2020</v>
      </c>
      <c r="G12904" t="s">
        <v>126</v>
      </c>
      <c r="H12904" t="s">
        <v>121</v>
      </c>
      <c r="I12904" t="s">
        <v>15</v>
      </c>
      <c r="J12904" s="10">
        <v>29.953826020000001</v>
      </c>
    </row>
    <row r="12905" spans="1:10" x14ac:dyDescent="0.35">
      <c r="A12905" t="s">
        <v>26</v>
      </c>
      <c r="B12905" t="s">
        <v>80</v>
      </c>
      <c r="C12905" t="s">
        <v>117</v>
      </c>
      <c r="D12905" t="s">
        <v>118</v>
      </c>
      <c r="E12905">
        <v>2020</v>
      </c>
      <c r="F12905">
        <v>2020</v>
      </c>
      <c r="G12905" t="s">
        <v>126</v>
      </c>
      <c r="H12905" t="s">
        <v>122</v>
      </c>
      <c r="I12905" t="s">
        <v>15</v>
      </c>
      <c r="J12905" s="10">
        <v>22.064742339999999</v>
      </c>
    </row>
    <row r="12906" spans="1:10" x14ac:dyDescent="0.35">
      <c r="A12906" t="s">
        <v>26</v>
      </c>
      <c r="B12906" t="s">
        <v>80</v>
      </c>
      <c r="C12906" t="s">
        <v>117</v>
      </c>
      <c r="D12906" t="s">
        <v>118</v>
      </c>
      <c r="E12906">
        <v>2020</v>
      </c>
      <c r="F12906">
        <v>2020</v>
      </c>
      <c r="G12906" t="s">
        <v>126</v>
      </c>
      <c r="H12906" t="s">
        <v>123</v>
      </c>
      <c r="I12906" t="s">
        <v>15</v>
      </c>
      <c r="J12906" s="10">
        <v>19.995555450000001</v>
      </c>
    </row>
    <row r="12907" spans="1:10" x14ac:dyDescent="0.35">
      <c r="A12907" t="s">
        <v>26</v>
      </c>
      <c r="B12907" t="s">
        <v>80</v>
      </c>
      <c r="C12907" t="s">
        <v>117</v>
      </c>
      <c r="D12907" t="s">
        <v>118</v>
      </c>
      <c r="E12907">
        <v>2020</v>
      </c>
      <c r="F12907">
        <v>2020</v>
      </c>
      <c r="G12907" t="s">
        <v>126</v>
      </c>
      <c r="H12907" t="s">
        <v>124</v>
      </c>
      <c r="I12907" t="s">
        <v>15</v>
      </c>
      <c r="J12907" s="10">
        <v>3.451937085</v>
      </c>
    </row>
    <row r="12908" spans="1:10" x14ac:dyDescent="0.35">
      <c r="A12908" t="s">
        <v>26</v>
      </c>
      <c r="B12908" t="s">
        <v>80</v>
      </c>
      <c r="C12908" t="s">
        <v>117</v>
      </c>
      <c r="D12908" t="s">
        <v>118</v>
      </c>
      <c r="E12908">
        <v>2019</v>
      </c>
      <c r="F12908">
        <v>2019</v>
      </c>
      <c r="G12908" t="s">
        <v>14</v>
      </c>
      <c r="H12908" t="s">
        <v>119</v>
      </c>
      <c r="I12908" t="s">
        <v>15</v>
      </c>
      <c r="J12908" s="10">
        <v>16.879459019999999</v>
      </c>
    </row>
    <row r="12909" spans="1:10" x14ac:dyDescent="0.35">
      <c r="A12909" t="s">
        <v>26</v>
      </c>
      <c r="B12909" t="s">
        <v>80</v>
      </c>
      <c r="C12909" t="s">
        <v>117</v>
      </c>
      <c r="D12909" t="s">
        <v>118</v>
      </c>
      <c r="E12909">
        <v>2019</v>
      </c>
      <c r="F12909">
        <v>2019</v>
      </c>
      <c r="G12909" t="s">
        <v>14</v>
      </c>
      <c r="H12909" t="s">
        <v>120</v>
      </c>
      <c r="I12909" t="s">
        <v>15</v>
      </c>
      <c r="J12909" s="10">
        <v>9.7760406969999991</v>
      </c>
    </row>
    <row r="12910" spans="1:10" x14ac:dyDescent="0.35">
      <c r="A12910" t="s">
        <v>26</v>
      </c>
      <c r="B12910" t="s">
        <v>80</v>
      </c>
      <c r="C12910" t="s">
        <v>117</v>
      </c>
      <c r="D12910" t="s">
        <v>118</v>
      </c>
      <c r="E12910">
        <v>2019</v>
      </c>
      <c r="F12910">
        <v>2019</v>
      </c>
      <c r="G12910" t="s">
        <v>14</v>
      </c>
      <c r="H12910" t="s">
        <v>121</v>
      </c>
      <c r="I12910" t="s">
        <v>15</v>
      </c>
      <c r="J12910" s="10">
        <v>30.254978600000001</v>
      </c>
    </row>
    <row r="12911" spans="1:10" x14ac:dyDescent="0.35">
      <c r="A12911" t="s">
        <v>26</v>
      </c>
      <c r="B12911" t="s">
        <v>80</v>
      </c>
      <c r="C12911" t="s">
        <v>117</v>
      </c>
      <c r="D12911" t="s">
        <v>118</v>
      </c>
      <c r="E12911">
        <v>2019</v>
      </c>
      <c r="F12911">
        <v>2019</v>
      </c>
      <c r="G12911" t="s">
        <v>14</v>
      </c>
      <c r="H12911" t="s">
        <v>122</v>
      </c>
      <c r="I12911" t="s">
        <v>15</v>
      </c>
      <c r="J12911" s="10">
        <v>21.748247410000001</v>
      </c>
    </row>
    <row r="12912" spans="1:10" x14ac:dyDescent="0.35">
      <c r="A12912" t="s">
        <v>26</v>
      </c>
      <c r="B12912" t="s">
        <v>80</v>
      </c>
      <c r="C12912" t="s">
        <v>117</v>
      </c>
      <c r="D12912" t="s">
        <v>118</v>
      </c>
      <c r="E12912">
        <v>2019</v>
      </c>
      <c r="F12912">
        <v>2019</v>
      </c>
      <c r="G12912" t="s">
        <v>14</v>
      </c>
      <c r="H12912" t="s">
        <v>123</v>
      </c>
      <c r="I12912" t="s">
        <v>15</v>
      </c>
      <c r="J12912" s="10">
        <v>18.672374219999998</v>
      </c>
    </row>
    <row r="12913" spans="1:10" x14ac:dyDescent="0.35">
      <c r="A12913" t="s">
        <v>26</v>
      </c>
      <c r="B12913" t="s">
        <v>80</v>
      </c>
      <c r="C12913" t="s">
        <v>117</v>
      </c>
      <c r="D12913" t="s">
        <v>118</v>
      </c>
      <c r="E12913">
        <v>2019</v>
      </c>
      <c r="F12913">
        <v>2019</v>
      </c>
      <c r="G12913" t="s">
        <v>14</v>
      </c>
      <c r="H12913" t="s">
        <v>124</v>
      </c>
      <c r="I12913" t="s">
        <v>15</v>
      </c>
      <c r="J12913" s="10">
        <v>2.668900056</v>
      </c>
    </row>
    <row r="12914" spans="1:10" x14ac:dyDescent="0.35">
      <c r="A12914" t="s">
        <v>26</v>
      </c>
      <c r="B12914" t="s">
        <v>80</v>
      </c>
      <c r="C12914" t="s">
        <v>117</v>
      </c>
      <c r="D12914" t="s">
        <v>118</v>
      </c>
      <c r="E12914">
        <v>2019</v>
      </c>
      <c r="F12914">
        <v>2019</v>
      </c>
      <c r="G12914" t="s">
        <v>125</v>
      </c>
      <c r="H12914" t="s">
        <v>119</v>
      </c>
      <c r="I12914" t="s">
        <v>15</v>
      </c>
      <c r="J12914" s="10">
        <v>17.58375887</v>
      </c>
    </row>
    <row r="12915" spans="1:10" x14ac:dyDescent="0.35">
      <c r="A12915" t="s">
        <v>26</v>
      </c>
      <c r="B12915" t="s">
        <v>80</v>
      </c>
      <c r="C12915" t="s">
        <v>117</v>
      </c>
      <c r="D12915" t="s">
        <v>118</v>
      </c>
      <c r="E12915">
        <v>2019</v>
      </c>
      <c r="F12915">
        <v>2019</v>
      </c>
      <c r="G12915" t="s">
        <v>125</v>
      </c>
      <c r="H12915" t="s">
        <v>120</v>
      </c>
      <c r="I12915" t="s">
        <v>15</v>
      </c>
      <c r="J12915" s="10">
        <v>10.93535932</v>
      </c>
    </row>
    <row r="12916" spans="1:10" x14ac:dyDescent="0.35">
      <c r="A12916" t="s">
        <v>26</v>
      </c>
      <c r="B12916" t="s">
        <v>80</v>
      </c>
      <c r="C12916" t="s">
        <v>117</v>
      </c>
      <c r="D12916" t="s">
        <v>118</v>
      </c>
      <c r="E12916">
        <v>2019</v>
      </c>
      <c r="F12916">
        <v>2019</v>
      </c>
      <c r="G12916" t="s">
        <v>125</v>
      </c>
      <c r="H12916" t="s">
        <v>121</v>
      </c>
      <c r="I12916" t="s">
        <v>15</v>
      </c>
      <c r="J12916" s="10">
        <v>30.220450870000001</v>
      </c>
    </row>
    <row r="12917" spans="1:10" x14ac:dyDescent="0.35">
      <c r="A12917" t="s">
        <v>26</v>
      </c>
      <c r="B12917" t="s">
        <v>80</v>
      </c>
      <c r="C12917" t="s">
        <v>117</v>
      </c>
      <c r="D12917" t="s">
        <v>118</v>
      </c>
      <c r="E12917">
        <v>2019</v>
      </c>
      <c r="F12917">
        <v>2019</v>
      </c>
      <c r="G12917" t="s">
        <v>125</v>
      </c>
      <c r="H12917" t="s">
        <v>122</v>
      </c>
      <c r="I12917" t="s">
        <v>15</v>
      </c>
      <c r="J12917" s="10">
        <v>21.66895006</v>
      </c>
    </row>
    <row r="12918" spans="1:10" x14ac:dyDescent="0.35">
      <c r="A12918" t="s">
        <v>26</v>
      </c>
      <c r="B12918" t="s">
        <v>80</v>
      </c>
      <c r="C12918" t="s">
        <v>117</v>
      </c>
      <c r="D12918" t="s">
        <v>118</v>
      </c>
      <c r="E12918">
        <v>2019</v>
      </c>
      <c r="F12918">
        <v>2019</v>
      </c>
      <c r="G12918" t="s">
        <v>125</v>
      </c>
      <c r="H12918" t="s">
        <v>123</v>
      </c>
      <c r="I12918" t="s">
        <v>15</v>
      </c>
      <c r="J12918" s="10">
        <v>17.521484619999999</v>
      </c>
    </row>
    <row r="12919" spans="1:10" x14ac:dyDescent="0.35">
      <c r="A12919" t="s">
        <v>26</v>
      </c>
      <c r="B12919" t="s">
        <v>80</v>
      </c>
      <c r="C12919" t="s">
        <v>117</v>
      </c>
      <c r="D12919" t="s">
        <v>118</v>
      </c>
      <c r="E12919">
        <v>2019</v>
      </c>
      <c r="F12919">
        <v>2019</v>
      </c>
      <c r="G12919" t="s">
        <v>125</v>
      </c>
      <c r="H12919" t="s">
        <v>124</v>
      </c>
      <c r="I12919" t="s">
        <v>15</v>
      </c>
      <c r="J12919" s="10">
        <v>2.0699962639999998</v>
      </c>
    </row>
    <row r="12920" spans="1:10" x14ac:dyDescent="0.35">
      <c r="A12920" t="s">
        <v>26</v>
      </c>
      <c r="B12920" t="s">
        <v>80</v>
      </c>
      <c r="C12920" t="s">
        <v>117</v>
      </c>
      <c r="D12920" t="s">
        <v>118</v>
      </c>
      <c r="E12920">
        <v>2019</v>
      </c>
      <c r="F12920">
        <v>2019</v>
      </c>
      <c r="G12920" t="s">
        <v>126</v>
      </c>
      <c r="H12920" t="s">
        <v>119</v>
      </c>
      <c r="I12920" t="s">
        <v>15</v>
      </c>
      <c r="J12920" s="10">
        <v>16.180469720000001</v>
      </c>
    </row>
    <row r="12921" spans="1:10" x14ac:dyDescent="0.35">
      <c r="A12921" t="s">
        <v>26</v>
      </c>
      <c r="B12921" t="s">
        <v>80</v>
      </c>
      <c r="C12921" t="s">
        <v>117</v>
      </c>
      <c r="D12921" t="s">
        <v>118</v>
      </c>
      <c r="E12921">
        <v>2019</v>
      </c>
      <c r="F12921">
        <v>2019</v>
      </c>
      <c r="G12921" t="s">
        <v>126</v>
      </c>
      <c r="H12921" t="s">
        <v>120</v>
      </c>
      <c r="I12921" t="s">
        <v>15</v>
      </c>
      <c r="J12921" s="10">
        <v>8.6254635349999997</v>
      </c>
    </row>
    <row r="12922" spans="1:10" x14ac:dyDescent="0.35">
      <c r="A12922" t="s">
        <v>26</v>
      </c>
      <c r="B12922" t="s">
        <v>80</v>
      </c>
      <c r="C12922" t="s">
        <v>117</v>
      </c>
      <c r="D12922" t="s">
        <v>118</v>
      </c>
      <c r="E12922">
        <v>2019</v>
      </c>
      <c r="F12922">
        <v>2019</v>
      </c>
      <c r="G12922" t="s">
        <v>126</v>
      </c>
      <c r="H12922" t="s">
        <v>121</v>
      </c>
      <c r="I12922" t="s">
        <v>15</v>
      </c>
      <c r="J12922" s="10">
        <v>30.28924598</v>
      </c>
    </row>
    <row r="12923" spans="1:10" x14ac:dyDescent="0.35">
      <c r="A12923" t="s">
        <v>26</v>
      </c>
      <c r="B12923" t="s">
        <v>80</v>
      </c>
      <c r="C12923" t="s">
        <v>117</v>
      </c>
      <c r="D12923" t="s">
        <v>118</v>
      </c>
      <c r="E12923">
        <v>2019</v>
      </c>
      <c r="F12923">
        <v>2019</v>
      </c>
      <c r="G12923" t="s">
        <v>126</v>
      </c>
      <c r="H12923" t="s">
        <v>122</v>
      </c>
      <c r="I12923" t="s">
        <v>15</v>
      </c>
      <c r="J12923" s="10">
        <v>21.826946849999999</v>
      </c>
    </row>
    <row r="12924" spans="1:10" x14ac:dyDescent="0.35">
      <c r="A12924" t="s">
        <v>26</v>
      </c>
      <c r="B12924" t="s">
        <v>80</v>
      </c>
      <c r="C12924" t="s">
        <v>117</v>
      </c>
      <c r="D12924" t="s">
        <v>118</v>
      </c>
      <c r="E12924">
        <v>2019</v>
      </c>
      <c r="F12924">
        <v>2019</v>
      </c>
      <c r="G12924" t="s">
        <v>126</v>
      </c>
      <c r="H12924" t="s">
        <v>123</v>
      </c>
      <c r="I12924" t="s">
        <v>15</v>
      </c>
      <c r="J12924" s="10">
        <v>19.814585910000002</v>
      </c>
    </row>
    <row r="12925" spans="1:10" x14ac:dyDescent="0.35">
      <c r="A12925" t="s">
        <v>26</v>
      </c>
      <c r="B12925" t="s">
        <v>80</v>
      </c>
      <c r="C12925" t="s">
        <v>117</v>
      </c>
      <c r="D12925" t="s">
        <v>118</v>
      </c>
      <c r="E12925">
        <v>2019</v>
      </c>
      <c r="F12925">
        <v>2019</v>
      </c>
      <c r="G12925" t="s">
        <v>126</v>
      </c>
      <c r="H12925" t="s">
        <v>124</v>
      </c>
      <c r="I12925" t="s">
        <v>15</v>
      </c>
      <c r="J12925" s="10">
        <v>3.2632880100000001</v>
      </c>
    </row>
    <row r="12926" spans="1:10" x14ac:dyDescent="0.35">
      <c r="A12926" t="s">
        <v>26</v>
      </c>
      <c r="B12926" t="s">
        <v>80</v>
      </c>
      <c r="C12926" t="s">
        <v>117</v>
      </c>
      <c r="D12926" t="s">
        <v>118</v>
      </c>
      <c r="E12926">
        <v>2018</v>
      </c>
      <c r="F12926">
        <v>2018</v>
      </c>
      <c r="G12926" t="s">
        <v>14</v>
      </c>
      <c r="H12926" t="s">
        <v>119</v>
      </c>
      <c r="I12926" t="s">
        <v>15</v>
      </c>
      <c r="J12926" s="10">
        <v>16.970896010000001</v>
      </c>
    </row>
    <row r="12927" spans="1:10" x14ac:dyDescent="0.35">
      <c r="A12927" t="s">
        <v>26</v>
      </c>
      <c r="B12927" t="s">
        <v>80</v>
      </c>
      <c r="C12927" t="s">
        <v>117</v>
      </c>
      <c r="D12927" t="s">
        <v>118</v>
      </c>
      <c r="E12927">
        <v>2018</v>
      </c>
      <c r="F12927">
        <v>2018</v>
      </c>
      <c r="G12927" t="s">
        <v>14</v>
      </c>
      <c r="H12927" t="s">
        <v>120</v>
      </c>
      <c r="I12927" t="s">
        <v>15</v>
      </c>
      <c r="J12927" s="10">
        <v>9.9058071099999996</v>
      </c>
    </row>
    <row r="12928" spans="1:10" x14ac:dyDescent="0.35">
      <c r="A12928" t="s">
        <v>26</v>
      </c>
      <c r="B12928" t="s">
        <v>80</v>
      </c>
      <c r="C12928" t="s">
        <v>117</v>
      </c>
      <c r="D12928" t="s">
        <v>118</v>
      </c>
      <c r="E12928">
        <v>2018</v>
      </c>
      <c r="F12928">
        <v>2018</v>
      </c>
      <c r="G12928" t="s">
        <v>14</v>
      </c>
      <c r="H12928" t="s">
        <v>121</v>
      </c>
      <c r="I12928" t="s">
        <v>15</v>
      </c>
      <c r="J12928" s="10">
        <v>30.553585429999998</v>
      </c>
    </row>
    <row r="12929" spans="1:10" x14ac:dyDescent="0.35">
      <c r="A12929" t="s">
        <v>26</v>
      </c>
      <c r="B12929" t="s">
        <v>80</v>
      </c>
      <c r="C12929" t="s">
        <v>117</v>
      </c>
      <c r="D12929" t="s">
        <v>118</v>
      </c>
      <c r="E12929">
        <v>2018</v>
      </c>
      <c r="F12929">
        <v>2018</v>
      </c>
      <c r="G12929" t="s">
        <v>14</v>
      </c>
      <c r="H12929" t="s">
        <v>122</v>
      </c>
      <c r="I12929" t="s">
        <v>15</v>
      </c>
      <c r="J12929" s="10">
        <v>21.450346540000002</v>
      </c>
    </row>
    <row r="12930" spans="1:10" x14ac:dyDescent="0.35">
      <c r="A12930" t="s">
        <v>26</v>
      </c>
      <c r="B12930" t="s">
        <v>80</v>
      </c>
      <c r="C12930" t="s">
        <v>117</v>
      </c>
      <c r="D12930" t="s">
        <v>118</v>
      </c>
      <c r="E12930">
        <v>2018</v>
      </c>
      <c r="F12930">
        <v>2018</v>
      </c>
      <c r="G12930" t="s">
        <v>14</v>
      </c>
      <c r="H12930" t="s">
        <v>123</v>
      </c>
      <c r="I12930" t="s">
        <v>15</v>
      </c>
      <c r="J12930" s="10">
        <v>18.500130649999999</v>
      </c>
    </row>
    <row r="12931" spans="1:10" x14ac:dyDescent="0.35">
      <c r="A12931" t="s">
        <v>26</v>
      </c>
      <c r="B12931" t="s">
        <v>80</v>
      </c>
      <c r="C12931" t="s">
        <v>117</v>
      </c>
      <c r="D12931" t="s">
        <v>118</v>
      </c>
      <c r="E12931">
        <v>2018</v>
      </c>
      <c r="F12931">
        <v>2018</v>
      </c>
      <c r="G12931" t="s">
        <v>14</v>
      </c>
      <c r="H12931" t="s">
        <v>124</v>
      </c>
      <c r="I12931" t="s">
        <v>15</v>
      </c>
      <c r="J12931" s="10">
        <v>2.6192342630000001</v>
      </c>
    </row>
    <row r="12932" spans="1:10" x14ac:dyDescent="0.35">
      <c r="A12932" t="s">
        <v>26</v>
      </c>
      <c r="B12932" t="s">
        <v>80</v>
      </c>
      <c r="C12932" t="s">
        <v>117</v>
      </c>
      <c r="D12932" t="s">
        <v>118</v>
      </c>
      <c r="E12932">
        <v>2018</v>
      </c>
      <c r="F12932">
        <v>2018</v>
      </c>
      <c r="G12932" t="s">
        <v>125</v>
      </c>
      <c r="H12932" t="s">
        <v>119</v>
      </c>
      <c r="I12932" t="s">
        <v>15</v>
      </c>
      <c r="J12932" s="10">
        <v>17.731881340000001</v>
      </c>
    </row>
    <row r="12933" spans="1:10" x14ac:dyDescent="0.35">
      <c r="A12933" t="s">
        <v>26</v>
      </c>
      <c r="B12933" t="s">
        <v>80</v>
      </c>
      <c r="C12933" t="s">
        <v>117</v>
      </c>
      <c r="D12933" t="s">
        <v>118</v>
      </c>
      <c r="E12933">
        <v>2018</v>
      </c>
      <c r="F12933">
        <v>2018</v>
      </c>
      <c r="G12933" t="s">
        <v>125</v>
      </c>
      <c r="H12933" t="s">
        <v>120</v>
      </c>
      <c r="I12933" t="s">
        <v>15</v>
      </c>
      <c r="J12933" s="10">
        <v>10.95756665</v>
      </c>
    </row>
    <row r="12934" spans="1:10" x14ac:dyDescent="0.35">
      <c r="A12934" t="s">
        <v>26</v>
      </c>
      <c r="B12934" t="s">
        <v>80</v>
      </c>
      <c r="C12934" t="s">
        <v>117</v>
      </c>
      <c r="D12934" t="s">
        <v>118</v>
      </c>
      <c r="E12934">
        <v>2018</v>
      </c>
      <c r="F12934">
        <v>2018</v>
      </c>
      <c r="G12934" t="s">
        <v>125</v>
      </c>
      <c r="H12934" t="s">
        <v>121</v>
      </c>
      <c r="I12934" t="s">
        <v>15</v>
      </c>
      <c r="J12934" s="10">
        <v>30.627112279999999</v>
      </c>
    </row>
    <row r="12935" spans="1:10" x14ac:dyDescent="0.35">
      <c r="A12935" t="s">
        <v>26</v>
      </c>
      <c r="B12935" t="s">
        <v>80</v>
      </c>
      <c r="C12935" t="s">
        <v>117</v>
      </c>
      <c r="D12935" t="s">
        <v>118</v>
      </c>
      <c r="E12935">
        <v>2018</v>
      </c>
      <c r="F12935">
        <v>2018</v>
      </c>
      <c r="G12935" t="s">
        <v>125</v>
      </c>
      <c r="H12935" t="s">
        <v>122</v>
      </c>
      <c r="I12935" t="s">
        <v>15</v>
      </c>
      <c r="J12935" s="10">
        <v>21.28176242</v>
      </c>
    </row>
    <row r="12936" spans="1:10" x14ac:dyDescent="0.35">
      <c r="A12936" t="s">
        <v>26</v>
      </c>
      <c r="B12936" t="s">
        <v>80</v>
      </c>
      <c r="C12936" t="s">
        <v>117</v>
      </c>
      <c r="D12936" t="s">
        <v>118</v>
      </c>
      <c r="E12936">
        <v>2018</v>
      </c>
      <c r="F12936">
        <v>2018</v>
      </c>
      <c r="G12936" t="s">
        <v>125</v>
      </c>
      <c r="H12936" t="s">
        <v>123</v>
      </c>
      <c r="I12936" t="s">
        <v>15</v>
      </c>
      <c r="J12936" s="10">
        <v>17.433971710000002</v>
      </c>
    </row>
    <row r="12937" spans="1:10" x14ac:dyDescent="0.35">
      <c r="A12937" t="s">
        <v>26</v>
      </c>
      <c r="B12937" t="s">
        <v>80</v>
      </c>
      <c r="C12937" t="s">
        <v>117</v>
      </c>
      <c r="D12937" t="s">
        <v>118</v>
      </c>
      <c r="E12937">
        <v>2018</v>
      </c>
      <c r="F12937">
        <v>2018</v>
      </c>
      <c r="G12937" t="s">
        <v>125</v>
      </c>
      <c r="H12937" t="s">
        <v>124</v>
      </c>
      <c r="I12937" t="s">
        <v>15</v>
      </c>
      <c r="J12937" s="10">
        <v>1.967705595</v>
      </c>
    </row>
    <row r="12938" spans="1:10" x14ac:dyDescent="0.35">
      <c r="A12938" t="s">
        <v>26</v>
      </c>
      <c r="B12938" t="s">
        <v>80</v>
      </c>
      <c r="C12938" t="s">
        <v>117</v>
      </c>
      <c r="D12938" t="s">
        <v>118</v>
      </c>
      <c r="E12938">
        <v>2018</v>
      </c>
      <c r="F12938">
        <v>2018</v>
      </c>
      <c r="G12938" t="s">
        <v>126</v>
      </c>
      <c r="H12938" t="s">
        <v>119</v>
      </c>
      <c r="I12938" t="s">
        <v>15</v>
      </c>
      <c r="J12938" s="10">
        <v>16.218890699999999</v>
      </c>
    </row>
    <row r="12939" spans="1:10" x14ac:dyDescent="0.35">
      <c r="A12939" t="s">
        <v>26</v>
      </c>
      <c r="B12939" t="s">
        <v>80</v>
      </c>
      <c r="C12939" t="s">
        <v>117</v>
      </c>
      <c r="D12939" t="s">
        <v>118</v>
      </c>
      <c r="E12939">
        <v>2018</v>
      </c>
      <c r="F12939">
        <v>2018</v>
      </c>
      <c r="G12939" t="s">
        <v>126</v>
      </c>
      <c r="H12939" t="s">
        <v>120</v>
      </c>
      <c r="I12939" t="s">
        <v>15</v>
      </c>
      <c r="J12939" s="10">
        <v>8.8664588589999997</v>
      </c>
    </row>
    <row r="12940" spans="1:10" x14ac:dyDescent="0.35">
      <c r="A12940" t="s">
        <v>26</v>
      </c>
      <c r="B12940" t="s">
        <v>80</v>
      </c>
      <c r="C12940" t="s">
        <v>117</v>
      </c>
      <c r="D12940" t="s">
        <v>118</v>
      </c>
      <c r="E12940">
        <v>2018</v>
      </c>
      <c r="F12940">
        <v>2018</v>
      </c>
      <c r="G12940" t="s">
        <v>126</v>
      </c>
      <c r="H12940" t="s">
        <v>121</v>
      </c>
      <c r="I12940" t="s">
        <v>15</v>
      </c>
      <c r="J12940" s="10">
        <v>30.480926230000001</v>
      </c>
    </row>
    <row r="12941" spans="1:10" x14ac:dyDescent="0.35">
      <c r="A12941" t="s">
        <v>26</v>
      </c>
      <c r="B12941" t="s">
        <v>80</v>
      </c>
      <c r="C12941" t="s">
        <v>117</v>
      </c>
      <c r="D12941" t="s">
        <v>118</v>
      </c>
      <c r="E12941">
        <v>2018</v>
      </c>
      <c r="F12941">
        <v>2018</v>
      </c>
      <c r="G12941" t="s">
        <v>126</v>
      </c>
      <c r="H12941" t="s">
        <v>122</v>
      </c>
      <c r="I12941" t="s">
        <v>15</v>
      </c>
      <c r="J12941" s="10">
        <v>21.616941270000002</v>
      </c>
    </row>
    <row r="12942" spans="1:10" x14ac:dyDescent="0.35">
      <c r="A12942" t="s">
        <v>26</v>
      </c>
      <c r="B12942" t="s">
        <v>80</v>
      </c>
      <c r="C12942" t="s">
        <v>117</v>
      </c>
      <c r="D12942" t="s">
        <v>118</v>
      </c>
      <c r="E12942">
        <v>2018</v>
      </c>
      <c r="F12942">
        <v>2018</v>
      </c>
      <c r="G12942" t="s">
        <v>126</v>
      </c>
      <c r="H12942" t="s">
        <v>123</v>
      </c>
      <c r="I12942" t="s">
        <v>15</v>
      </c>
      <c r="J12942" s="10">
        <v>19.55370838</v>
      </c>
    </row>
    <row r="12943" spans="1:10" x14ac:dyDescent="0.35">
      <c r="A12943" t="s">
        <v>26</v>
      </c>
      <c r="B12943" t="s">
        <v>80</v>
      </c>
      <c r="C12943" t="s">
        <v>117</v>
      </c>
      <c r="D12943" t="s">
        <v>118</v>
      </c>
      <c r="E12943">
        <v>2018</v>
      </c>
      <c r="F12943">
        <v>2018</v>
      </c>
      <c r="G12943" t="s">
        <v>126</v>
      </c>
      <c r="H12943" t="s">
        <v>124</v>
      </c>
      <c r="I12943" t="s">
        <v>15</v>
      </c>
      <c r="J12943" s="10">
        <v>3.263074563</v>
      </c>
    </row>
    <row r="12944" spans="1:10" x14ac:dyDescent="0.35">
      <c r="A12944" t="s">
        <v>26</v>
      </c>
      <c r="B12944" t="s">
        <v>80</v>
      </c>
      <c r="C12944" t="s">
        <v>117</v>
      </c>
      <c r="D12944" t="s">
        <v>118</v>
      </c>
      <c r="E12944">
        <v>2017</v>
      </c>
      <c r="F12944">
        <v>2017</v>
      </c>
      <c r="G12944" t="s">
        <v>14</v>
      </c>
      <c r="H12944" t="s">
        <v>119</v>
      </c>
      <c r="I12944" t="s">
        <v>15</v>
      </c>
      <c r="J12944" s="10">
        <v>17.136911990000002</v>
      </c>
    </row>
    <row r="12945" spans="1:10" x14ac:dyDescent="0.35">
      <c r="A12945" t="s">
        <v>26</v>
      </c>
      <c r="B12945" t="s">
        <v>80</v>
      </c>
      <c r="C12945" t="s">
        <v>117</v>
      </c>
      <c r="D12945" t="s">
        <v>118</v>
      </c>
      <c r="E12945">
        <v>2017</v>
      </c>
      <c r="F12945">
        <v>2017</v>
      </c>
      <c r="G12945" t="s">
        <v>14</v>
      </c>
      <c r="H12945" t="s">
        <v>120</v>
      </c>
      <c r="I12945" t="s">
        <v>15</v>
      </c>
      <c r="J12945" s="10">
        <v>10.173648099999999</v>
      </c>
    </row>
    <row r="12946" spans="1:10" x14ac:dyDescent="0.35">
      <c r="A12946" t="s">
        <v>26</v>
      </c>
      <c r="B12946" t="s">
        <v>80</v>
      </c>
      <c r="C12946" t="s">
        <v>117</v>
      </c>
      <c r="D12946" t="s">
        <v>118</v>
      </c>
      <c r="E12946">
        <v>2017</v>
      </c>
      <c r="F12946">
        <v>2017</v>
      </c>
      <c r="G12946" t="s">
        <v>14</v>
      </c>
      <c r="H12946" t="s">
        <v>121</v>
      </c>
      <c r="I12946" t="s">
        <v>15</v>
      </c>
      <c r="J12946" s="10">
        <v>30.894993679999999</v>
      </c>
    </row>
    <row r="12947" spans="1:10" x14ac:dyDescent="0.35">
      <c r="A12947" t="s">
        <v>26</v>
      </c>
      <c r="B12947" t="s">
        <v>80</v>
      </c>
      <c r="C12947" t="s">
        <v>117</v>
      </c>
      <c r="D12947" t="s">
        <v>118</v>
      </c>
      <c r="E12947">
        <v>2017</v>
      </c>
      <c r="F12947">
        <v>2017</v>
      </c>
      <c r="G12947" t="s">
        <v>14</v>
      </c>
      <c r="H12947" t="s">
        <v>122</v>
      </c>
      <c r="I12947" t="s">
        <v>15</v>
      </c>
      <c r="J12947" s="10">
        <v>21.18828804</v>
      </c>
    </row>
    <row r="12948" spans="1:10" x14ac:dyDescent="0.35">
      <c r="A12948" t="s">
        <v>26</v>
      </c>
      <c r="B12948" t="s">
        <v>80</v>
      </c>
      <c r="C12948" t="s">
        <v>117</v>
      </c>
      <c r="D12948" t="s">
        <v>118</v>
      </c>
      <c r="E12948">
        <v>2017</v>
      </c>
      <c r="F12948">
        <v>2017</v>
      </c>
      <c r="G12948" t="s">
        <v>14</v>
      </c>
      <c r="H12948" t="s">
        <v>123</v>
      </c>
      <c r="I12948" t="s">
        <v>15</v>
      </c>
      <c r="J12948" s="10">
        <v>18.168644260000001</v>
      </c>
    </row>
    <row r="12949" spans="1:10" x14ac:dyDescent="0.35">
      <c r="A12949" t="s">
        <v>26</v>
      </c>
      <c r="B12949" t="s">
        <v>80</v>
      </c>
      <c r="C12949" t="s">
        <v>117</v>
      </c>
      <c r="D12949" t="s">
        <v>118</v>
      </c>
      <c r="E12949">
        <v>2017</v>
      </c>
      <c r="F12949">
        <v>2017</v>
      </c>
      <c r="G12949" t="s">
        <v>14</v>
      </c>
      <c r="H12949" t="s">
        <v>124</v>
      </c>
      <c r="I12949" t="s">
        <v>15</v>
      </c>
      <c r="J12949" s="10">
        <v>2.437513934</v>
      </c>
    </row>
    <row r="12950" spans="1:10" x14ac:dyDescent="0.35">
      <c r="A12950" t="s">
        <v>26</v>
      </c>
      <c r="B12950" t="s">
        <v>80</v>
      </c>
      <c r="C12950" t="s">
        <v>117</v>
      </c>
      <c r="D12950" t="s">
        <v>118</v>
      </c>
      <c r="E12950">
        <v>2017</v>
      </c>
      <c r="F12950">
        <v>2017</v>
      </c>
      <c r="G12950" t="s">
        <v>125</v>
      </c>
      <c r="H12950" t="s">
        <v>119</v>
      </c>
      <c r="I12950" t="s">
        <v>15</v>
      </c>
      <c r="J12950" s="10">
        <v>17.962626589999999</v>
      </c>
    </row>
    <row r="12951" spans="1:10" x14ac:dyDescent="0.35">
      <c r="A12951" t="s">
        <v>26</v>
      </c>
      <c r="B12951" t="s">
        <v>80</v>
      </c>
      <c r="C12951" t="s">
        <v>117</v>
      </c>
      <c r="D12951" t="s">
        <v>118</v>
      </c>
      <c r="E12951">
        <v>2017</v>
      </c>
      <c r="F12951">
        <v>2017</v>
      </c>
      <c r="G12951" t="s">
        <v>125</v>
      </c>
      <c r="H12951" t="s">
        <v>120</v>
      </c>
      <c r="I12951" t="s">
        <v>15</v>
      </c>
      <c r="J12951" s="10">
        <v>11.16225833</v>
      </c>
    </row>
    <row r="12952" spans="1:10" x14ac:dyDescent="0.35">
      <c r="A12952" t="s">
        <v>26</v>
      </c>
      <c r="B12952" t="s">
        <v>80</v>
      </c>
      <c r="C12952" t="s">
        <v>117</v>
      </c>
      <c r="D12952" t="s">
        <v>118</v>
      </c>
      <c r="E12952">
        <v>2017</v>
      </c>
      <c r="F12952">
        <v>2017</v>
      </c>
      <c r="G12952" t="s">
        <v>125</v>
      </c>
      <c r="H12952" t="s">
        <v>121</v>
      </c>
      <c r="I12952" t="s">
        <v>15</v>
      </c>
      <c r="J12952" s="10">
        <v>31.160267730000001</v>
      </c>
    </row>
    <row r="12953" spans="1:10" x14ac:dyDescent="0.35">
      <c r="A12953" t="s">
        <v>26</v>
      </c>
      <c r="B12953" t="s">
        <v>80</v>
      </c>
      <c r="C12953" t="s">
        <v>117</v>
      </c>
      <c r="D12953" t="s">
        <v>118</v>
      </c>
      <c r="E12953">
        <v>2017</v>
      </c>
      <c r="F12953">
        <v>2017</v>
      </c>
      <c r="G12953" t="s">
        <v>125</v>
      </c>
      <c r="H12953" t="s">
        <v>122</v>
      </c>
      <c r="I12953" t="s">
        <v>15</v>
      </c>
      <c r="J12953" s="10">
        <v>20.888800419999999</v>
      </c>
    </row>
    <row r="12954" spans="1:10" x14ac:dyDescent="0.35">
      <c r="A12954" t="s">
        <v>26</v>
      </c>
      <c r="B12954" t="s">
        <v>80</v>
      </c>
      <c r="C12954" t="s">
        <v>117</v>
      </c>
      <c r="D12954" t="s">
        <v>118</v>
      </c>
      <c r="E12954">
        <v>2017</v>
      </c>
      <c r="F12954">
        <v>2017</v>
      </c>
      <c r="G12954" t="s">
        <v>125</v>
      </c>
      <c r="H12954" t="s">
        <v>123</v>
      </c>
      <c r="I12954" t="s">
        <v>15</v>
      </c>
      <c r="J12954" s="10">
        <v>17.049441389999998</v>
      </c>
    </row>
    <row r="12955" spans="1:10" x14ac:dyDescent="0.35">
      <c r="A12955" t="s">
        <v>26</v>
      </c>
      <c r="B12955" t="s">
        <v>80</v>
      </c>
      <c r="C12955" t="s">
        <v>117</v>
      </c>
      <c r="D12955" t="s">
        <v>118</v>
      </c>
      <c r="E12955">
        <v>2017</v>
      </c>
      <c r="F12955">
        <v>2017</v>
      </c>
      <c r="G12955" t="s">
        <v>125</v>
      </c>
      <c r="H12955" t="s">
        <v>124</v>
      </c>
      <c r="I12955" t="s">
        <v>15</v>
      </c>
      <c r="J12955" s="10">
        <v>1.776605539</v>
      </c>
    </row>
    <row r="12956" spans="1:10" x14ac:dyDescent="0.35">
      <c r="A12956" t="s">
        <v>26</v>
      </c>
      <c r="B12956" t="s">
        <v>80</v>
      </c>
      <c r="C12956" t="s">
        <v>117</v>
      </c>
      <c r="D12956" t="s">
        <v>118</v>
      </c>
      <c r="E12956">
        <v>2017</v>
      </c>
      <c r="F12956">
        <v>2017</v>
      </c>
      <c r="G12956" t="s">
        <v>126</v>
      </c>
      <c r="H12956" t="s">
        <v>119</v>
      </c>
      <c r="I12956" t="s">
        <v>15</v>
      </c>
      <c r="J12956" s="10">
        <v>16.318528199999999</v>
      </c>
    </row>
    <row r="12957" spans="1:10" x14ac:dyDescent="0.35">
      <c r="A12957" t="s">
        <v>26</v>
      </c>
      <c r="B12957" t="s">
        <v>80</v>
      </c>
      <c r="C12957" t="s">
        <v>117</v>
      </c>
      <c r="D12957" t="s">
        <v>118</v>
      </c>
      <c r="E12957">
        <v>2017</v>
      </c>
      <c r="F12957">
        <v>2017</v>
      </c>
      <c r="G12957" t="s">
        <v>126</v>
      </c>
      <c r="H12957" t="s">
        <v>120</v>
      </c>
      <c r="I12957" t="s">
        <v>15</v>
      </c>
      <c r="J12957" s="10">
        <v>9.1938148910000006</v>
      </c>
    </row>
    <row r="12958" spans="1:10" x14ac:dyDescent="0.35">
      <c r="A12958" t="s">
        <v>26</v>
      </c>
      <c r="B12958" t="s">
        <v>80</v>
      </c>
      <c r="C12958" t="s">
        <v>117</v>
      </c>
      <c r="D12958" t="s">
        <v>118</v>
      </c>
      <c r="E12958">
        <v>2017</v>
      </c>
      <c r="F12958">
        <v>2017</v>
      </c>
      <c r="G12958" t="s">
        <v>126</v>
      </c>
      <c r="H12958" t="s">
        <v>121</v>
      </c>
      <c r="I12958" t="s">
        <v>15</v>
      </c>
      <c r="J12958" s="10">
        <v>30.632074769999999</v>
      </c>
    </row>
    <row r="12959" spans="1:10" x14ac:dyDescent="0.35">
      <c r="A12959" t="s">
        <v>26</v>
      </c>
      <c r="B12959" t="s">
        <v>80</v>
      </c>
      <c r="C12959" t="s">
        <v>117</v>
      </c>
      <c r="D12959" t="s">
        <v>118</v>
      </c>
      <c r="E12959">
        <v>2017</v>
      </c>
      <c r="F12959">
        <v>2017</v>
      </c>
      <c r="G12959" t="s">
        <v>126</v>
      </c>
      <c r="H12959" t="s">
        <v>122</v>
      </c>
      <c r="I12959" t="s">
        <v>15</v>
      </c>
      <c r="J12959" s="10">
        <v>21.485116770000001</v>
      </c>
    </row>
    <row r="12960" spans="1:10" x14ac:dyDescent="0.35">
      <c r="A12960" t="s">
        <v>26</v>
      </c>
      <c r="B12960" t="s">
        <v>80</v>
      </c>
      <c r="C12960" t="s">
        <v>117</v>
      </c>
      <c r="D12960" t="s">
        <v>118</v>
      </c>
      <c r="E12960">
        <v>2017</v>
      </c>
      <c r="F12960">
        <v>2017</v>
      </c>
      <c r="G12960" t="s">
        <v>126</v>
      </c>
      <c r="H12960" t="s">
        <v>123</v>
      </c>
      <c r="I12960" t="s">
        <v>15</v>
      </c>
      <c r="J12960" s="10">
        <v>19.277910680000002</v>
      </c>
    </row>
    <row r="12961" spans="1:10" x14ac:dyDescent="0.35">
      <c r="A12961" t="s">
        <v>26</v>
      </c>
      <c r="B12961" t="s">
        <v>80</v>
      </c>
      <c r="C12961" t="s">
        <v>117</v>
      </c>
      <c r="D12961" t="s">
        <v>118</v>
      </c>
      <c r="E12961">
        <v>2017</v>
      </c>
      <c r="F12961">
        <v>2017</v>
      </c>
      <c r="G12961" t="s">
        <v>126</v>
      </c>
      <c r="H12961" t="s">
        <v>124</v>
      </c>
      <c r="I12961" t="s">
        <v>15</v>
      </c>
      <c r="J12961" s="10">
        <v>3.0925546869999998</v>
      </c>
    </row>
    <row r="12962" spans="1:10" x14ac:dyDescent="0.35">
      <c r="A12962" t="s">
        <v>26</v>
      </c>
      <c r="B12962" t="s">
        <v>80</v>
      </c>
      <c r="C12962" t="s">
        <v>117</v>
      </c>
      <c r="D12962" t="s">
        <v>118</v>
      </c>
      <c r="E12962">
        <v>2016</v>
      </c>
      <c r="F12962">
        <v>2016</v>
      </c>
      <c r="G12962" t="s">
        <v>14</v>
      </c>
      <c r="H12962" t="s">
        <v>119</v>
      </c>
      <c r="I12962" t="s">
        <v>15</v>
      </c>
      <c r="J12962" s="10">
        <v>17.254403400000001</v>
      </c>
    </row>
    <row r="12963" spans="1:10" x14ac:dyDescent="0.35">
      <c r="A12963" t="s">
        <v>26</v>
      </c>
      <c r="B12963" t="s">
        <v>80</v>
      </c>
      <c r="C12963" t="s">
        <v>117</v>
      </c>
      <c r="D12963" t="s">
        <v>118</v>
      </c>
      <c r="E12963">
        <v>2016</v>
      </c>
      <c r="F12963">
        <v>2016</v>
      </c>
      <c r="G12963" t="s">
        <v>14</v>
      </c>
      <c r="H12963" t="s">
        <v>120</v>
      </c>
      <c r="I12963" t="s">
        <v>15</v>
      </c>
      <c r="J12963" s="10">
        <v>10.47928213</v>
      </c>
    </row>
    <row r="12964" spans="1:10" x14ac:dyDescent="0.35">
      <c r="A12964" t="s">
        <v>26</v>
      </c>
      <c r="B12964" t="s">
        <v>80</v>
      </c>
      <c r="C12964" t="s">
        <v>117</v>
      </c>
      <c r="D12964" t="s">
        <v>118</v>
      </c>
      <c r="E12964">
        <v>2016</v>
      </c>
      <c r="F12964">
        <v>2016</v>
      </c>
      <c r="G12964" t="s">
        <v>14</v>
      </c>
      <c r="H12964" t="s">
        <v>121</v>
      </c>
      <c r="I12964" t="s">
        <v>15</v>
      </c>
      <c r="J12964" s="10">
        <v>31.33663305</v>
      </c>
    </row>
    <row r="12965" spans="1:10" x14ac:dyDescent="0.35">
      <c r="A12965" t="s">
        <v>26</v>
      </c>
      <c r="B12965" t="s">
        <v>80</v>
      </c>
      <c r="C12965" t="s">
        <v>117</v>
      </c>
      <c r="D12965" t="s">
        <v>118</v>
      </c>
      <c r="E12965">
        <v>2016</v>
      </c>
      <c r="F12965">
        <v>2016</v>
      </c>
      <c r="G12965" t="s">
        <v>14</v>
      </c>
      <c r="H12965" t="s">
        <v>122</v>
      </c>
      <c r="I12965" t="s">
        <v>15</v>
      </c>
      <c r="J12965" s="10">
        <v>20.7425602</v>
      </c>
    </row>
    <row r="12966" spans="1:10" x14ac:dyDescent="0.35">
      <c r="A12966" t="s">
        <v>26</v>
      </c>
      <c r="B12966" t="s">
        <v>80</v>
      </c>
      <c r="C12966" t="s">
        <v>117</v>
      </c>
      <c r="D12966" t="s">
        <v>118</v>
      </c>
      <c r="E12966">
        <v>2016</v>
      </c>
      <c r="F12966">
        <v>2016</v>
      </c>
      <c r="G12966" t="s">
        <v>14</v>
      </c>
      <c r="H12966" t="s">
        <v>123</v>
      </c>
      <c r="I12966" t="s">
        <v>15</v>
      </c>
      <c r="J12966" s="10">
        <v>17.844403029999999</v>
      </c>
    </row>
    <row r="12967" spans="1:10" x14ac:dyDescent="0.35">
      <c r="A12967" t="s">
        <v>26</v>
      </c>
      <c r="B12967" t="s">
        <v>80</v>
      </c>
      <c r="C12967" t="s">
        <v>117</v>
      </c>
      <c r="D12967" t="s">
        <v>118</v>
      </c>
      <c r="E12967">
        <v>2016</v>
      </c>
      <c r="F12967">
        <v>2016</v>
      </c>
      <c r="G12967" t="s">
        <v>14</v>
      </c>
      <c r="H12967" t="s">
        <v>124</v>
      </c>
      <c r="I12967" t="s">
        <v>15</v>
      </c>
      <c r="J12967" s="10">
        <v>2.3427181949999998</v>
      </c>
    </row>
    <row r="12968" spans="1:10" x14ac:dyDescent="0.35">
      <c r="A12968" t="s">
        <v>26</v>
      </c>
      <c r="B12968" t="s">
        <v>80</v>
      </c>
      <c r="C12968" t="s">
        <v>117</v>
      </c>
      <c r="D12968" t="s">
        <v>118</v>
      </c>
      <c r="E12968">
        <v>2016</v>
      </c>
      <c r="F12968">
        <v>2016</v>
      </c>
      <c r="G12968" t="s">
        <v>125</v>
      </c>
      <c r="H12968" t="s">
        <v>119</v>
      </c>
      <c r="I12968" t="s">
        <v>15</v>
      </c>
      <c r="J12968" s="10">
        <v>18.0653951</v>
      </c>
    </row>
    <row r="12969" spans="1:10" x14ac:dyDescent="0.35">
      <c r="A12969" t="s">
        <v>26</v>
      </c>
      <c r="B12969" t="s">
        <v>80</v>
      </c>
      <c r="C12969" t="s">
        <v>117</v>
      </c>
      <c r="D12969" t="s">
        <v>118</v>
      </c>
      <c r="E12969">
        <v>2016</v>
      </c>
      <c r="F12969">
        <v>2016</v>
      </c>
      <c r="G12969" t="s">
        <v>125</v>
      </c>
      <c r="H12969" t="s">
        <v>120</v>
      </c>
      <c r="I12969" t="s">
        <v>15</v>
      </c>
      <c r="J12969" s="10">
        <v>11.36735199</v>
      </c>
    </row>
    <row r="12970" spans="1:10" x14ac:dyDescent="0.35">
      <c r="A12970" t="s">
        <v>26</v>
      </c>
      <c r="B12970" t="s">
        <v>80</v>
      </c>
      <c r="C12970" t="s">
        <v>117</v>
      </c>
      <c r="D12970" t="s">
        <v>118</v>
      </c>
      <c r="E12970">
        <v>2016</v>
      </c>
      <c r="F12970">
        <v>2016</v>
      </c>
      <c r="G12970" t="s">
        <v>125</v>
      </c>
      <c r="H12970" t="s">
        <v>121</v>
      </c>
      <c r="I12970" t="s">
        <v>15</v>
      </c>
      <c r="J12970" s="10">
        <v>31.768640080000001</v>
      </c>
    </row>
    <row r="12971" spans="1:10" x14ac:dyDescent="0.35">
      <c r="A12971" t="s">
        <v>26</v>
      </c>
      <c r="B12971" t="s">
        <v>80</v>
      </c>
      <c r="C12971" t="s">
        <v>117</v>
      </c>
      <c r="D12971" t="s">
        <v>118</v>
      </c>
      <c r="E12971">
        <v>2016</v>
      </c>
      <c r="F12971">
        <v>2016</v>
      </c>
      <c r="G12971" t="s">
        <v>125</v>
      </c>
      <c r="H12971" t="s">
        <v>122</v>
      </c>
      <c r="I12971" t="s">
        <v>15</v>
      </c>
      <c r="J12971" s="10">
        <v>20.438444390000001</v>
      </c>
    </row>
    <row r="12972" spans="1:10" x14ac:dyDescent="0.35">
      <c r="A12972" t="s">
        <v>26</v>
      </c>
      <c r="B12972" t="s">
        <v>80</v>
      </c>
      <c r="C12972" t="s">
        <v>117</v>
      </c>
      <c r="D12972" t="s">
        <v>118</v>
      </c>
      <c r="E12972">
        <v>2016</v>
      </c>
      <c r="F12972">
        <v>2016</v>
      </c>
      <c r="G12972" t="s">
        <v>125</v>
      </c>
      <c r="H12972" t="s">
        <v>123</v>
      </c>
      <c r="I12972" t="s">
        <v>15</v>
      </c>
      <c r="J12972" s="10">
        <v>16.638593010000001</v>
      </c>
    </row>
    <row r="12973" spans="1:10" x14ac:dyDescent="0.35">
      <c r="A12973" t="s">
        <v>26</v>
      </c>
      <c r="B12973" t="s">
        <v>80</v>
      </c>
      <c r="C12973" t="s">
        <v>117</v>
      </c>
      <c r="D12973" t="s">
        <v>118</v>
      </c>
      <c r="E12973">
        <v>2016</v>
      </c>
      <c r="F12973">
        <v>2016</v>
      </c>
      <c r="G12973" t="s">
        <v>125</v>
      </c>
      <c r="H12973" t="s">
        <v>124</v>
      </c>
      <c r="I12973" t="s">
        <v>15</v>
      </c>
      <c r="J12973" s="10">
        <v>1.7215754270000001</v>
      </c>
    </row>
    <row r="12974" spans="1:10" x14ac:dyDescent="0.35">
      <c r="A12974" t="s">
        <v>26</v>
      </c>
      <c r="B12974" t="s">
        <v>80</v>
      </c>
      <c r="C12974" t="s">
        <v>117</v>
      </c>
      <c r="D12974" t="s">
        <v>118</v>
      </c>
      <c r="E12974">
        <v>2016</v>
      </c>
      <c r="F12974">
        <v>2016</v>
      </c>
      <c r="G12974" t="s">
        <v>126</v>
      </c>
      <c r="H12974" t="s">
        <v>119</v>
      </c>
      <c r="I12974" t="s">
        <v>15</v>
      </c>
      <c r="J12974" s="10">
        <v>16.448938420000001</v>
      </c>
    </row>
    <row r="12975" spans="1:10" x14ac:dyDescent="0.35">
      <c r="A12975" t="s">
        <v>26</v>
      </c>
      <c r="B12975" t="s">
        <v>80</v>
      </c>
      <c r="C12975" t="s">
        <v>117</v>
      </c>
      <c r="D12975" t="s">
        <v>118</v>
      </c>
      <c r="E12975">
        <v>2016</v>
      </c>
      <c r="F12975">
        <v>2016</v>
      </c>
      <c r="G12975" t="s">
        <v>126</v>
      </c>
      <c r="H12975" t="s">
        <v>120</v>
      </c>
      <c r="I12975" t="s">
        <v>15</v>
      </c>
      <c r="J12975" s="10">
        <v>9.5972642510000004</v>
      </c>
    </row>
    <row r="12976" spans="1:10" x14ac:dyDescent="0.35">
      <c r="A12976" t="s">
        <v>26</v>
      </c>
      <c r="B12976" t="s">
        <v>80</v>
      </c>
      <c r="C12976" t="s">
        <v>117</v>
      </c>
      <c r="D12976" t="s">
        <v>118</v>
      </c>
      <c r="E12976">
        <v>2016</v>
      </c>
      <c r="F12976">
        <v>2016</v>
      </c>
      <c r="G12976" t="s">
        <v>126</v>
      </c>
      <c r="H12976" t="s">
        <v>121</v>
      </c>
      <c r="I12976" t="s">
        <v>15</v>
      </c>
      <c r="J12976" s="10">
        <v>30.90757005</v>
      </c>
    </row>
    <row r="12977" spans="1:10" x14ac:dyDescent="0.35">
      <c r="A12977" t="s">
        <v>26</v>
      </c>
      <c r="B12977" t="s">
        <v>80</v>
      </c>
      <c r="C12977" t="s">
        <v>117</v>
      </c>
      <c r="D12977" t="s">
        <v>118</v>
      </c>
      <c r="E12977">
        <v>2016</v>
      </c>
      <c r="F12977">
        <v>2016</v>
      </c>
      <c r="G12977" t="s">
        <v>126</v>
      </c>
      <c r="H12977" t="s">
        <v>122</v>
      </c>
      <c r="I12977" t="s">
        <v>15</v>
      </c>
      <c r="J12977" s="10">
        <v>21.044603540000001</v>
      </c>
    </row>
    <row r="12978" spans="1:10" x14ac:dyDescent="0.35">
      <c r="A12978" t="s">
        <v>26</v>
      </c>
      <c r="B12978" t="s">
        <v>80</v>
      </c>
      <c r="C12978" t="s">
        <v>117</v>
      </c>
      <c r="D12978" t="s">
        <v>118</v>
      </c>
      <c r="E12978">
        <v>2016</v>
      </c>
      <c r="F12978">
        <v>2016</v>
      </c>
      <c r="G12978" t="s">
        <v>126</v>
      </c>
      <c r="H12978" t="s">
        <v>123</v>
      </c>
      <c r="I12978" t="s">
        <v>15</v>
      </c>
      <c r="J12978" s="10">
        <v>19.041995719999999</v>
      </c>
    </row>
    <row r="12979" spans="1:10" x14ac:dyDescent="0.35">
      <c r="A12979" t="s">
        <v>26</v>
      </c>
      <c r="B12979" t="s">
        <v>80</v>
      </c>
      <c r="C12979" t="s">
        <v>117</v>
      </c>
      <c r="D12979" t="s">
        <v>118</v>
      </c>
      <c r="E12979">
        <v>2016</v>
      </c>
      <c r="F12979">
        <v>2016</v>
      </c>
      <c r="G12979" t="s">
        <v>126</v>
      </c>
      <c r="H12979" t="s">
        <v>124</v>
      </c>
      <c r="I12979" t="s">
        <v>15</v>
      </c>
      <c r="J12979" s="10">
        <v>2.959628017</v>
      </c>
    </row>
    <row r="12980" spans="1:10" x14ac:dyDescent="0.35">
      <c r="A12980" t="s">
        <v>26</v>
      </c>
      <c r="B12980" t="s">
        <v>80</v>
      </c>
      <c r="C12980" t="s">
        <v>117</v>
      </c>
      <c r="D12980" t="s">
        <v>118</v>
      </c>
      <c r="E12980">
        <v>2015</v>
      </c>
      <c r="F12980">
        <v>2015</v>
      </c>
      <c r="G12980" t="s">
        <v>14</v>
      </c>
      <c r="H12980" t="s">
        <v>119</v>
      </c>
      <c r="I12980" t="s">
        <v>15</v>
      </c>
      <c r="J12980" s="10">
        <v>17.359868809999998</v>
      </c>
    </row>
    <row r="12981" spans="1:10" x14ac:dyDescent="0.35">
      <c r="A12981" t="s">
        <v>26</v>
      </c>
      <c r="B12981" t="s">
        <v>80</v>
      </c>
      <c r="C12981" t="s">
        <v>117</v>
      </c>
      <c r="D12981" t="s">
        <v>118</v>
      </c>
      <c r="E12981">
        <v>2015</v>
      </c>
      <c r="F12981">
        <v>2015</v>
      </c>
      <c r="G12981" t="s">
        <v>14</v>
      </c>
      <c r="H12981" t="s">
        <v>120</v>
      </c>
      <c r="I12981" t="s">
        <v>15</v>
      </c>
      <c r="J12981" s="10">
        <v>10.559530909999999</v>
      </c>
    </row>
    <row r="12982" spans="1:10" x14ac:dyDescent="0.35">
      <c r="A12982" t="s">
        <v>26</v>
      </c>
      <c r="B12982" t="s">
        <v>80</v>
      </c>
      <c r="C12982" t="s">
        <v>117</v>
      </c>
      <c r="D12982" t="s">
        <v>118</v>
      </c>
      <c r="E12982">
        <v>2015</v>
      </c>
      <c r="F12982">
        <v>2015</v>
      </c>
      <c r="G12982" t="s">
        <v>14</v>
      </c>
      <c r="H12982" t="s">
        <v>121</v>
      </c>
      <c r="I12982" t="s">
        <v>15</v>
      </c>
      <c r="J12982" s="10">
        <v>31.595358780000002</v>
      </c>
    </row>
    <row r="12983" spans="1:10" x14ac:dyDescent="0.35">
      <c r="A12983" t="s">
        <v>26</v>
      </c>
      <c r="B12983" t="s">
        <v>80</v>
      </c>
      <c r="C12983" t="s">
        <v>117</v>
      </c>
      <c r="D12983" t="s">
        <v>118</v>
      </c>
      <c r="E12983">
        <v>2015</v>
      </c>
      <c r="F12983">
        <v>2015</v>
      </c>
      <c r="G12983" t="s">
        <v>14</v>
      </c>
      <c r="H12983" t="s">
        <v>122</v>
      </c>
      <c r="I12983" t="s">
        <v>15</v>
      </c>
      <c r="J12983" s="10">
        <v>20.596054460000001</v>
      </c>
    </row>
    <row r="12984" spans="1:10" x14ac:dyDescent="0.35">
      <c r="A12984" t="s">
        <v>26</v>
      </c>
      <c r="B12984" t="s">
        <v>80</v>
      </c>
      <c r="C12984" t="s">
        <v>117</v>
      </c>
      <c r="D12984" t="s">
        <v>118</v>
      </c>
      <c r="E12984">
        <v>2015</v>
      </c>
      <c r="F12984">
        <v>2015</v>
      </c>
      <c r="G12984" t="s">
        <v>14</v>
      </c>
      <c r="H12984" t="s">
        <v>123</v>
      </c>
      <c r="I12984" t="s">
        <v>15</v>
      </c>
      <c r="J12984" s="10">
        <v>17.629447429999999</v>
      </c>
    </row>
    <row r="12985" spans="1:10" x14ac:dyDescent="0.35">
      <c r="A12985" t="s">
        <v>26</v>
      </c>
      <c r="B12985" t="s">
        <v>80</v>
      </c>
      <c r="C12985" t="s">
        <v>117</v>
      </c>
      <c r="D12985" t="s">
        <v>118</v>
      </c>
      <c r="E12985">
        <v>2015</v>
      </c>
      <c r="F12985">
        <v>2015</v>
      </c>
      <c r="G12985" t="s">
        <v>14</v>
      </c>
      <c r="H12985" t="s">
        <v>124</v>
      </c>
      <c r="I12985" t="s">
        <v>15</v>
      </c>
      <c r="J12985" s="10">
        <v>2.2597396139999999</v>
      </c>
    </row>
    <row r="12986" spans="1:10" x14ac:dyDescent="0.35">
      <c r="A12986" t="s">
        <v>26</v>
      </c>
      <c r="B12986" t="s">
        <v>80</v>
      </c>
      <c r="C12986" t="s">
        <v>117</v>
      </c>
      <c r="D12986" t="s">
        <v>118</v>
      </c>
      <c r="E12986">
        <v>2015</v>
      </c>
      <c r="F12986">
        <v>2015</v>
      </c>
      <c r="G12986" t="s">
        <v>125</v>
      </c>
      <c r="H12986" t="s">
        <v>119</v>
      </c>
      <c r="I12986" t="s">
        <v>15</v>
      </c>
      <c r="J12986" s="10">
        <v>18.275534199999999</v>
      </c>
    </row>
    <row r="12987" spans="1:10" x14ac:dyDescent="0.35">
      <c r="A12987" t="s">
        <v>26</v>
      </c>
      <c r="B12987" t="s">
        <v>80</v>
      </c>
      <c r="C12987" t="s">
        <v>117</v>
      </c>
      <c r="D12987" t="s">
        <v>118</v>
      </c>
      <c r="E12987">
        <v>2015</v>
      </c>
      <c r="F12987">
        <v>2015</v>
      </c>
      <c r="G12987" t="s">
        <v>125</v>
      </c>
      <c r="H12987" t="s">
        <v>120</v>
      </c>
      <c r="I12987" t="s">
        <v>15</v>
      </c>
      <c r="J12987" s="10">
        <v>11.367162090000001</v>
      </c>
    </row>
    <row r="12988" spans="1:10" x14ac:dyDescent="0.35">
      <c r="A12988" t="s">
        <v>26</v>
      </c>
      <c r="B12988" t="s">
        <v>80</v>
      </c>
      <c r="C12988" t="s">
        <v>117</v>
      </c>
      <c r="D12988" t="s">
        <v>118</v>
      </c>
      <c r="E12988">
        <v>2015</v>
      </c>
      <c r="F12988">
        <v>2015</v>
      </c>
      <c r="G12988" t="s">
        <v>125</v>
      </c>
      <c r="H12988" t="s">
        <v>121</v>
      </c>
      <c r="I12988" t="s">
        <v>15</v>
      </c>
      <c r="J12988" s="10">
        <v>31.902116800000002</v>
      </c>
    </row>
    <row r="12989" spans="1:10" x14ac:dyDescent="0.35">
      <c r="A12989" t="s">
        <v>26</v>
      </c>
      <c r="B12989" t="s">
        <v>80</v>
      </c>
      <c r="C12989" t="s">
        <v>117</v>
      </c>
      <c r="D12989" t="s">
        <v>118</v>
      </c>
      <c r="E12989">
        <v>2015</v>
      </c>
      <c r="F12989">
        <v>2015</v>
      </c>
      <c r="G12989" t="s">
        <v>125</v>
      </c>
      <c r="H12989" t="s">
        <v>122</v>
      </c>
      <c r="I12989" t="s">
        <v>15</v>
      </c>
      <c r="J12989" s="10">
        <v>20.304759050000001</v>
      </c>
    </row>
    <row r="12990" spans="1:10" x14ac:dyDescent="0.35">
      <c r="A12990" t="s">
        <v>26</v>
      </c>
      <c r="B12990" t="s">
        <v>80</v>
      </c>
      <c r="C12990" t="s">
        <v>117</v>
      </c>
      <c r="D12990" t="s">
        <v>118</v>
      </c>
      <c r="E12990">
        <v>2015</v>
      </c>
      <c r="F12990">
        <v>2015</v>
      </c>
      <c r="G12990" t="s">
        <v>125</v>
      </c>
      <c r="H12990" t="s">
        <v>123</v>
      </c>
      <c r="I12990" t="s">
        <v>15</v>
      </c>
      <c r="J12990" s="10">
        <v>16.496522039999999</v>
      </c>
    </row>
    <row r="12991" spans="1:10" x14ac:dyDescent="0.35">
      <c r="A12991" t="s">
        <v>26</v>
      </c>
      <c r="B12991" t="s">
        <v>80</v>
      </c>
      <c r="C12991" t="s">
        <v>117</v>
      </c>
      <c r="D12991" t="s">
        <v>118</v>
      </c>
      <c r="E12991">
        <v>2015</v>
      </c>
      <c r="F12991">
        <v>2015</v>
      </c>
      <c r="G12991" t="s">
        <v>125</v>
      </c>
      <c r="H12991" t="s">
        <v>124</v>
      </c>
      <c r="I12991" t="s">
        <v>15</v>
      </c>
      <c r="J12991" s="10">
        <v>1.6539058200000001</v>
      </c>
    </row>
    <row r="12992" spans="1:10" x14ac:dyDescent="0.35">
      <c r="A12992" t="s">
        <v>26</v>
      </c>
      <c r="B12992" t="s">
        <v>80</v>
      </c>
      <c r="C12992" t="s">
        <v>117</v>
      </c>
      <c r="D12992" t="s">
        <v>118</v>
      </c>
      <c r="E12992">
        <v>2015</v>
      </c>
      <c r="F12992">
        <v>2015</v>
      </c>
      <c r="G12992" t="s">
        <v>126</v>
      </c>
      <c r="H12992" t="s">
        <v>119</v>
      </c>
      <c r="I12992" t="s">
        <v>15</v>
      </c>
      <c r="J12992" s="10">
        <v>16.456945470000001</v>
      </c>
    </row>
    <row r="12993" spans="1:10" x14ac:dyDescent="0.35">
      <c r="A12993" t="s">
        <v>26</v>
      </c>
      <c r="B12993" t="s">
        <v>80</v>
      </c>
      <c r="C12993" t="s">
        <v>117</v>
      </c>
      <c r="D12993" t="s">
        <v>118</v>
      </c>
      <c r="E12993">
        <v>2015</v>
      </c>
      <c r="F12993">
        <v>2015</v>
      </c>
      <c r="G12993" t="s">
        <v>126</v>
      </c>
      <c r="H12993" t="s">
        <v>120</v>
      </c>
      <c r="I12993" t="s">
        <v>15</v>
      </c>
      <c r="J12993" s="10">
        <v>9.7631384160000003</v>
      </c>
    </row>
    <row r="12994" spans="1:10" x14ac:dyDescent="0.35">
      <c r="A12994" t="s">
        <v>26</v>
      </c>
      <c r="B12994" t="s">
        <v>80</v>
      </c>
      <c r="C12994" t="s">
        <v>117</v>
      </c>
      <c r="D12994" t="s">
        <v>118</v>
      </c>
      <c r="E12994">
        <v>2015</v>
      </c>
      <c r="F12994">
        <v>2015</v>
      </c>
      <c r="G12994" t="s">
        <v>126</v>
      </c>
      <c r="H12994" t="s">
        <v>121</v>
      </c>
      <c r="I12994" t="s">
        <v>15</v>
      </c>
      <c r="J12994" s="10">
        <v>31.29286948</v>
      </c>
    </row>
    <row r="12995" spans="1:10" x14ac:dyDescent="0.35">
      <c r="A12995" t="s">
        <v>26</v>
      </c>
      <c r="B12995" t="s">
        <v>80</v>
      </c>
      <c r="C12995" t="s">
        <v>117</v>
      </c>
      <c r="D12995" t="s">
        <v>118</v>
      </c>
      <c r="E12995">
        <v>2015</v>
      </c>
      <c r="F12995">
        <v>2015</v>
      </c>
      <c r="G12995" t="s">
        <v>126</v>
      </c>
      <c r="H12995" t="s">
        <v>122</v>
      </c>
      <c r="I12995" t="s">
        <v>15</v>
      </c>
      <c r="J12995" s="10">
        <v>20.883296319999999</v>
      </c>
    </row>
    <row r="12996" spans="1:10" x14ac:dyDescent="0.35">
      <c r="A12996" t="s">
        <v>26</v>
      </c>
      <c r="B12996" t="s">
        <v>80</v>
      </c>
      <c r="C12996" t="s">
        <v>117</v>
      </c>
      <c r="D12996" t="s">
        <v>118</v>
      </c>
      <c r="E12996">
        <v>2015</v>
      </c>
      <c r="F12996">
        <v>2015</v>
      </c>
      <c r="G12996" t="s">
        <v>126</v>
      </c>
      <c r="H12996" t="s">
        <v>123</v>
      </c>
      <c r="I12996" t="s">
        <v>15</v>
      </c>
      <c r="J12996" s="10">
        <v>18.746607449999999</v>
      </c>
    </row>
    <row r="12997" spans="1:10" x14ac:dyDescent="0.35">
      <c r="A12997" t="s">
        <v>26</v>
      </c>
      <c r="B12997" t="s">
        <v>80</v>
      </c>
      <c r="C12997" t="s">
        <v>117</v>
      </c>
      <c r="D12997" t="s">
        <v>118</v>
      </c>
      <c r="E12997">
        <v>2015</v>
      </c>
      <c r="F12997">
        <v>2015</v>
      </c>
      <c r="G12997" t="s">
        <v>126</v>
      </c>
      <c r="H12997" t="s">
        <v>124</v>
      </c>
      <c r="I12997" t="s">
        <v>15</v>
      </c>
      <c r="J12997" s="10">
        <v>2.8571428569999999</v>
      </c>
    </row>
    <row r="12998" spans="1:10" x14ac:dyDescent="0.35">
      <c r="A12998" t="s">
        <v>26</v>
      </c>
      <c r="B12998" t="s">
        <v>80</v>
      </c>
      <c r="C12998" t="s">
        <v>117</v>
      </c>
      <c r="D12998" t="s">
        <v>118</v>
      </c>
      <c r="E12998">
        <v>2014</v>
      </c>
      <c r="F12998">
        <v>2014</v>
      </c>
      <c r="G12998" t="s">
        <v>14</v>
      </c>
      <c r="H12998" t="s">
        <v>119</v>
      </c>
      <c r="I12998" t="s">
        <v>15</v>
      </c>
      <c r="J12998" s="10">
        <v>17.583586820000001</v>
      </c>
    </row>
    <row r="12999" spans="1:10" x14ac:dyDescent="0.35">
      <c r="A12999" t="s">
        <v>26</v>
      </c>
      <c r="B12999" t="s">
        <v>80</v>
      </c>
      <c r="C12999" t="s">
        <v>117</v>
      </c>
      <c r="D12999" t="s">
        <v>118</v>
      </c>
      <c r="E12999">
        <v>2014</v>
      </c>
      <c r="F12999">
        <v>2014</v>
      </c>
      <c r="G12999" t="s">
        <v>14</v>
      </c>
      <c r="H12999" t="s">
        <v>120</v>
      </c>
      <c r="I12999" t="s">
        <v>15</v>
      </c>
      <c r="J12999" s="10">
        <v>10.60122423</v>
      </c>
    </row>
    <row r="13000" spans="1:10" x14ac:dyDescent="0.35">
      <c r="A13000" t="s">
        <v>26</v>
      </c>
      <c r="B13000" t="s">
        <v>80</v>
      </c>
      <c r="C13000" t="s">
        <v>117</v>
      </c>
      <c r="D13000" t="s">
        <v>118</v>
      </c>
      <c r="E13000">
        <v>2014</v>
      </c>
      <c r="F13000">
        <v>2014</v>
      </c>
      <c r="G13000" t="s">
        <v>14</v>
      </c>
      <c r="H13000" t="s">
        <v>121</v>
      </c>
      <c r="I13000" t="s">
        <v>15</v>
      </c>
      <c r="J13000" s="10">
        <v>31.675992340000001</v>
      </c>
    </row>
    <row r="13001" spans="1:10" x14ac:dyDescent="0.35">
      <c r="A13001" t="s">
        <v>26</v>
      </c>
      <c r="B13001" t="s">
        <v>80</v>
      </c>
      <c r="C13001" t="s">
        <v>117</v>
      </c>
      <c r="D13001" t="s">
        <v>118</v>
      </c>
      <c r="E13001">
        <v>2014</v>
      </c>
      <c r="F13001">
        <v>2014</v>
      </c>
      <c r="G13001" t="s">
        <v>14</v>
      </c>
      <c r="H13001" t="s">
        <v>122</v>
      </c>
      <c r="I13001" t="s">
        <v>15</v>
      </c>
      <c r="J13001" s="10">
        <v>20.497703009999999</v>
      </c>
    </row>
    <row r="13002" spans="1:10" x14ac:dyDescent="0.35">
      <c r="A13002" t="s">
        <v>26</v>
      </c>
      <c r="B13002" t="s">
        <v>80</v>
      </c>
      <c r="C13002" t="s">
        <v>117</v>
      </c>
      <c r="D13002" t="s">
        <v>118</v>
      </c>
      <c r="E13002">
        <v>2014</v>
      </c>
      <c r="F13002">
        <v>2014</v>
      </c>
      <c r="G13002" t="s">
        <v>14</v>
      </c>
      <c r="H13002" t="s">
        <v>123</v>
      </c>
      <c r="I13002" t="s">
        <v>15</v>
      </c>
      <c r="J13002" s="10">
        <v>17.359520320000001</v>
      </c>
    </row>
    <row r="13003" spans="1:10" x14ac:dyDescent="0.35">
      <c r="A13003" t="s">
        <v>26</v>
      </c>
      <c r="B13003" t="s">
        <v>80</v>
      </c>
      <c r="C13003" t="s">
        <v>117</v>
      </c>
      <c r="D13003" t="s">
        <v>118</v>
      </c>
      <c r="E13003">
        <v>2014</v>
      </c>
      <c r="F13003">
        <v>2014</v>
      </c>
      <c r="G13003" t="s">
        <v>14</v>
      </c>
      <c r="H13003" t="s">
        <v>124</v>
      </c>
      <c r="I13003" t="s">
        <v>15</v>
      </c>
      <c r="J13003" s="10">
        <v>2.281973287</v>
      </c>
    </row>
    <row r="13004" spans="1:10" x14ac:dyDescent="0.35">
      <c r="A13004" t="s">
        <v>26</v>
      </c>
      <c r="B13004" t="s">
        <v>80</v>
      </c>
      <c r="C13004" t="s">
        <v>117</v>
      </c>
      <c r="D13004" t="s">
        <v>118</v>
      </c>
      <c r="E13004">
        <v>2014</v>
      </c>
      <c r="F13004">
        <v>2014</v>
      </c>
      <c r="G13004" t="s">
        <v>125</v>
      </c>
      <c r="H13004" t="s">
        <v>119</v>
      </c>
      <c r="I13004" t="s">
        <v>15</v>
      </c>
      <c r="J13004" s="10">
        <v>18.501722740000002</v>
      </c>
    </row>
    <row r="13005" spans="1:10" x14ac:dyDescent="0.35">
      <c r="A13005" t="s">
        <v>26</v>
      </c>
      <c r="B13005" t="s">
        <v>80</v>
      </c>
      <c r="C13005" t="s">
        <v>117</v>
      </c>
      <c r="D13005" t="s">
        <v>118</v>
      </c>
      <c r="E13005">
        <v>2014</v>
      </c>
      <c r="F13005">
        <v>2014</v>
      </c>
      <c r="G13005" t="s">
        <v>125</v>
      </c>
      <c r="H13005" t="s">
        <v>120</v>
      </c>
      <c r="I13005" t="s">
        <v>15</v>
      </c>
      <c r="J13005" s="10">
        <v>11.42582084</v>
      </c>
    </row>
    <row r="13006" spans="1:10" x14ac:dyDescent="0.35">
      <c r="A13006" t="s">
        <v>26</v>
      </c>
      <c r="B13006" t="s">
        <v>80</v>
      </c>
      <c r="C13006" t="s">
        <v>117</v>
      </c>
      <c r="D13006" t="s">
        <v>118</v>
      </c>
      <c r="E13006">
        <v>2014</v>
      </c>
      <c r="F13006">
        <v>2014</v>
      </c>
      <c r="G13006" t="s">
        <v>125</v>
      </c>
      <c r="H13006" t="s">
        <v>121</v>
      </c>
      <c r="I13006" t="s">
        <v>15</v>
      </c>
      <c r="J13006" s="10">
        <v>31.845358740000002</v>
      </c>
    </row>
    <row r="13007" spans="1:10" x14ac:dyDescent="0.35">
      <c r="A13007" t="s">
        <v>26</v>
      </c>
      <c r="B13007" t="s">
        <v>80</v>
      </c>
      <c r="C13007" t="s">
        <v>117</v>
      </c>
      <c r="D13007" t="s">
        <v>118</v>
      </c>
      <c r="E13007">
        <v>2014</v>
      </c>
      <c r="F13007">
        <v>2014</v>
      </c>
      <c r="G13007" t="s">
        <v>125</v>
      </c>
      <c r="H13007" t="s">
        <v>122</v>
      </c>
      <c r="I13007" t="s">
        <v>15</v>
      </c>
      <c r="J13007" s="10">
        <v>20.310599920000001</v>
      </c>
    </row>
    <row r="13008" spans="1:10" x14ac:dyDescent="0.35">
      <c r="A13008" t="s">
        <v>26</v>
      </c>
      <c r="B13008" t="s">
        <v>80</v>
      </c>
      <c r="C13008" t="s">
        <v>117</v>
      </c>
      <c r="D13008" t="s">
        <v>118</v>
      </c>
      <c r="E13008">
        <v>2014</v>
      </c>
      <c r="F13008">
        <v>2014</v>
      </c>
      <c r="G13008" t="s">
        <v>125</v>
      </c>
      <c r="H13008" t="s">
        <v>123</v>
      </c>
      <c r="I13008" t="s">
        <v>15</v>
      </c>
      <c r="J13008" s="10">
        <v>16.29256182</v>
      </c>
    </row>
    <row r="13009" spans="1:10" x14ac:dyDescent="0.35">
      <c r="A13009" t="s">
        <v>26</v>
      </c>
      <c r="B13009" t="s">
        <v>80</v>
      </c>
      <c r="C13009" t="s">
        <v>117</v>
      </c>
      <c r="D13009" t="s">
        <v>118</v>
      </c>
      <c r="E13009">
        <v>2014</v>
      </c>
      <c r="F13009">
        <v>2014</v>
      </c>
      <c r="G13009" t="s">
        <v>125</v>
      </c>
      <c r="H13009" t="s">
        <v>124</v>
      </c>
      <c r="I13009" t="s">
        <v>15</v>
      </c>
      <c r="J13009" s="10">
        <v>1.6239359550000001</v>
      </c>
    </row>
    <row r="13010" spans="1:10" x14ac:dyDescent="0.35">
      <c r="A13010" t="s">
        <v>26</v>
      </c>
      <c r="B13010" t="s">
        <v>80</v>
      </c>
      <c r="C13010" t="s">
        <v>117</v>
      </c>
      <c r="D13010" t="s">
        <v>118</v>
      </c>
      <c r="E13010">
        <v>2014</v>
      </c>
      <c r="F13010">
        <v>2014</v>
      </c>
      <c r="G13010" t="s">
        <v>126</v>
      </c>
      <c r="H13010" t="s">
        <v>119</v>
      </c>
      <c r="I13010" t="s">
        <v>15</v>
      </c>
      <c r="J13010" s="10">
        <v>16.686873689999999</v>
      </c>
    </row>
    <row r="13011" spans="1:10" x14ac:dyDescent="0.35">
      <c r="A13011" t="s">
        <v>26</v>
      </c>
      <c r="B13011" t="s">
        <v>80</v>
      </c>
      <c r="C13011" t="s">
        <v>117</v>
      </c>
      <c r="D13011" t="s">
        <v>118</v>
      </c>
      <c r="E13011">
        <v>2014</v>
      </c>
      <c r="F13011">
        <v>2014</v>
      </c>
      <c r="G13011" t="s">
        <v>126</v>
      </c>
      <c r="H13011" t="s">
        <v>120</v>
      </c>
      <c r="I13011" t="s">
        <v>15</v>
      </c>
      <c r="J13011" s="10">
        <v>9.7958678710000004</v>
      </c>
    </row>
    <row r="13012" spans="1:10" x14ac:dyDescent="0.35">
      <c r="A13012" t="s">
        <v>26</v>
      </c>
      <c r="B13012" t="s">
        <v>80</v>
      </c>
      <c r="C13012" t="s">
        <v>117</v>
      </c>
      <c r="D13012" t="s">
        <v>118</v>
      </c>
      <c r="E13012">
        <v>2014</v>
      </c>
      <c r="F13012">
        <v>2014</v>
      </c>
      <c r="G13012" t="s">
        <v>126</v>
      </c>
      <c r="H13012" t="s">
        <v>121</v>
      </c>
      <c r="I13012" t="s">
        <v>15</v>
      </c>
      <c r="J13012" s="10">
        <v>31.51057776</v>
      </c>
    </row>
    <row r="13013" spans="1:10" x14ac:dyDescent="0.35">
      <c r="A13013" t="s">
        <v>26</v>
      </c>
      <c r="B13013" t="s">
        <v>80</v>
      </c>
      <c r="C13013" t="s">
        <v>117</v>
      </c>
      <c r="D13013" t="s">
        <v>118</v>
      </c>
      <c r="E13013">
        <v>2014</v>
      </c>
      <c r="F13013">
        <v>2014</v>
      </c>
      <c r="G13013" t="s">
        <v>126</v>
      </c>
      <c r="H13013" t="s">
        <v>122</v>
      </c>
      <c r="I13013" t="s">
        <v>15</v>
      </c>
      <c r="J13013" s="10">
        <v>20.680440430000001</v>
      </c>
    </row>
    <row r="13014" spans="1:10" x14ac:dyDescent="0.35">
      <c r="A13014" t="s">
        <v>26</v>
      </c>
      <c r="B13014" t="s">
        <v>80</v>
      </c>
      <c r="C13014" t="s">
        <v>117</v>
      </c>
      <c r="D13014" t="s">
        <v>118</v>
      </c>
      <c r="E13014">
        <v>2014</v>
      </c>
      <c r="F13014">
        <v>2014</v>
      </c>
      <c r="G13014" t="s">
        <v>126</v>
      </c>
      <c r="H13014" t="s">
        <v>123</v>
      </c>
      <c r="I13014" t="s">
        <v>15</v>
      </c>
      <c r="J13014" s="10">
        <v>18.40158357</v>
      </c>
    </row>
    <row r="13015" spans="1:10" x14ac:dyDescent="0.35">
      <c r="A13015" t="s">
        <v>26</v>
      </c>
      <c r="B13015" t="s">
        <v>80</v>
      </c>
      <c r="C13015" t="s">
        <v>117</v>
      </c>
      <c r="D13015" t="s">
        <v>118</v>
      </c>
      <c r="E13015">
        <v>2014</v>
      </c>
      <c r="F13015">
        <v>2014</v>
      </c>
      <c r="G13015" t="s">
        <v>126</v>
      </c>
      <c r="H13015" t="s">
        <v>124</v>
      </c>
      <c r="I13015" t="s">
        <v>15</v>
      </c>
      <c r="J13015" s="10">
        <v>2.9246566870000001</v>
      </c>
    </row>
    <row r="13016" spans="1:10" x14ac:dyDescent="0.35">
      <c r="A13016" t="s">
        <v>26</v>
      </c>
      <c r="B13016" t="s">
        <v>80</v>
      </c>
      <c r="C13016" t="s">
        <v>117</v>
      </c>
      <c r="D13016" t="s">
        <v>118</v>
      </c>
      <c r="E13016">
        <v>2013</v>
      </c>
      <c r="F13016">
        <v>2013</v>
      </c>
      <c r="G13016" t="s">
        <v>14</v>
      </c>
      <c r="H13016" t="s">
        <v>119</v>
      </c>
      <c r="I13016" t="s">
        <v>15</v>
      </c>
      <c r="J13016" s="10">
        <v>17.67197496</v>
      </c>
    </row>
    <row r="13017" spans="1:10" x14ac:dyDescent="0.35">
      <c r="A13017" t="s">
        <v>26</v>
      </c>
      <c r="B13017" t="s">
        <v>80</v>
      </c>
      <c r="C13017" t="s">
        <v>117</v>
      </c>
      <c r="D13017" t="s">
        <v>118</v>
      </c>
      <c r="E13017">
        <v>2013</v>
      </c>
      <c r="F13017">
        <v>2013</v>
      </c>
      <c r="G13017" t="s">
        <v>14</v>
      </c>
      <c r="H13017" t="s">
        <v>120</v>
      </c>
      <c r="I13017" t="s">
        <v>15</v>
      </c>
      <c r="J13017" s="10">
        <v>10.63083672</v>
      </c>
    </row>
    <row r="13018" spans="1:10" x14ac:dyDescent="0.35">
      <c r="A13018" t="s">
        <v>26</v>
      </c>
      <c r="B13018" t="s">
        <v>80</v>
      </c>
      <c r="C13018" t="s">
        <v>117</v>
      </c>
      <c r="D13018" t="s">
        <v>118</v>
      </c>
      <c r="E13018">
        <v>2013</v>
      </c>
      <c r="F13018">
        <v>2013</v>
      </c>
      <c r="G13018" t="s">
        <v>14</v>
      </c>
      <c r="H13018" t="s">
        <v>121</v>
      </c>
      <c r="I13018" t="s">
        <v>15</v>
      </c>
      <c r="J13018" s="10">
        <v>32.292203469999997</v>
      </c>
    </row>
    <row r="13019" spans="1:10" x14ac:dyDescent="0.35">
      <c r="A13019" t="s">
        <v>26</v>
      </c>
      <c r="B13019" t="s">
        <v>80</v>
      </c>
      <c r="C13019" t="s">
        <v>117</v>
      </c>
      <c r="D13019" t="s">
        <v>118</v>
      </c>
      <c r="E13019">
        <v>2013</v>
      </c>
      <c r="F13019">
        <v>2013</v>
      </c>
      <c r="G13019" t="s">
        <v>14</v>
      </c>
      <c r="H13019" t="s">
        <v>122</v>
      </c>
      <c r="I13019" t="s">
        <v>15</v>
      </c>
      <c r="J13019" s="10">
        <v>20.249871169999999</v>
      </c>
    </row>
    <row r="13020" spans="1:10" x14ac:dyDescent="0.35">
      <c r="A13020" t="s">
        <v>26</v>
      </c>
      <c r="B13020" t="s">
        <v>80</v>
      </c>
      <c r="C13020" t="s">
        <v>117</v>
      </c>
      <c r="D13020" t="s">
        <v>118</v>
      </c>
      <c r="E13020">
        <v>2013</v>
      </c>
      <c r="F13020">
        <v>2013</v>
      </c>
      <c r="G13020" t="s">
        <v>14</v>
      </c>
      <c r="H13020" t="s">
        <v>123</v>
      </c>
      <c r="I13020" t="s">
        <v>15</v>
      </c>
      <c r="J13020" s="10">
        <v>16.979424590000001</v>
      </c>
    </row>
    <row r="13021" spans="1:10" x14ac:dyDescent="0.35">
      <c r="A13021" t="s">
        <v>26</v>
      </c>
      <c r="B13021" t="s">
        <v>80</v>
      </c>
      <c r="C13021" t="s">
        <v>117</v>
      </c>
      <c r="D13021" t="s">
        <v>118</v>
      </c>
      <c r="E13021">
        <v>2013</v>
      </c>
      <c r="F13021">
        <v>2013</v>
      </c>
      <c r="G13021" t="s">
        <v>14</v>
      </c>
      <c r="H13021" t="s">
        <v>124</v>
      </c>
      <c r="I13021" t="s">
        <v>15</v>
      </c>
      <c r="J13021" s="10">
        <v>2.175689094</v>
      </c>
    </row>
    <row r="13022" spans="1:10" x14ac:dyDescent="0.35">
      <c r="A13022" t="s">
        <v>26</v>
      </c>
      <c r="B13022" t="s">
        <v>80</v>
      </c>
      <c r="C13022" t="s">
        <v>117</v>
      </c>
      <c r="D13022" t="s">
        <v>118</v>
      </c>
      <c r="E13022">
        <v>2013</v>
      </c>
      <c r="F13022">
        <v>2013</v>
      </c>
      <c r="G13022" t="s">
        <v>125</v>
      </c>
      <c r="H13022" t="s">
        <v>119</v>
      </c>
      <c r="I13022" t="s">
        <v>15</v>
      </c>
      <c r="J13022" s="10">
        <v>18.525376009999999</v>
      </c>
    </row>
    <row r="13023" spans="1:10" x14ac:dyDescent="0.35">
      <c r="A13023" t="s">
        <v>26</v>
      </c>
      <c r="B13023" t="s">
        <v>80</v>
      </c>
      <c r="C13023" t="s">
        <v>117</v>
      </c>
      <c r="D13023" t="s">
        <v>118</v>
      </c>
      <c r="E13023">
        <v>2013</v>
      </c>
      <c r="F13023">
        <v>2013</v>
      </c>
      <c r="G13023" t="s">
        <v>125</v>
      </c>
      <c r="H13023" t="s">
        <v>120</v>
      </c>
      <c r="I13023" t="s">
        <v>15</v>
      </c>
      <c r="J13023" s="10">
        <v>11.45407969</v>
      </c>
    </row>
    <row r="13024" spans="1:10" x14ac:dyDescent="0.35">
      <c r="A13024" t="s">
        <v>26</v>
      </c>
      <c r="B13024" t="s">
        <v>80</v>
      </c>
      <c r="C13024" t="s">
        <v>117</v>
      </c>
      <c r="D13024" t="s">
        <v>118</v>
      </c>
      <c r="E13024">
        <v>2013</v>
      </c>
      <c r="F13024">
        <v>2013</v>
      </c>
      <c r="G13024" t="s">
        <v>125</v>
      </c>
      <c r="H13024" t="s">
        <v>121</v>
      </c>
      <c r="I13024" t="s">
        <v>15</v>
      </c>
      <c r="J13024" s="10">
        <v>32.667968649999999</v>
      </c>
    </row>
    <row r="13025" spans="1:10" x14ac:dyDescent="0.35">
      <c r="A13025" t="s">
        <v>26</v>
      </c>
      <c r="B13025" t="s">
        <v>80</v>
      </c>
      <c r="C13025" t="s">
        <v>117</v>
      </c>
      <c r="D13025" t="s">
        <v>118</v>
      </c>
      <c r="E13025">
        <v>2013</v>
      </c>
      <c r="F13025">
        <v>2013</v>
      </c>
      <c r="G13025" t="s">
        <v>125</v>
      </c>
      <c r="H13025" t="s">
        <v>122</v>
      </c>
      <c r="I13025" t="s">
        <v>15</v>
      </c>
      <c r="J13025" s="10">
        <v>19.96347681</v>
      </c>
    </row>
    <row r="13026" spans="1:10" x14ac:dyDescent="0.35">
      <c r="A13026" t="s">
        <v>26</v>
      </c>
      <c r="B13026" t="s">
        <v>80</v>
      </c>
      <c r="C13026" t="s">
        <v>117</v>
      </c>
      <c r="D13026" t="s">
        <v>118</v>
      </c>
      <c r="E13026">
        <v>2013</v>
      </c>
      <c r="F13026">
        <v>2013</v>
      </c>
      <c r="G13026" t="s">
        <v>125</v>
      </c>
      <c r="H13026" t="s">
        <v>123</v>
      </c>
      <c r="I13026" t="s">
        <v>15</v>
      </c>
      <c r="J13026" s="10">
        <v>15.85461739</v>
      </c>
    </row>
    <row r="13027" spans="1:10" x14ac:dyDescent="0.35">
      <c r="A13027" t="s">
        <v>26</v>
      </c>
      <c r="B13027" t="s">
        <v>80</v>
      </c>
      <c r="C13027" t="s">
        <v>117</v>
      </c>
      <c r="D13027" t="s">
        <v>118</v>
      </c>
      <c r="E13027">
        <v>2013</v>
      </c>
      <c r="F13027">
        <v>2013</v>
      </c>
      <c r="G13027" t="s">
        <v>125</v>
      </c>
      <c r="H13027" t="s">
        <v>124</v>
      </c>
      <c r="I13027" t="s">
        <v>15</v>
      </c>
      <c r="J13027" s="10">
        <v>1.5344814470000001</v>
      </c>
    </row>
    <row r="13028" spans="1:10" x14ac:dyDescent="0.35">
      <c r="A13028" t="s">
        <v>26</v>
      </c>
      <c r="B13028" t="s">
        <v>80</v>
      </c>
      <c r="C13028" t="s">
        <v>117</v>
      </c>
      <c r="D13028" t="s">
        <v>118</v>
      </c>
      <c r="E13028">
        <v>2013</v>
      </c>
      <c r="F13028">
        <v>2013</v>
      </c>
      <c r="G13028" t="s">
        <v>126</v>
      </c>
      <c r="H13028" t="s">
        <v>119</v>
      </c>
      <c r="I13028" t="s">
        <v>15</v>
      </c>
      <c r="J13028" s="10">
        <v>16.83360742</v>
      </c>
    </row>
    <row r="13029" spans="1:10" x14ac:dyDescent="0.35">
      <c r="A13029" t="s">
        <v>26</v>
      </c>
      <c r="B13029" t="s">
        <v>80</v>
      </c>
      <c r="C13029" t="s">
        <v>117</v>
      </c>
      <c r="D13029" t="s">
        <v>118</v>
      </c>
      <c r="E13029">
        <v>2013</v>
      </c>
      <c r="F13029">
        <v>2013</v>
      </c>
      <c r="G13029" t="s">
        <v>126</v>
      </c>
      <c r="H13029" t="s">
        <v>120</v>
      </c>
      <c r="I13029" t="s">
        <v>15</v>
      </c>
      <c r="J13029" s="10">
        <v>9.8220959780000001</v>
      </c>
    </row>
    <row r="13030" spans="1:10" x14ac:dyDescent="0.35">
      <c r="A13030" t="s">
        <v>26</v>
      </c>
      <c r="B13030" t="s">
        <v>80</v>
      </c>
      <c r="C13030" t="s">
        <v>117</v>
      </c>
      <c r="D13030" t="s">
        <v>118</v>
      </c>
      <c r="E13030">
        <v>2013</v>
      </c>
      <c r="F13030">
        <v>2013</v>
      </c>
      <c r="G13030" t="s">
        <v>126</v>
      </c>
      <c r="H13030" t="s">
        <v>121</v>
      </c>
      <c r="I13030" t="s">
        <v>15</v>
      </c>
      <c r="J13030" s="10">
        <v>31.923057759999999</v>
      </c>
    </row>
    <row r="13031" spans="1:10" x14ac:dyDescent="0.35">
      <c r="A13031" t="s">
        <v>26</v>
      </c>
      <c r="B13031" t="s">
        <v>80</v>
      </c>
      <c r="C13031" t="s">
        <v>117</v>
      </c>
      <c r="D13031" t="s">
        <v>118</v>
      </c>
      <c r="E13031">
        <v>2013</v>
      </c>
      <c r="F13031">
        <v>2013</v>
      </c>
      <c r="G13031" t="s">
        <v>126</v>
      </c>
      <c r="H13031" t="s">
        <v>122</v>
      </c>
      <c r="I13031" t="s">
        <v>15</v>
      </c>
      <c r="J13031" s="10">
        <v>20.53122041</v>
      </c>
    </row>
    <row r="13032" spans="1:10" x14ac:dyDescent="0.35">
      <c r="A13032" t="s">
        <v>26</v>
      </c>
      <c r="B13032" t="s">
        <v>80</v>
      </c>
      <c r="C13032" t="s">
        <v>117</v>
      </c>
      <c r="D13032" t="s">
        <v>118</v>
      </c>
      <c r="E13032">
        <v>2013</v>
      </c>
      <c r="F13032">
        <v>2013</v>
      </c>
      <c r="G13032" t="s">
        <v>126</v>
      </c>
      <c r="H13032" t="s">
        <v>123</v>
      </c>
      <c r="I13032" t="s">
        <v>15</v>
      </c>
      <c r="J13032" s="10">
        <v>18.084417200000001</v>
      </c>
    </row>
    <row r="13033" spans="1:10" x14ac:dyDescent="0.35">
      <c r="A13033" t="s">
        <v>26</v>
      </c>
      <c r="B13033" t="s">
        <v>80</v>
      </c>
      <c r="C13033" t="s">
        <v>117</v>
      </c>
      <c r="D13033" t="s">
        <v>118</v>
      </c>
      <c r="E13033">
        <v>2013</v>
      </c>
      <c r="F13033">
        <v>2013</v>
      </c>
      <c r="G13033" t="s">
        <v>126</v>
      </c>
      <c r="H13033" t="s">
        <v>124</v>
      </c>
      <c r="I13033" t="s">
        <v>15</v>
      </c>
      <c r="J13033" s="10">
        <v>2.8056012360000002</v>
      </c>
    </row>
    <row r="13034" spans="1:10" x14ac:dyDescent="0.35">
      <c r="A13034" t="s">
        <v>26</v>
      </c>
      <c r="B13034" t="s">
        <v>80</v>
      </c>
      <c r="C13034" t="s">
        <v>117</v>
      </c>
      <c r="D13034" t="s">
        <v>118</v>
      </c>
      <c r="E13034">
        <v>2012</v>
      </c>
      <c r="F13034">
        <v>2012</v>
      </c>
      <c r="G13034" t="s">
        <v>14</v>
      </c>
      <c r="H13034" t="s">
        <v>119</v>
      </c>
      <c r="I13034" t="s">
        <v>15</v>
      </c>
      <c r="J13034" s="10">
        <v>18.06095316</v>
      </c>
    </row>
    <row r="13035" spans="1:10" x14ac:dyDescent="0.35">
      <c r="A13035" t="s">
        <v>26</v>
      </c>
      <c r="B13035" t="s">
        <v>80</v>
      </c>
      <c r="C13035" t="s">
        <v>117</v>
      </c>
      <c r="D13035" t="s">
        <v>118</v>
      </c>
      <c r="E13035">
        <v>2012</v>
      </c>
      <c r="F13035">
        <v>2012</v>
      </c>
      <c r="G13035" t="s">
        <v>14</v>
      </c>
      <c r="H13035" t="s">
        <v>120</v>
      </c>
      <c r="I13035" t="s">
        <v>15</v>
      </c>
      <c r="J13035" s="10">
        <v>10.523624460000001</v>
      </c>
    </row>
    <row r="13036" spans="1:10" x14ac:dyDescent="0.35">
      <c r="A13036" t="s">
        <v>26</v>
      </c>
      <c r="B13036" t="s">
        <v>80</v>
      </c>
      <c r="C13036" t="s">
        <v>117</v>
      </c>
      <c r="D13036" t="s">
        <v>118</v>
      </c>
      <c r="E13036">
        <v>2012</v>
      </c>
      <c r="F13036">
        <v>2012</v>
      </c>
      <c r="G13036" t="s">
        <v>14</v>
      </c>
      <c r="H13036" t="s">
        <v>121</v>
      </c>
      <c r="I13036" t="s">
        <v>15</v>
      </c>
      <c r="J13036" s="10">
        <v>32.235631009999999</v>
      </c>
    </row>
    <row r="13037" spans="1:10" x14ac:dyDescent="0.35">
      <c r="A13037" t="s">
        <v>26</v>
      </c>
      <c r="B13037" t="s">
        <v>80</v>
      </c>
      <c r="C13037" t="s">
        <v>117</v>
      </c>
      <c r="D13037" t="s">
        <v>118</v>
      </c>
      <c r="E13037">
        <v>2012</v>
      </c>
      <c r="F13037">
        <v>2012</v>
      </c>
      <c r="G13037" t="s">
        <v>14</v>
      </c>
      <c r="H13037" t="s">
        <v>122</v>
      </c>
      <c r="I13037" t="s">
        <v>15</v>
      </c>
      <c r="J13037" s="10">
        <v>20.299396600000001</v>
      </c>
    </row>
    <row r="13038" spans="1:10" x14ac:dyDescent="0.35">
      <c r="A13038" t="s">
        <v>26</v>
      </c>
      <c r="B13038" t="s">
        <v>80</v>
      </c>
      <c r="C13038" t="s">
        <v>117</v>
      </c>
      <c r="D13038" t="s">
        <v>118</v>
      </c>
      <c r="E13038">
        <v>2012</v>
      </c>
      <c r="F13038">
        <v>2012</v>
      </c>
      <c r="G13038" t="s">
        <v>14</v>
      </c>
      <c r="H13038" t="s">
        <v>123</v>
      </c>
      <c r="I13038" t="s">
        <v>15</v>
      </c>
      <c r="J13038" s="10">
        <v>16.7774596</v>
      </c>
    </row>
    <row r="13039" spans="1:10" x14ac:dyDescent="0.35">
      <c r="A13039" t="s">
        <v>26</v>
      </c>
      <c r="B13039" t="s">
        <v>80</v>
      </c>
      <c r="C13039" t="s">
        <v>117</v>
      </c>
      <c r="D13039" t="s">
        <v>118</v>
      </c>
      <c r="E13039">
        <v>2012</v>
      </c>
      <c r="F13039">
        <v>2012</v>
      </c>
      <c r="G13039" t="s">
        <v>14</v>
      </c>
      <c r="H13039" t="s">
        <v>124</v>
      </c>
      <c r="I13039" t="s">
        <v>15</v>
      </c>
      <c r="J13039" s="10">
        <v>2.102935161</v>
      </c>
    </row>
    <row r="13040" spans="1:10" x14ac:dyDescent="0.35">
      <c r="A13040" t="s">
        <v>26</v>
      </c>
      <c r="B13040" t="s">
        <v>80</v>
      </c>
      <c r="C13040" t="s">
        <v>117</v>
      </c>
      <c r="D13040" t="s">
        <v>118</v>
      </c>
      <c r="E13040">
        <v>2012</v>
      </c>
      <c r="F13040">
        <v>2012</v>
      </c>
      <c r="G13040" t="s">
        <v>125</v>
      </c>
      <c r="H13040" t="s">
        <v>119</v>
      </c>
      <c r="I13040" t="s">
        <v>15</v>
      </c>
      <c r="J13040" s="10">
        <v>19.01408451</v>
      </c>
    </row>
    <row r="13041" spans="1:10" x14ac:dyDescent="0.35">
      <c r="A13041" t="s">
        <v>26</v>
      </c>
      <c r="B13041" t="s">
        <v>80</v>
      </c>
      <c r="C13041" t="s">
        <v>117</v>
      </c>
      <c r="D13041" t="s">
        <v>118</v>
      </c>
      <c r="E13041">
        <v>2012</v>
      </c>
      <c r="F13041">
        <v>2012</v>
      </c>
      <c r="G13041" t="s">
        <v>125</v>
      </c>
      <c r="H13041" t="s">
        <v>120</v>
      </c>
      <c r="I13041" t="s">
        <v>15</v>
      </c>
      <c r="J13041" s="10">
        <v>11.361155869999999</v>
      </c>
    </row>
    <row r="13042" spans="1:10" x14ac:dyDescent="0.35">
      <c r="A13042" t="s">
        <v>26</v>
      </c>
      <c r="B13042" t="s">
        <v>80</v>
      </c>
      <c r="C13042" t="s">
        <v>117</v>
      </c>
      <c r="D13042" t="s">
        <v>118</v>
      </c>
      <c r="E13042">
        <v>2012</v>
      </c>
      <c r="F13042">
        <v>2012</v>
      </c>
      <c r="G13042" t="s">
        <v>125</v>
      </c>
      <c r="H13042" t="s">
        <v>121</v>
      </c>
      <c r="I13042" t="s">
        <v>15</v>
      </c>
      <c r="J13042" s="10">
        <v>32.274829789999998</v>
      </c>
    </row>
    <row r="13043" spans="1:10" x14ac:dyDescent="0.35">
      <c r="A13043" t="s">
        <v>26</v>
      </c>
      <c r="B13043" t="s">
        <v>80</v>
      </c>
      <c r="C13043" t="s">
        <v>117</v>
      </c>
      <c r="D13043" t="s">
        <v>118</v>
      </c>
      <c r="E13043">
        <v>2012</v>
      </c>
      <c r="F13043">
        <v>2012</v>
      </c>
      <c r="G13043" t="s">
        <v>125</v>
      </c>
      <c r="H13043" t="s">
        <v>122</v>
      </c>
      <c r="I13043" t="s">
        <v>15</v>
      </c>
      <c r="J13043" s="10">
        <v>20.27181539</v>
      </c>
    </row>
    <row r="13044" spans="1:10" x14ac:dyDescent="0.35">
      <c r="A13044" t="s">
        <v>26</v>
      </c>
      <c r="B13044" t="s">
        <v>80</v>
      </c>
      <c r="C13044" t="s">
        <v>117</v>
      </c>
      <c r="D13044" t="s">
        <v>118</v>
      </c>
      <c r="E13044">
        <v>2012</v>
      </c>
      <c r="F13044">
        <v>2012</v>
      </c>
      <c r="G13044" t="s">
        <v>125</v>
      </c>
      <c r="H13044" t="s">
        <v>123</v>
      </c>
      <c r="I13044" t="s">
        <v>15</v>
      </c>
      <c r="J13044" s="10">
        <v>15.63848033</v>
      </c>
    </row>
    <row r="13045" spans="1:10" x14ac:dyDescent="0.35">
      <c r="A13045" t="s">
        <v>26</v>
      </c>
      <c r="B13045" t="s">
        <v>80</v>
      </c>
      <c r="C13045" t="s">
        <v>117</v>
      </c>
      <c r="D13045" t="s">
        <v>118</v>
      </c>
      <c r="E13045">
        <v>2012</v>
      </c>
      <c r="F13045">
        <v>2012</v>
      </c>
      <c r="G13045" t="s">
        <v>125</v>
      </c>
      <c r="H13045" t="s">
        <v>124</v>
      </c>
      <c r="I13045" t="s">
        <v>15</v>
      </c>
      <c r="J13045" s="10">
        <v>1.439634115</v>
      </c>
    </row>
    <row r="13046" spans="1:10" x14ac:dyDescent="0.35">
      <c r="A13046" t="s">
        <v>26</v>
      </c>
      <c r="B13046" t="s">
        <v>80</v>
      </c>
      <c r="C13046" t="s">
        <v>117</v>
      </c>
      <c r="D13046" t="s">
        <v>118</v>
      </c>
      <c r="E13046">
        <v>2012</v>
      </c>
      <c r="F13046">
        <v>2012</v>
      </c>
      <c r="G13046" t="s">
        <v>126</v>
      </c>
      <c r="H13046" t="s">
        <v>119</v>
      </c>
      <c r="I13046" t="s">
        <v>15</v>
      </c>
      <c r="J13046" s="10">
        <v>17.138040360000002</v>
      </c>
    </row>
    <row r="13047" spans="1:10" x14ac:dyDescent="0.35">
      <c r="A13047" t="s">
        <v>26</v>
      </c>
      <c r="B13047" t="s">
        <v>80</v>
      </c>
      <c r="C13047" t="s">
        <v>117</v>
      </c>
      <c r="D13047" t="s">
        <v>118</v>
      </c>
      <c r="E13047">
        <v>2012</v>
      </c>
      <c r="F13047">
        <v>2012</v>
      </c>
      <c r="G13047" t="s">
        <v>126</v>
      </c>
      <c r="H13047" t="s">
        <v>120</v>
      </c>
      <c r="I13047" t="s">
        <v>15</v>
      </c>
      <c r="J13047" s="10">
        <v>9.7126465700000004</v>
      </c>
    </row>
    <row r="13048" spans="1:10" x14ac:dyDescent="0.35">
      <c r="A13048" t="s">
        <v>26</v>
      </c>
      <c r="B13048" t="s">
        <v>80</v>
      </c>
      <c r="C13048" t="s">
        <v>117</v>
      </c>
      <c r="D13048" t="s">
        <v>118</v>
      </c>
      <c r="E13048">
        <v>2012</v>
      </c>
      <c r="F13048">
        <v>2012</v>
      </c>
      <c r="G13048" t="s">
        <v>126</v>
      </c>
      <c r="H13048" t="s">
        <v>121</v>
      </c>
      <c r="I13048" t="s">
        <v>15</v>
      </c>
      <c r="J13048" s="10">
        <v>32.197674999999997</v>
      </c>
    </row>
    <row r="13049" spans="1:10" x14ac:dyDescent="0.35">
      <c r="A13049" t="s">
        <v>26</v>
      </c>
      <c r="B13049" t="s">
        <v>80</v>
      </c>
      <c r="C13049" t="s">
        <v>117</v>
      </c>
      <c r="D13049" t="s">
        <v>118</v>
      </c>
      <c r="E13049">
        <v>2012</v>
      </c>
      <c r="F13049">
        <v>2012</v>
      </c>
      <c r="G13049" t="s">
        <v>126</v>
      </c>
      <c r="H13049" t="s">
        <v>122</v>
      </c>
      <c r="I13049" t="s">
        <v>15</v>
      </c>
      <c r="J13049" s="10">
        <v>20.326103369999998</v>
      </c>
    </row>
    <row r="13050" spans="1:10" x14ac:dyDescent="0.35">
      <c r="A13050" t="s">
        <v>26</v>
      </c>
      <c r="B13050" t="s">
        <v>80</v>
      </c>
      <c r="C13050" t="s">
        <v>117</v>
      </c>
      <c r="D13050" t="s">
        <v>118</v>
      </c>
      <c r="E13050">
        <v>2012</v>
      </c>
      <c r="F13050">
        <v>2012</v>
      </c>
      <c r="G13050" t="s">
        <v>126</v>
      </c>
      <c r="H13050" t="s">
        <v>123</v>
      </c>
      <c r="I13050" t="s">
        <v>15</v>
      </c>
      <c r="J13050" s="10">
        <v>17.880328120000001</v>
      </c>
    </row>
    <row r="13051" spans="1:10" x14ac:dyDescent="0.35">
      <c r="A13051" t="s">
        <v>26</v>
      </c>
      <c r="B13051" t="s">
        <v>80</v>
      </c>
      <c r="C13051" t="s">
        <v>117</v>
      </c>
      <c r="D13051" t="s">
        <v>118</v>
      </c>
      <c r="E13051">
        <v>2012</v>
      </c>
      <c r="F13051">
        <v>2012</v>
      </c>
      <c r="G13051" t="s">
        <v>126</v>
      </c>
      <c r="H13051" t="s">
        <v>124</v>
      </c>
      <c r="I13051" t="s">
        <v>15</v>
      </c>
      <c r="J13051" s="10">
        <v>2.7452065819999998</v>
      </c>
    </row>
    <row r="13052" spans="1:10" x14ac:dyDescent="0.35">
      <c r="A13052" t="s">
        <v>26</v>
      </c>
      <c r="B13052" t="s">
        <v>80</v>
      </c>
      <c r="C13052" t="s">
        <v>117</v>
      </c>
      <c r="D13052" t="s">
        <v>118</v>
      </c>
      <c r="E13052">
        <v>2011</v>
      </c>
      <c r="F13052">
        <v>2011</v>
      </c>
      <c r="G13052" t="s">
        <v>14</v>
      </c>
      <c r="H13052" t="s">
        <v>119</v>
      </c>
      <c r="I13052" t="s">
        <v>15</v>
      </c>
      <c r="J13052" s="10">
        <v>18.158362990000001</v>
      </c>
    </row>
    <row r="13053" spans="1:10" x14ac:dyDescent="0.35">
      <c r="A13053" t="s">
        <v>26</v>
      </c>
      <c r="B13053" t="s">
        <v>80</v>
      </c>
      <c r="C13053" t="s">
        <v>117</v>
      </c>
      <c r="D13053" t="s">
        <v>118</v>
      </c>
      <c r="E13053">
        <v>2011</v>
      </c>
      <c r="F13053">
        <v>2011</v>
      </c>
      <c r="G13053" t="s">
        <v>14</v>
      </c>
      <c r="H13053" t="s">
        <v>120</v>
      </c>
      <c r="I13053" t="s">
        <v>15</v>
      </c>
      <c r="J13053" s="10">
        <v>10.620233860000001</v>
      </c>
    </row>
    <row r="13054" spans="1:10" x14ac:dyDescent="0.35">
      <c r="A13054" t="s">
        <v>26</v>
      </c>
      <c r="B13054" t="s">
        <v>80</v>
      </c>
      <c r="C13054" t="s">
        <v>117</v>
      </c>
      <c r="D13054" t="s">
        <v>118</v>
      </c>
      <c r="E13054">
        <v>2011</v>
      </c>
      <c r="F13054">
        <v>2011</v>
      </c>
      <c r="G13054" t="s">
        <v>14</v>
      </c>
      <c r="H13054" t="s">
        <v>121</v>
      </c>
      <c r="I13054" t="s">
        <v>15</v>
      </c>
      <c r="J13054" s="10">
        <v>32.830452469999997</v>
      </c>
    </row>
    <row r="13055" spans="1:10" x14ac:dyDescent="0.35">
      <c r="A13055" t="s">
        <v>26</v>
      </c>
      <c r="B13055" t="s">
        <v>80</v>
      </c>
      <c r="C13055" t="s">
        <v>117</v>
      </c>
      <c r="D13055" t="s">
        <v>118</v>
      </c>
      <c r="E13055">
        <v>2011</v>
      </c>
      <c r="F13055">
        <v>2011</v>
      </c>
      <c r="G13055" t="s">
        <v>14</v>
      </c>
      <c r="H13055" t="s">
        <v>122</v>
      </c>
      <c r="I13055" t="s">
        <v>15</v>
      </c>
      <c r="J13055" s="10">
        <v>20.25292323</v>
      </c>
    </row>
    <row r="13056" spans="1:10" x14ac:dyDescent="0.35">
      <c r="A13056" t="s">
        <v>26</v>
      </c>
      <c r="B13056" t="s">
        <v>80</v>
      </c>
      <c r="C13056" t="s">
        <v>117</v>
      </c>
      <c r="D13056" t="s">
        <v>118</v>
      </c>
      <c r="E13056">
        <v>2011</v>
      </c>
      <c r="F13056">
        <v>2011</v>
      </c>
      <c r="G13056" t="s">
        <v>14</v>
      </c>
      <c r="H13056" t="s">
        <v>123</v>
      </c>
      <c r="I13056" t="s">
        <v>15</v>
      </c>
      <c r="J13056" s="10">
        <v>16.098118960000001</v>
      </c>
    </row>
    <row r="13057" spans="1:10" x14ac:dyDescent="0.35">
      <c r="A13057" t="s">
        <v>26</v>
      </c>
      <c r="B13057" t="s">
        <v>80</v>
      </c>
      <c r="C13057" t="s">
        <v>117</v>
      </c>
      <c r="D13057" t="s">
        <v>118</v>
      </c>
      <c r="E13057">
        <v>2011</v>
      </c>
      <c r="F13057">
        <v>2011</v>
      </c>
      <c r="G13057" t="s">
        <v>14</v>
      </c>
      <c r="H13057" t="s">
        <v>124</v>
      </c>
      <c r="I13057" t="s">
        <v>15</v>
      </c>
      <c r="J13057" s="10">
        <v>2.0399084900000002</v>
      </c>
    </row>
    <row r="13058" spans="1:10" x14ac:dyDescent="0.35">
      <c r="A13058" t="s">
        <v>26</v>
      </c>
      <c r="B13058" t="s">
        <v>80</v>
      </c>
      <c r="C13058" t="s">
        <v>117</v>
      </c>
      <c r="D13058" t="s">
        <v>118</v>
      </c>
      <c r="E13058">
        <v>2011</v>
      </c>
      <c r="F13058">
        <v>2011</v>
      </c>
      <c r="G13058" t="s">
        <v>125</v>
      </c>
      <c r="H13058" t="s">
        <v>119</v>
      </c>
      <c r="I13058" t="s">
        <v>15</v>
      </c>
      <c r="J13058" s="10">
        <v>18.982920249999999</v>
      </c>
    </row>
    <row r="13059" spans="1:10" x14ac:dyDescent="0.35">
      <c r="A13059" t="s">
        <v>26</v>
      </c>
      <c r="B13059" t="s">
        <v>80</v>
      </c>
      <c r="C13059" t="s">
        <v>117</v>
      </c>
      <c r="D13059" t="s">
        <v>118</v>
      </c>
      <c r="E13059">
        <v>2011</v>
      </c>
      <c r="F13059">
        <v>2011</v>
      </c>
      <c r="G13059" t="s">
        <v>125</v>
      </c>
      <c r="H13059" t="s">
        <v>120</v>
      </c>
      <c r="I13059" t="s">
        <v>15</v>
      </c>
      <c r="J13059" s="10">
        <v>11.496083219999999</v>
      </c>
    </row>
    <row r="13060" spans="1:10" x14ac:dyDescent="0.35">
      <c r="A13060" t="s">
        <v>26</v>
      </c>
      <c r="B13060" t="s">
        <v>80</v>
      </c>
      <c r="C13060" t="s">
        <v>117</v>
      </c>
      <c r="D13060" t="s">
        <v>118</v>
      </c>
      <c r="E13060">
        <v>2011</v>
      </c>
      <c r="F13060">
        <v>2011</v>
      </c>
      <c r="G13060" t="s">
        <v>125</v>
      </c>
      <c r="H13060" t="s">
        <v>121</v>
      </c>
      <c r="I13060" t="s">
        <v>15</v>
      </c>
      <c r="J13060" s="10">
        <v>33.162963910000002</v>
      </c>
    </row>
    <row r="13061" spans="1:10" x14ac:dyDescent="0.35">
      <c r="A13061" t="s">
        <v>26</v>
      </c>
      <c r="B13061" t="s">
        <v>80</v>
      </c>
      <c r="C13061" t="s">
        <v>117</v>
      </c>
      <c r="D13061" t="s">
        <v>118</v>
      </c>
      <c r="E13061">
        <v>2011</v>
      </c>
      <c r="F13061">
        <v>2011</v>
      </c>
      <c r="G13061" t="s">
        <v>125</v>
      </c>
      <c r="H13061" t="s">
        <v>122</v>
      </c>
      <c r="I13061" t="s">
        <v>15</v>
      </c>
      <c r="J13061" s="10">
        <v>20.05136766</v>
      </c>
    </row>
    <row r="13062" spans="1:10" x14ac:dyDescent="0.35">
      <c r="A13062" t="s">
        <v>26</v>
      </c>
      <c r="B13062" t="s">
        <v>80</v>
      </c>
      <c r="C13062" t="s">
        <v>117</v>
      </c>
      <c r="D13062" t="s">
        <v>118</v>
      </c>
      <c r="E13062">
        <v>2011</v>
      </c>
      <c r="F13062">
        <v>2011</v>
      </c>
      <c r="G13062" t="s">
        <v>125</v>
      </c>
      <c r="H13062" t="s">
        <v>123</v>
      </c>
      <c r="I13062" t="s">
        <v>15</v>
      </c>
      <c r="J13062" s="10">
        <v>14.92744317</v>
      </c>
    </row>
    <row r="13063" spans="1:10" x14ac:dyDescent="0.35">
      <c r="A13063" t="s">
        <v>26</v>
      </c>
      <c r="B13063" t="s">
        <v>80</v>
      </c>
      <c r="C13063" t="s">
        <v>117</v>
      </c>
      <c r="D13063" t="s">
        <v>118</v>
      </c>
      <c r="E13063">
        <v>2011</v>
      </c>
      <c r="F13063">
        <v>2011</v>
      </c>
      <c r="G13063" t="s">
        <v>125</v>
      </c>
      <c r="H13063" t="s">
        <v>124</v>
      </c>
      <c r="I13063" t="s">
        <v>15</v>
      </c>
      <c r="J13063" s="10">
        <v>1.37922178</v>
      </c>
    </row>
    <row r="13064" spans="1:10" x14ac:dyDescent="0.35">
      <c r="A13064" t="s">
        <v>26</v>
      </c>
      <c r="B13064" t="s">
        <v>80</v>
      </c>
      <c r="C13064" t="s">
        <v>117</v>
      </c>
      <c r="D13064" t="s">
        <v>118</v>
      </c>
      <c r="E13064">
        <v>2011</v>
      </c>
      <c r="F13064">
        <v>2011</v>
      </c>
      <c r="G13064" t="s">
        <v>126</v>
      </c>
      <c r="H13064" t="s">
        <v>119</v>
      </c>
      <c r="I13064" t="s">
        <v>15</v>
      </c>
      <c r="J13064" s="10">
        <v>17.350610140000001</v>
      </c>
    </row>
    <row r="13065" spans="1:10" x14ac:dyDescent="0.35">
      <c r="A13065" t="s">
        <v>26</v>
      </c>
      <c r="B13065" t="s">
        <v>80</v>
      </c>
      <c r="C13065" t="s">
        <v>117</v>
      </c>
      <c r="D13065" t="s">
        <v>118</v>
      </c>
      <c r="E13065">
        <v>2011</v>
      </c>
      <c r="F13065">
        <v>2011</v>
      </c>
      <c r="G13065" t="s">
        <v>126</v>
      </c>
      <c r="H13065" t="s">
        <v>120</v>
      </c>
      <c r="I13065" t="s">
        <v>15</v>
      </c>
      <c r="J13065" s="10">
        <v>9.762234243</v>
      </c>
    </row>
    <row r="13066" spans="1:10" x14ac:dyDescent="0.35">
      <c r="A13066" t="s">
        <v>26</v>
      </c>
      <c r="B13066" t="s">
        <v>80</v>
      </c>
      <c r="C13066" t="s">
        <v>117</v>
      </c>
      <c r="D13066" t="s">
        <v>118</v>
      </c>
      <c r="E13066">
        <v>2011</v>
      </c>
      <c r="F13066">
        <v>2011</v>
      </c>
      <c r="G13066" t="s">
        <v>126</v>
      </c>
      <c r="H13066" t="s">
        <v>121</v>
      </c>
      <c r="I13066" t="s">
        <v>15</v>
      </c>
      <c r="J13066" s="10">
        <v>32.504717569999997</v>
      </c>
    </row>
    <row r="13067" spans="1:10" x14ac:dyDescent="0.35">
      <c r="A13067" t="s">
        <v>26</v>
      </c>
      <c r="B13067" t="s">
        <v>80</v>
      </c>
      <c r="C13067" t="s">
        <v>117</v>
      </c>
      <c r="D13067" t="s">
        <v>118</v>
      </c>
      <c r="E13067">
        <v>2011</v>
      </c>
      <c r="F13067">
        <v>2011</v>
      </c>
      <c r="G13067" t="s">
        <v>126</v>
      </c>
      <c r="H13067" t="s">
        <v>122</v>
      </c>
      <c r="I13067" t="s">
        <v>15</v>
      </c>
      <c r="J13067" s="10">
        <v>20.45037112</v>
      </c>
    </row>
    <row r="13068" spans="1:10" x14ac:dyDescent="0.35">
      <c r="A13068" t="s">
        <v>26</v>
      </c>
      <c r="B13068" t="s">
        <v>80</v>
      </c>
      <c r="C13068" t="s">
        <v>117</v>
      </c>
      <c r="D13068" t="s">
        <v>118</v>
      </c>
      <c r="E13068">
        <v>2011</v>
      </c>
      <c r="F13068">
        <v>2011</v>
      </c>
      <c r="G13068" t="s">
        <v>126</v>
      </c>
      <c r="H13068" t="s">
        <v>123</v>
      </c>
      <c r="I13068" t="s">
        <v>15</v>
      </c>
      <c r="J13068" s="10">
        <v>17.244936469999999</v>
      </c>
    </row>
    <row r="13069" spans="1:10" x14ac:dyDescent="0.35">
      <c r="A13069" t="s">
        <v>26</v>
      </c>
      <c r="B13069" t="s">
        <v>80</v>
      </c>
      <c r="C13069" t="s">
        <v>117</v>
      </c>
      <c r="D13069" t="s">
        <v>118</v>
      </c>
      <c r="E13069">
        <v>2011</v>
      </c>
      <c r="F13069">
        <v>2011</v>
      </c>
      <c r="G13069" t="s">
        <v>126</v>
      </c>
      <c r="H13069" t="s">
        <v>124</v>
      </c>
      <c r="I13069" t="s">
        <v>15</v>
      </c>
      <c r="J13069" s="10">
        <v>2.6871304569999999</v>
      </c>
    </row>
    <row r="13070" spans="1:10" x14ac:dyDescent="0.35">
      <c r="A13070" t="s">
        <v>20</v>
      </c>
      <c r="B13070" t="s">
        <v>81</v>
      </c>
      <c r="C13070" t="s">
        <v>117</v>
      </c>
      <c r="D13070" t="s">
        <v>118</v>
      </c>
      <c r="E13070">
        <v>2020</v>
      </c>
      <c r="F13070">
        <v>2020</v>
      </c>
      <c r="G13070" t="s">
        <v>14</v>
      </c>
      <c r="H13070" t="s">
        <v>119</v>
      </c>
      <c r="I13070" t="s">
        <v>15</v>
      </c>
      <c r="J13070" s="10">
        <v>18.12002305</v>
      </c>
    </row>
    <row r="13071" spans="1:10" x14ac:dyDescent="0.35">
      <c r="A13071" t="s">
        <v>20</v>
      </c>
      <c r="B13071" t="s">
        <v>81</v>
      </c>
      <c r="C13071" t="s">
        <v>117</v>
      </c>
      <c r="D13071" t="s">
        <v>118</v>
      </c>
      <c r="E13071">
        <v>2020</v>
      </c>
      <c r="F13071">
        <v>2020</v>
      </c>
      <c r="G13071" t="s">
        <v>14</v>
      </c>
      <c r="H13071" t="s">
        <v>120</v>
      </c>
      <c r="I13071" t="s">
        <v>15</v>
      </c>
      <c r="J13071" s="10">
        <v>10.156904859999999</v>
      </c>
    </row>
    <row r="13072" spans="1:10" x14ac:dyDescent="0.35">
      <c r="A13072" t="s">
        <v>20</v>
      </c>
      <c r="B13072" t="s">
        <v>81</v>
      </c>
      <c r="C13072" t="s">
        <v>117</v>
      </c>
      <c r="D13072" t="s">
        <v>118</v>
      </c>
      <c r="E13072">
        <v>2020</v>
      </c>
      <c r="F13072">
        <v>2020</v>
      </c>
      <c r="G13072" t="s">
        <v>14</v>
      </c>
      <c r="H13072" t="s">
        <v>121</v>
      </c>
      <c r="I13072" t="s">
        <v>15</v>
      </c>
      <c r="J13072" s="10">
        <v>32.46673303</v>
      </c>
    </row>
    <row r="13073" spans="1:10" x14ac:dyDescent="0.35">
      <c r="A13073" t="s">
        <v>20</v>
      </c>
      <c r="B13073" t="s">
        <v>81</v>
      </c>
      <c r="C13073" t="s">
        <v>117</v>
      </c>
      <c r="D13073" t="s">
        <v>118</v>
      </c>
      <c r="E13073">
        <v>2020</v>
      </c>
      <c r="F13073">
        <v>2020</v>
      </c>
      <c r="G13073" t="s">
        <v>14</v>
      </c>
      <c r="H13073" t="s">
        <v>122</v>
      </c>
      <c r="I13073" t="s">
        <v>15</v>
      </c>
      <c r="J13073" s="10">
        <v>21.289553649999998</v>
      </c>
    </row>
    <row r="13074" spans="1:10" x14ac:dyDescent="0.35">
      <c r="A13074" t="s">
        <v>20</v>
      </c>
      <c r="B13074" t="s">
        <v>81</v>
      </c>
      <c r="C13074" t="s">
        <v>117</v>
      </c>
      <c r="D13074" t="s">
        <v>118</v>
      </c>
      <c r="E13074">
        <v>2020</v>
      </c>
      <c r="F13074">
        <v>2020</v>
      </c>
      <c r="G13074" t="s">
        <v>14</v>
      </c>
      <c r="H13074" t="s">
        <v>123</v>
      </c>
      <c r="I13074" t="s">
        <v>15</v>
      </c>
      <c r="J13074" s="10">
        <v>15.879086340000001</v>
      </c>
    </row>
    <row r="13075" spans="1:10" x14ac:dyDescent="0.35">
      <c r="A13075" t="s">
        <v>20</v>
      </c>
      <c r="B13075" t="s">
        <v>81</v>
      </c>
      <c r="C13075" t="s">
        <v>117</v>
      </c>
      <c r="D13075" t="s">
        <v>118</v>
      </c>
      <c r="E13075">
        <v>2020</v>
      </c>
      <c r="F13075">
        <v>2020</v>
      </c>
      <c r="G13075" t="s">
        <v>14</v>
      </c>
      <c r="H13075" t="s">
        <v>124</v>
      </c>
      <c r="I13075" t="s">
        <v>15</v>
      </c>
      <c r="J13075" s="10">
        <v>2.087699078</v>
      </c>
    </row>
    <row r="13076" spans="1:10" x14ac:dyDescent="0.35">
      <c r="A13076" t="s">
        <v>20</v>
      </c>
      <c r="B13076" t="s">
        <v>81</v>
      </c>
      <c r="C13076" t="s">
        <v>117</v>
      </c>
      <c r="D13076" t="s">
        <v>118</v>
      </c>
      <c r="E13076">
        <v>2020</v>
      </c>
      <c r="F13076">
        <v>2020</v>
      </c>
      <c r="G13076" t="s">
        <v>125</v>
      </c>
      <c r="H13076" t="s">
        <v>119</v>
      </c>
      <c r="I13076" t="s">
        <v>15</v>
      </c>
      <c r="J13076" s="10">
        <v>18.901010100000001</v>
      </c>
    </row>
    <row r="13077" spans="1:10" x14ac:dyDescent="0.35">
      <c r="A13077" t="s">
        <v>20</v>
      </c>
      <c r="B13077" t="s">
        <v>81</v>
      </c>
      <c r="C13077" t="s">
        <v>117</v>
      </c>
      <c r="D13077" t="s">
        <v>118</v>
      </c>
      <c r="E13077">
        <v>2020</v>
      </c>
      <c r="F13077">
        <v>2020</v>
      </c>
      <c r="G13077" t="s">
        <v>125</v>
      </c>
      <c r="H13077" t="s">
        <v>120</v>
      </c>
      <c r="I13077" t="s">
        <v>15</v>
      </c>
      <c r="J13077" s="10">
        <v>10.626262629999999</v>
      </c>
    </row>
    <row r="13078" spans="1:10" x14ac:dyDescent="0.35">
      <c r="A13078" t="s">
        <v>20</v>
      </c>
      <c r="B13078" t="s">
        <v>81</v>
      </c>
      <c r="C13078" t="s">
        <v>117</v>
      </c>
      <c r="D13078" t="s">
        <v>118</v>
      </c>
      <c r="E13078">
        <v>2020</v>
      </c>
      <c r="F13078">
        <v>2020</v>
      </c>
      <c r="G13078" t="s">
        <v>125</v>
      </c>
      <c r="H13078" t="s">
        <v>121</v>
      </c>
      <c r="I13078" t="s">
        <v>15</v>
      </c>
      <c r="J13078" s="10">
        <v>32.816161620000003</v>
      </c>
    </row>
    <row r="13079" spans="1:10" x14ac:dyDescent="0.35">
      <c r="A13079" t="s">
        <v>20</v>
      </c>
      <c r="B13079" t="s">
        <v>81</v>
      </c>
      <c r="C13079" t="s">
        <v>117</v>
      </c>
      <c r="D13079" t="s">
        <v>118</v>
      </c>
      <c r="E13079">
        <v>2020</v>
      </c>
      <c r="F13079">
        <v>2020</v>
      </c>
      <c r="G13079" t="s">
        <v>125</v>
      </c>
      <c r="H13079" t="s">
        <v>122</v>
      </c>
      <c r="I13079" t="s">
        <v>15</v>
      </c>
      <c r="J13079" s="10">
        <v>21.352188550000001</v>
      </c>
    </row>
    <row r="13080" spans="1:10" x14ac:dyDescent="0.35">
      <c r="A13080" t="s">
        <v>20</v>
      </c>
      <c r="B13080" t="s">
        <v>81</v>
      </c>
      <c r="C13080" t="s">
        <v>117</v>
      </c>
      <c r="D13080" t="s">
        <v>118</v>
      </c>
      <c r="E13080">
        <v>2020</v>
      </c>
      <c r="F13080">
        <v>2020</v>
      </c>
      <c r="G13080" t="s">
        <v>125</v>
      </c>
      <c r="H13080" t="s">
        <v>123</v>
      </c>
      <c r="I13080" t="s">
        <v>15</v>
      </c>
      <c r="J13080" s="10">
        <v>14.80942761</v>
      </c>
    </row>
    <row r="13081" spans="1:10" x14ac:dyDescent="0.35">
      <c r="A13081" t="s">
        <v>20</v>
      </c>
      <c r="B13081" t="s">
        <v>81</v>
      </c>
      <c r="C13081" t="s">
        <v>117</v>
      </c>
      <c r="D13081" t="s">
        <v>118</v>
      </c>
      <c r="E13081">
        <v>2020</v>
      </c>
      <c r="F13081">
        <v>2020</v>
      </c>
      <c r="G13081" t="s">
        <v>125</v>
      </c>
      <c r="H13081" t="s">
        <v>124</v>
      </c>
      <c r="I13081" t="s">
        <v>15</v>
      </c>
      <c r="J13081" s="10">
        <v>1.494949495</v>
      </c>
    </row>
    <row r="13082" spans="1:10" x14ac:dyDescent="0.35">
      <c r="A13082" t="s">
        <v>20</v>
      </c>
      <c r="B13082" t="s">
        <v>81</v>
      </c>
      <c r="C13082" t="s">
        <v>117</v>
      </c>
      <c r="D13082" t="s">
        <v>118</v>
      </c>
      <c r="E13082">
        <v>2020</v>
      </c>
      <c r="F13082">
        <v>2020</v>
      </c>
      <c r="G13082" t="s">
        <v>126</v>
      </c>
      <c r="H13082" t="s">
        <v>119</v>
      </c>
      <c r="I13082" t="s">
        <v>15</v>
      </c>
      <c r="J13082" s="10">
        <v>17.38088561</v>
      </c>
    </row>
    <row r="13083" spans="1:10" x14ac:dyDescent="0.35">
      <c r="A13083" t="s">
        <v>20</v>
      </c>
      <c r="B13083" t="s">
        <v>81</v>
      </c>
      <c r="C13083" t="s">
        <v>117</v>
      </c>
      <c r="D13083" t="s">
        <v>118</v>
      </c>
      <c r="E13083">
        <v>2020</v>
      </c>
      <c r="F13083">
        <v>2020</v>
      </c>
      <c r="G13083" t="s">
        <v>126</v>
      </c>
      <c r="H13083" t="s">
        <v>120</v>
      </c>
      <c r="I13083" t="s">
        <v>15</v>
      </c>
      <c r="J13083" s="10">
        <v>9.7126978869999991</v>
      </c>
    </row>
    <row r="13084" spans="1:10" x14ac:dyDescent="0.35">
      <c r="A13084" t="s">
        <v>20</v>
      </c>
      <c r="B13084" t="s">
        <v>81</v>
      </c>
      <c r="C13084" t="s">
        <v>117</v>
      </c>
      <c r="D13084" t="s">
        <v>118</v>
      </c>
      <c r="E13084">
        <v>2020</v>
      </c>
      <c r="F13084">
        <v>2020</v>
      </c>
      <c r="G13084" t="s">
        <v>126</v>
      </c>
      <c r="H13084" t="s">
        <v>121</v>
      </c>
      <c r="I13084" t="s">
        <v>15</v>
      </c>
      <c r="J13084" s="10">
        <v>32.136028760000002</v>
      </c>
    </row>
    <row r="13085" spans="1:10" x14ac:dyDescent="0.35">
      <c r="A13085" t="s">
        <v>20</v>
      </c>
      <c r="B13085" t="s">
        <v>81</v>
      </c>
      <c r="C13085" t="s">
        <v>117</v>
      </c>
      <c r="D13085" t="s">
        <v>118</v>
      </c>
      <c r="E13085">
        <v>2020</v>
      </c>
      <c r="F13085">
        <v>2020</v>
      </c>
      <c r="G13085" t="s">
        <v>126</v>
      </c>
      <c r="H13085" t="s">
        <v>122</v>
      </c>
      <c r="I13085" t="s">
        <v>15</v>
      </c>
      <c r="J13085" s="10">
        <v>21.230275070000001</v>
      </c>
    </row>
    <row r="13086" spans="1:10" x14ac:dyDescent="0.35">
      <c r="A13086" t="s">
        <v>20</v>
      </c>
      <c r="B13086" t="s">
        <v>81</v>
      </c>
      <c r="C13086" t="s">
        <v>117</v>
      </c>
      <c r="D13086" t="s">
        <v>118</v>
      </c>
      <c r="E13086">
        <v>2020</v>
      </c>
      <c r="F13086">
        <v>2020</v>
      </c>
      <c r="G13086" t="s">
        <v>126</v>
      </c>
      <c r="H13086" t="s">
        <v>123</v>
      </c>
      <c r="I13086" t="s">
        <v>15</v>
      </c>
      <c r="J13086" s="10">
        <v>16.89142682</v>
      </c>
    </row>
    <row r="13087" spans="1:10" x14ac:dyDescent="0.35">
      <c r="A13087" t="s">
        <v>20</v>
      </c>
      <c r="B13087" t="s">
        <v>81</v>
      </c>
      <c r="C13087" t="s">
        <v>117</v>
      </c>
      <c r="D13087" t="s">
        <v>118</v>
      </c>
      <c r="E13087">
        <v>2020</v>
      </c>
      <c r="F13087">
        <v>2020</v>
      </c>
      <c r="G13087" t="s">
        <v>126</v>
      </c>
      <c r="H13087" t="s">
        <v>124</v>
      </c>
      <c r="I13087" t="s">
        <v>15</v>
      </c>
      <c r="J13087" s="10">
        <v>2.648685854</v>
      </c>
    </row>
    <row r="13088" spans="1:10" x14ac:dyDescent="0.35">
      <c r="A13088" t="s">
        <v>20</v>
      </c>
      <c r="B13088" t="s">
        <v>81</v>
      </c>
      <c r="C13088" t="s">
        <v>117</v>
      </c>
      <c r="D13088" t="s">
        <v>118</v>
      </c>
      <c r="E13088">
        <v>2019</v>
      </c>
      <c r="F13088">
        <v>2019</v>
      </c>
      <c r="G13088" t="s">
        <v>14</v>
      </c>
      <c r="H13088" t="s">
        <v>119</v>
      </c>
      <c r="I13088" t="s">
        <v>15</v>
      </c>
      <c r="J13088" s="10">
        <v>18.251622019999999</v>
      </c>
    </row>
    <row r="13089" spans="1:10" x14ac:dyDescent="0.35">
      <c r="A13089" t="s">
        <v>20</v>
      </c>
      <c r="B13089" t="s">
        <v>81</v>
      </c>
      <c r="C13089" t="s">
        <v>117</v>
      </c>
      <c r="D13089" t="s">
        <v>118</v>
      </c>
      <c r="E13089">
        <v>2019</v>
      </c>
      <c r="F13089">
        <v>2019</v>
      </c>
      <c r="G13089" t="s">
        <v>14</v>
      </c>
      <c r="H13089" t="s">
        <v>120</v>
      </c>
      <c r="I13089" t="s">
        <v>15</v>
      </c>
      <c r="J13089" s="10">
        <v>10.14153411</v>
      </c>
    </row>
    <row r="13090" spans="1:10" x14ac:dyDescent="0.35">
      <c r="A13090" t="s">
        <v>20</v>
      </c>
      <c r="B13090" t="s">
        <v>81</v>
      </c>
      <c r="C13090" t="s">
        <v>117</v>
      </c>
      <c r="D13090" t="s">
        <v>118</v>
      </c>
      <c r="E13090">
        <v>2019</v>
      </c>
      <c r="F13090">
        <v>2019</v>
      </c>
      <c r="G13090" t="s">
        <v>14</v>
      </c>
      <c r="H13090" t="s">
        <v>121</v>
      </c>
      <c r="I13090" t="s">
        <v>15</v>
      </c>
      <c r="J13090" s="10">
        <v>32.756906659999999</v>
      </c>
    </row>
    <row r="13091" spans="1:10" x14ac:dyDescent="0.35">
      <c r="A13091" t="s">
        <v>20</v>
      </c>
      <c r="B13091" t="s">
        <v>81</v>
      </c>
      <c r="C13091" t="s">
        <v>117</v>
      </c>
      <c r="D13091" t="s">
        <v>118</v>
      </c>
      <c r="E13091">
        <v>2019</v>
      </c>
      <c r="F13091">
        <v>2019</v>
      </c>
      <c r="G13091" t="s">
        <v>14</v>
      </c>
      <c r="H13091" t="s">
        <v>122</v>
      </c>
      <c r="I13091" t="s">
        <v>15</v>
      </c>
      <c r="J13091" s="10">
        <v>21.032597320000001</v>
      </c>
    </row>
    <row r="13092" spans="1:10" x14ac:dyDescent="0.35">
      <c r="A13092" t="s">
        <v>20</v>
      </c>
      <c r="B13092" t="s">
        <v>81</v>
      </c>
      <c r="C13092" t="s">
        <v>117</v>
      </c>
      <c r="D13092" t="s">
        <v>118</v>
      </c>
      <c r="E13092">
        <v>2019</v>
      </c>
      <c r="F13092">
        <v>2019</v>
      </c>
      <c r="G13092" t="s">
        <v>14</v>
      </c>
      <c r="H13092" t="s">
        <v>123</v>
      </c>
      <c r="I13092" t="s">
        <v>15</v>
      </c>
      <c r="J13092" s="10">
        <v>15.728338219999999</v>
      </c>
    </row>
    <row r="13093" spans="1:10" x14ac:dyDescent="0.35">
      <c r="A13093" t="s">
        <v>20</v>
      </c>
      <c r="B13093" t="s">
        <v>81</v>
      </c>
      <c r="C13093" t="s">
        <v>117</v>
      </c>
      <c r="D13093" t="s">
        <v>118</v>
      </c>
      <c r="E13093">
        <v>2019</v>
      </c>
      <c r="F13093">
        <v>2019</v>
      </c>
      <c r="G13093" t="s">
        <v>14</v>
      </c>
      <c r="H13093" t="s">
        <v>124</v>
      </c>
      <c r="I13093" t="s">
        <v>15</v>
      </c>
      <c r="J13093" s="10">
        <v>2.0890016739999999</v>
      </c>
    </row>
    <row r="13094" spans="1:10" x14ac:dyDescent="0.35">
      <c r="A13094" t="s">
        <v>20</v>
      </c>
      <c r="B13094" t="s">
        <v>81</v>
      </c>
      <c r="C13094" t="s">
        <v>117</v>
      </c>
      <c r="D13094" t="s">
        <v>118</v>
      </c>
      <c r="E13094">
        <v>2019</v>
      </c>
      <c r="F13094">
        <v>2019</v>
      </c>
      <c r="G13094" t="s">
        <v>125</v>
      </c>
      <c r="H13094" t="s">
        <v>119</v>
      </c>
      <c r="I13094" t="s">
        <v>15</v>
      </c>
      <c r="J13094" s="10">
        <v>19.115196470000001</v>
      </c>
    </row>
    <row r="13095" spans="1:10" x14ac:dyDescent="0.35">
      <c r="A13095" t="s">
        <v>20</v>
      </c>
      <c r="B13095" t="s">
        <v>81</v>
      </c>
      <c r="C13095" t="s">
        <v>117</v>
      </c>
      <c r="D13095" t="s">
        <v>118</v>
      </c>
      <c r="E13095">
        <v>2019</v>
      </c>
      <c r="F13095">
        <v>2019</v>
      </c>
      <c r="G13095" t="s">
        <v>125</v>
      </c>
      <c r="H13095" t="s">
        <v>120</v>
      </c>
      <c r="I13095" t="s">
        <v>15</v>
      </c>
      <c r="J13095" s="10">
        <v>10.656883300000001</v>
      </c>
    </row>
    <row r="13096" spans="1:10" x14ac:dyDescent="0.35">
      <c r="A13096" t="s">
        <v>20</v>
      </c>
      <c r="B13096" t="s">
        <v>81</v>
      </c>
      <c r="C13096" t="s">
        <v>117</v>
      </c>
      <c r="D13096" t="s">
        <v>118</v>
      </c>
      <c r="E13096">
        <v>2019</v>
      </c>
      <c r="F13096">
        <v>2019</v>
      </c>
      <c r="G13096" t="s">
        <v>125</v>
      </c>
      <c r="H13096" t="s">
        <v>121</v>
      </c>
      <c r="I13096" t="s">
        <v>15</v>
      </c>
      <c r="J13096" s="10">
        <v>33.056496260000003</v>
      </c>
    </row>
    <row r="13097" spans="1:10" x14ac:dyDescent="0.35">
      <c r="A13097" t="s">
        <v>20</v>
      </c>
      <c r="B13097" t="s">
        <v>81</v>
      </c>
      <c r="C13097" t="s">
        <v>117</v>
      </c>
      <c r="D13097" t="s">
        <v>118</v>
      </c>
      <c r="E13097">
        <v>2019</v>
      </c>
      <c r="F13097">
        <v>2019</v>
      </c>
      <c r="G13097" t="s">
        <v>125</v>
      </c>
      <c r="H13097" t="s">
        <v>122</v>
      </c>
      <c r="I13097" t="s">
        <v>15</v>
      </c>
      <c r="J13097" s="10">
        <v>21.039617270000001</v>
      </c>
    </row>
    <row r="13098" spans="1:10" x14ac:dyDescent="0.35">
      <c r="A13098" t="s">
        <v>20</v>
      </c>
      <c r="B13098" t="s">
        <v>81</v>
      </c>
      <c r="C13098" t="s">
        <v>117</v>
      </c>
      <c r="D13098" t="s">
        <v>118</v>
      </c>
      <c r="E13098">
        <v>2019</v>
      </c>
      <c r="F13098">
        <v>2019</v>
      </c>
      <c r="G13098" t="s">
        <v>125</v>
      </c>
      <c r="H13098" t="s">
        <v>123</v>
      </c>
      <c r="I13098" t="s">
        <v>15</v>
      </c>
      <c r="J13098" s="10">
        <v>14.623985380000001</v>
      </c>
    </row>
    <row r="13099" spans="1:10" x14ac:dyDescent="0.35">
      <c r="A13099" t="s">
        <v>20</v>
      </c>
      <c r="B13099" t="s">
        <v>81</v>
      </c>
      <c r="C13099" t="s">
        <v>117</v>
      </c>
      <c r="D13099" t="s">
        <v>118</v>
      </c>
      <c r="E13099">
        <v>2019</v>
      </c>
      <c r="F13099">
        <v>2019</v>
      </c>
      <c r="G13099" t="s">
        <v>125</v>
      </c>
      <c r="H13099" t="s">
        <v>124</v>
      </c>
      <c r="I13099" t="s">
        <v>15</v>
      </c>
      <c r="J13099" s="10">
        <v>1.507821319</v>
      </c>
    </row>
    <row r="13100" spans="1:10" x14ac:dyDescent="0.35">
      <c r="A13100" t="s">
        <v>20</v>
      </c>
      <c r="B13100" t="s">
        <v>81</v>
      </c>
      <c r="C13100" t="s">
        <v>117</v>
      </c>
      <c r="D13100" t="s">
        <v>118</v>
      </c>
      <c r="E13100">
        <v>2019</v>
      </c>
      <c r="F13100">
        <v>2019</v>
      </c>
      <c r="G13100" t="s">
        <v>126</v>
      </c>
      <c r="H13100" t="s">
        <v>119</v>
      </c>
      <c r="I13100" t="s">
        <v>15</v>
      </c>
      <c r="J13100" s="10">
        <v>17.432852560000001</v>
      </c>
    </row>
    <row r="13101" spans="1:10" x14ac:dyDescent="0.35">
      <c r="A13101" t="s">
        <v>20</v>
      </c>
      <c r="B13101" t="s">
        <v>81</v>
      </c>
      <c r="C13101" t="s">
        <v>117</v>
      </c>
      <c r="D13101" t="s">
        <v>118</v>
      </c>
      <c r="E13101">
        <v>2019</v>
      </c>
      <c r="F13101">
        <v>2019</v>
      </c>
      <c r="G13101" t="s">
        <v>126</v>
      </c>
      <c r="H13101" t="s">
        <v>120</v>
      </c>
      <c r="I13101" t="s">
        <v>15</v>
      </c>
      <c r="J13101" s="10">
        <v>9.6529228889999992</v>
      </c>
    </row>
    <row r="13102" spans="1:10" x14ac:dyDescent="0.35">
      <c r="A13102" t="s">
        <v>20</v>
      </c>
      <c r="B13102" t="s">
        <v>81</v>
      </c>
      <c r="C13102" t="s">
        <v>117</v>
      </c>
      <c r="D13102" t="s">
        <v>118</v>
      </c>
      <c r="E13102">
        <v>2019</v>
      </c>
      <c r="F13102">
        <v>2019</v>
      </c>
      <c r="G13102" t="s">
        <v>126</v>
      </c>
      <c r="H13102" t="s">
        <v>121</v>
      </c>
      <c r="I13102" t="s">
        <v>15</v>
      </c>
      <c r="J13102" s="10">
        <v>32.472860709999999</v>
      </c>
    </row>
    <row r="13103" spans="1:10" x14ac:dyDescent="0.35">
      <c r="A13103" t="s">
        <v>20</v>
      </c>
      <c r="B13103" t="s">
        <v>81</v>
      </c>
      <c r="C13103" t="s">
        <v>117</v>
      </c>
      <c r="D13103" t="s">
        <v>118</v>
      </c>
      <c r="E13103">
        <v>2019</v>
      </c>
      <c r="F13103">
        <v>2019</v>
      </c>
      <c r="G13103" t="s">
        <v>126</v>
      </c>
      <c r="H13103" t="s">
        <v>122</v>
      </c>
      <c r="I13103" t="s">
        <v>15</v>
      </c>
      <c r="J13103" s="10">
        <v>21.025941589999999</v>
      </c>
    </row>
    <row r="13104" spans="1:10" x14ac:dyDescent="0.35">
      <c r="A13104" t="s">
        <v>20</v>
      </c>
      <c r="B13104" t="s">
        <v>81</v>
      </c>
      <c r="C13104" t="s">
        <v>117</v>
      </c>
      <c r="D13104" t="s">
        <v>118</v>
      </c>
      <c r="E13104">
        <v>2019</v>
      </c>
      <c r="F13104">
        <v>2019</v>
      </c>
      <c r="G13104" t="s">
        <v>126</v>
      </c>
      <c r="H13104" t="s">
        <v>123</v>
      </c>
      <c r="I13104" t="s">
        <v>15</v>
      </c>
      <c r="J13104" s="10">
        <v>16.775393709999999</v>
      </c>
    </row>
    <row r="13105" spans="1:10" x14ac:dyDescent="0.35">
      <c r="A13105" t="s">
        <v>20</v>
      </c>
      <c r="B13105" t="s">
        <v>81</v>
      </c>
      <c r="C13105" t="s">
        <v>117</v>
      </c>
      <c r="D13105" t="s">
        <v>118</v>
      </c>
      <c r="E13105">
        <v>2019</v>
      </c>
      <c r="F13105">
        <v>2019</v>
      </c>
      <c r="G13105" t="s">
        <v>126</v>
      </c>
      <c r="H13105" t="s">
        <v>124</v>
      </c>
      <c r="I13105" t="s">
        <v>15</v>
      </c>
      <c r="J13105" s="10">
        <v>2.640028541</v>
      </c>
    </row>
    <row r="13106" spans="1:10" x14ac:dyDescent="0.35">
      <c r="A13106" t="s">
        <v>20</v>
      </c>
      <c r="B13106" t="s">
        <v>81</v>
      </c>
      <c r="C13106" t="s">
        <v>117</v>
      </c>
      <c r="D13106" t="s">
        <v>118</v>
      </c>
      <c r="E13106">
        <v>2018</v>
      </c>
      <c r="F13106">
        <v>2018</v>
      </c>
      <c r="G13106" t="s">
        <v>14</v>
      </c>
      <c r="H13106" t="s">
        <v>119</v>
      </c>
      <c r="I13106" t="s">
        <v>15</v>
      </c>
      <c r="J13106" s="10">
        <v>18.378406680000001</v>
      </c>
    </row>
    <row r="13107" spans="1:10" x14ac:dyDescent="0.35">
      <c r="A13107" t="s">
        <v>20</v>
      </c>
      <c r="B13107" t="s">
        <v>81</v>
      </c>
      <c r="C13107" t="s">
        <v>117</v>
      </c>
      <c r="D13107" t="s">
        <v>118</v>
      </c>
      <c r="E13107">
        <v>2018</v>
      </c>
      <c r="F13107">
        <v>2018</v>
      </c>
      <c r="G13107" t="s">
        <v>14</v>
      </c>
      <c r="H13107" t="s">
        <v>120</v>
      </c>
      <c r="I13107" t="s">
        <v>15</v>
      </c>
      <c r="J13107" s="10">
        <v>10.201062909999999</v>
      </c>
    </row>
    <row r="13108" spans="1:10" x14ac:dyDescent="0.35">
      <c r="A13108" t="s">
        <v>20</v>
      </c>
      <c r="B13108" t="s">
        <v>81</v>
      </c>
      <c r="C13108" t="s">
        <v>117</v>
      </c>
      <c r="D13108" t="s">
        <v>118</v>
      </c>
      <c r="E13108">
        <v>2018</v>
      </c>
      <c r="F13108">
        <v>2018</v>
      </c>
      <c r="G13108" t="s">
        <v>14</v>
      </c>
      <c r="H13108" t="s">
        <v>121</v>
      </c>
      <c r="I13108" t="s">
        <v>15</v>
      </c>
      <c r="J13108" s="10">
        <v>33.04971595</v>
      </c>
    </row>
    <row r="13109" spans="1:10" x14ac:dyDescent="0.35">
      <c r="A13109" t="s">
        <v>20</v>
      </c>
      <c r="B13109" t="s">
        <v>81</v>
      </c>
      <c r="C13109" t="s">
        <v>117</v>
      </c>
      <c r="D13109" t="s">
        <v>118</v>
      </c>
      <c r="E13109">
        <v>2018</v>
      </c>
      <c r="F13109">
        <v>2018</v>
      </c>
      <c r="G13109" t="s">
        <v>14</v>
      </c>
      <c r="H13109" t="s">
        <v>122</v>
      </c>
      <c r="I13109" t="s">
        <v>15</v>
      </c>
      <c r="J13109" s="10">
        <v>20.78959081</v>
      </c>
    </row>
    <row r="13110" spans="1:10" x14ac:dyDescent="0.35">
      <c r="A13110" t="s">
        <v>20</v>
      </c>
      <c r="B13110" t="s">
        <v>81</v>
      </c>
      <c r="C13110" t="s">
        <v>117</v>
      </c>
      <c r="D13110" t="s">
        <v>118</v>
      </c>
      <c r="E13110">
        <v>2018</v>
      </c>
      <c r="F13110">
        <v>2018</v>
      </c>
      <c r="G13110" t="s">
        <v>14</v>
      </c>
      <c r="H13110" t="s">
        <v>123</v>
      </c>
      <c r="I13110" t="s">
        <v>15</v>
      </c>
      <c r="J13110" s="10">
        <v>15.532633450000001</v>
      </c>
    </row>
    <row r="13111" spans="1:10" x14ac:dyDescent="0.35">
      <c r="A13111" t="s">
        <v>20</v>
      </c>
      <c r="B13111" t="s">
        <v>81</v>
      </c>
      <c r="C13111" t="s">
        <v>117</v>
      </c>
      <c r="D13111" t="s">
        <v>118</v>
      </c>
      <c r="E13111">
        <v>2018</v>
      </c>
      <c r="F13111">
        <v>2018</v>
      </c>
      <c r="G13111" t="s">
        <v>14</v>
      </c>
      <c r="H13111" t="s">
        <v>124</v>
      </c>
      <c r="I13111" t="s">
        <v>15</v>
      </c>
      <c r="J13111" s="10">
        <v>2.0485902029999998</v>
      </c>
    </row>
    <row r="13112" spans="1:10" x14ac:dyDescent="0.35">
      <c r="A13112" t="s">
        <v>20</v>
      </c>
      <c r="B13112" t="s">
        <v>81</v>
      </c>
      <c r="C13112" t="s">
        <v>117</v>
      </c>
      <c r="D13112" t="s">
        <v>118</v>
      </c>
      <c r="E13112">
        <v>2018</v>
      </c>
      <c r="F13112">
        <v>2018</v>
      </c>
      <c r="G13112" t="s">
        <v>125</v>
      </c>
      <c r="H13112" t="s">
        <v>119</v>
      </c>
      <c r="I13112" t="s">
        <v>15</v>
      </c>
      <c r="J13112" s="10">
        <v>19.34833454</v>
      </c>
    </row>
    <row r="13113" spans="1:10" x14ac:dyDescent="0.35">
      <c r="A13113" t="s">
        <v>20</v>
      </c>
      <c r="B13113" t="s">
        <v>81</v>
      </c>
      <c r="C13113" t="s">
        <v>117</v>
      </c>
      <c r="D13113" t="s">
        <v>118</v>
      </c>
      <c r="E13113">
        <v>2018</v>
      </c>
      <c r="F13113">
        <v>2018</v>
      </c>
      <c r="G13113" t="s">
        <v>125</v>
      </c>
      <c r="H13113" t="s">
        <v>120</v>
      </c>
      <c r="I13113" t="s">
        <v>15</v>
      </c>
      <c r="J13113" s="10">
        <v>10.67021534</v>
      </c>
    </row>
    <row r="13114" spans="1:10" x14ac:dyDescent="0.35">
      <c r="A13114" t="s">
        <v>20</v>
      </c>
      <c r="B13114" t="s">
        <v>81</v>
      </c>
      <c r="C13114" t="s">
        <v>117</v>
      </c>
      <c r="D13114" t="s">
        <v>118</v>
      </c>
      <c r="E13114">
        <v>2018</v>
      </c>
      <c r="F13114">
        <v>2018</v>
      </c>
      <c r="G13114" t="s">
        <v>125</v>
      </c>
      <c r="H13114" t="s">
        <v>121</v>
      </c>
      <c r="I13114" t="s">
        <v>15</v>
      </c>
      <c r="J13114" s="10">
        <v>33.303761059999999</v>
      </c>
    </row>
    <row r="13115" spans="1:10" x14ac:dyDescent="0.35">
      <c r="A13115" t="s">
        <v>20</v>
      </c>
      <c r="B13115" t="s">
        <v>81</v>
      </c>
      <c r="C13115" t="s">
        <v>117</v>
      </c>
      <c r="D13115" t="s">
        <v>118</v>
      </c>
      <c r="E13115">
        <v>2018</v>
      </c>
      <c r="F13115">
        <v>2018</v>
      </c>
      <c r="G13115" t="s">
        <v>125</v>
      </c>
      <c r="H13115" t="s">
        <v>122</v>
      </c>
      <c r="I13115" t="s">
        <v>15</v>
      </c>
      <c r="J13115" s="10">
        <v>20.75436191</v>
      </c>
    </row>
    <row r="13116" spans="1:10" x14ac:dyDescent="0.35">
      <c r="A13116" t="s">
        <v>20</v>
      </c>
      <c r="B13116" t="s">
        <v>81</v>
      </c>
      <c r="C13116" t="s">
        <v>117</v>
      </c>
      <c r="D13116" t="s">
        <v>118</v>
      </c>
      <c r="E13116">
        <v>2018</v>
      </c>
      <c r="F13116">
        <v>2018</v>
      </c>
      <c r="G13116" t="s">
        <v>125</v>
      </c>
      <c r="H13116" t="s">
        <v>123</v>
      </c>
      <c r="I13116" t="s">
        <v>15</v>
      </c>
      <c r="J13116" s="10">
        <v>14.41245262</v>
      </c>
    </row>
    <row r="13117" spans="1:10" x14ac:dyDescent="0.35">
      <c r="A13117" t="s">
        <v>20</v>
      </c>
      <c r="B13117" t="s">
        <v>81</v>
      </c>
      <c r="C13117" t="s">
        <v>117</v>
      </c>
      <c r="D13117" t="s">
        <v>118</v>
      </c>
      <c r="E13117">
        <v>2018</v>
      </c>
      <c r="F13117">
        <v>2018</v>
      </c>
      <c r="G13117" t="s">
        <v>125</v>
      </c>
      <c r="H13117" t="s">
        <v>124</v>
      </c>
      <c r="I13117" t="s">
        <v>15</v>
      </c>
      <c r="J13117" s="10">
        <v>1.510874533</v>
      </c>
    </row>
    <row r="13118" spans="1:10" x14ac:dyDescent="0.35">
      <c r="A13118" t="s">
        <v>20</v>
      </c>
      <c r="B13118" t="s">
        <v>81</v>
      </c>
      <c r="C13118" t="s">
        <v>117</v>
      </c>
      <c r="D13118" t="s">
        <v>118</v>
      </c>
      <c r="E13118">
        <v>2018</v>
      </c>
      <c r="F13118">
        <v>2018</v>
      </c>
      <c r="G13118" t="s">
        <v>126</v>
      </c>
      <c r="H13118" t="s">
        <v>119</v>
      </c>
      <c r="I13118" t="s">
        <v>15</v>
      </c>
      <c r="J13118" s="10">
        <v>17.45796872</v>
      </c>
    </row>
    <row r="13119" spans="1:10" x14ac:dyDescent="0.35">
      <c r="A13119" t="s">
        <v>20</v>
      </c>
      <c r="B13119" t="s">
        <v>81</v>
      </c>
      <c r="C13119" t="s">
        <v>117</v>
      </c>
      <c r="D13119" t="s">
        <v>118</v>
      </c>
      <c r="E13119">
        <v>2018</v>
      </c>
      <c r="F13119">
        <v>2018</v>
      </c>
      <c r="G13119" t="s">
        <v>126</v>
      </c>
      <c r="H13119" t="s">
        <v>120</v>
      </c>
      <c r="I13119" t="s">
        <v>15</v>
      </c>
      <c r="J13119" s="10">
        <v>9.755848662</v>
      </c>
    </row>
    <row r="13120" spans="1:10" x14ac:dyDescent="0.35">
      <c r="A13120" t="s">
        <v>20</v>
      </c>
      <c r="B13120" t="s">
        <v>81</v>
      </c>
      <c r="C13120" t="s">
        <v>117</v>
      </c>
      <c r="D13120" t="s">
        <v>118</v>
      </c>
      <c r="E13120">
        <v>2018</v>
      </c>
      <c r="F13120">
        <v>2018</v>
      </c>
      <c r="G13120" t="s">
        <v>126</v>
      </c>
      <c r="H13120" t="s">
        <v>121</v>
      </c>
      <c r="I13120" t="s">
        <v>15</v>
      </c>
      <c r="J13120" s="10">
        <v>32.808633309999998</v>
      </c>
    </row>
    <row r="13121" spans="1:10" x14ac:dyDescent="0.35">
      <c r="A13121" t="s">
        <v>20</v>
      </c>
      <c r="B13121" t="s">
        <v>81</v>
      </c>
      <c r="C13121" t="s">
        <v>117</v>
      </c>
      <c r="D13121" t="s">
        <v>118</v>
      </c>
      <c r="E13121">
        <v>2018</v>
      </c>
      <c r="F13121">
        <v>2018</v>
      </c>
      <c r="G13121" t="s">
        <v>126</v>
      </c>
      <c r="H13121" t="s">
        <v>122</v>
      </c>
      <c r="I13121" t="s">
        <v>15</v>
      </c>
      <c r="J13121" s="10">
        <v>20.823022170000002</v>
      </c>
    </row>
    <row r="13122" spans="1:10" x14ac:dyDescent="0.35">
      <c r="A13122" t="s">
        <v>20</v>
      </c>
      <c r="B13122" t="s">
        <v>81</v>
      </c>
      <c r="C13122" t="s">
        <v>117</v>
      </c>
      <c r="D13122" t="s">
        <v>118</v>
      </c>
      <c r="E13122">
        <v>2018</v>
      </c>
      <c r="F13122">
        <v>2018</v>
      </c>
      <c r="G13122" t="s">
        <v>126</v>
      </c>
      <c r="H13122" t="s">
        <v>123</v>
      </c>
      <c r="I13122" t="s">
        <v>15</v>
      </c>
      <c r="J13122" s="10">
        <v>16.59565783</v>
      </c>
    </row>
    <row r="13123" spans="1:10" x14ac:dyDescent="0.35">
      <c r="A13123" t="s">
        <v>20</v>
      </c>
      <c r="B13123" t="s">
        <v>81</v>
      </c>
      <c r="C13123" t="s">
        <v>117</v>
      </c>
      <c r="D13123" t="s">
        <v>118</v>
      </c>
      <c r="E13123">
        <v>2018</v>
      </c>
      <c r="F13123">
        <v>2018</v>
      </c>
      <c r="G13123" t="s">
        <v>126</v>
      </c>
      <c r="H13123" t="s">
        <v>124</v>
      </c>
      <c r="I13123" t="s">
        <v>15</v>
      </c>
      <c r="J13123" s="10">
        <v>2.5588693010000001</v>
      </c>
    </row>
    <row r="13124" spans="1:10" x14ac:dyDescent="0.35">
      <c r="A13124" t="s">
        <v>20</v>
      </c>
      <c r="B13124" t="s">
        <v>81</v>
      </c>
      <c r="C13124" t="s">
        <v>117</v>
      </c>
      <c r="D13124" t="s">
        <v>118</v>
      </c>
      <c r="E13124">
        <v>2017</v>
      </c>
      <c r="F13124">
        <v>2017</v>
      </c>
      <c r="G13124" t="s">
        <v>14</v>
      </c>
      <c r="H13124" t="s">
        <v>119</v>
      </c>
      <c r="I13124" t="s">
        <v>15</v>
      </c>
      <c r="J13124" s="10">
        <v>18.438118200000002</v>
      </c>
    </row>
    <row r="13125" spans="1:10" x14ac:dyDescent="0.35">
      <c r="A13125" t="s">
        <v>20</v>
      </c>
      <c r="B13125" t="s">
        <v>81</v>
      </c>
      <c r="C13125" t="s">
        <v>117</v>
      </c>
      <c r="D13125" t="s">
        <v>118</v>
      </c>
      <c r="E13125">
        <v>2017</v>
      </c>
      <c r="F13125">
        <v>2017</v>
      </c>
      <c r="G13125" t="s">
        <v>14</v>
      </c>
      <c r="H13125" t="s">
        <v>120</v>
      </c>
      <c r="I13125" t="s">
        <v>15</v>
      </c>
      <c r="J13125" s="10">
        <v>10.416475610000001</v>
      </c>
    </row>
    <row r="13126" spans="1:10" x14ac:dyDescent="0.35">
      <c r="A13126" t="s">
        <v>20</v>
      </c>
      <c r="B13126" t="s">
        <v>81</v>
      </c>
      <c r="C13126" t="s">
        <v>117</v>
      </c>
      <c r="D13126" t="s">
        <v>118</v>
      </c>
      <c r="E13126">
        <v>2017</v>
      </c>
      <c r="F13126">
        <v>2017</v>
      </c>
      <c r="G13126" t="s">
        <v>14</v>
      </c>
      <c r="H13126" t="s">
        <v>121</v>
      </c>
      <c r="I13126" t="s">
        <v>15</v>
      </c>
      <c r="J13126" s="10">
        <v>33.234203669999999</v>
      </c>
    </row>
    <row r="13127" spans="1:10" x14ac:dyDescent="0.35">
      <c r="A13127" t="s">
        <v>20</v>
      </c>
      <c r="B13127" t="s">
        <v>81</v>
      </c>
      <c r="C13127" t="s">
        <v>117</v>
      </c>
      <c r="D13127" t="s">
        <v>118</v>
      </c>
      <c r="E13127">
        <v>2017</v>
      </c>
      <c r="F13127">
        <v>2017</v>
      </c>
      <c r="G13127" t="s">
        <v>14</v>
      </c>
      <c r="H13127" t="s">
        <v>122</v>
      </c>
      <c r="I13127" t="s">
        <v>15</v>
      </c>
      <c r="J13127" s="10">
        <v>20.36656142</v>
      </c>
    </row>
    <row r="13128" spans="1:10" x14ac:dyDescent="0.35">
      <c r="A13128" t="s">
        <v>20</v>
      </c>
      <c r="B13128" t="s">
        <v>81</v>
      </c>
      <c r="C13128" t="s">
        <v>117</v>
      </c>
      <c r="D13128" t="s">
        <v>118</v>
      </c>
      <c r="E13128">
        <v>2017</v>
      </c>
      <c r="F13128">
        <v>2017</v>
      </c>
      <c r="G13128" t="s">
        <v>14</v>
      </c>
      <c r="H13128" t="s">
        <v>123</v>
      </c>
      <c r="I13128" t="s">
        <v>15</v>
      </c>
      <c r="J13128" s="10">
        <v>15.52711218</v>
      </c>
    </row>
    <row r="13129" spans="1:10" x14ac:dyDescent="0.35">
      <c r="A13129" t="s">
        <v>20</v>
      </c>
      <c r="B13129" t="s">
        <v>81</v>
      </c>
      <c r="C13129" t="s">
        <v>117</v>
      </c>
      <c r="D13129" t="s">
        <v>118</v>
      </c>
      <c r="E13129">
        <v>2017</v>
      </c>
      <c r="F13129">
        <v>2017</v>
      </c>
      <c r="G13129" t="s">
        <v>14</v>
      </c>
      <c r="H13129" t="s">
        <v>124</v>
      </c>
      <c r="I13129" t="s">
        <v>15</v>
      </c>
      <c r="J13129" s="10">
        <v>2.0175289200000002</v>
      </c>
    </row>
    <row r="13130" spans="1:10" x14ac:dyDescent="0.35">
      <c r="A13130" t="s">
        <v>20</v>
      </c>
      <c r="B13130" t="s">
        <v>81</v>
      </c>
      <c r="C13130" t="s">
        <v>117</v>
      </c>
      <c r="D13130" t="s">
        <v>118</v>
      </c>
      <c r="E13130">
        <v>2017</v>
      </c>
      <c r="F13130">
        <v>2017</v>
      </c>
      <c r="G13130" t="s">
        <v>125</v>
      </c>
      <c r="H13130" t="s">
        <v>119</v>
      </c>
      <c r="I13130" t="s">
        <v>15</v>
      </c>
      <c r="J13130" s="10">
        <v>19.346923369999999</v>
      </c>
    </row>
    <row r="13131" spans="1:10" x14ac:dyDescent="0.35">
      <c r="A13131" t="s">
        <v>20</v>
      </c>
      <c r="B13131" t="s">
        <v>81</v>
      </c>
      <c r="C13131" t="s">
        <v>117</v>
      </c>
      <c r="D13131" t="s">
        <v>118</v>
      </c>
      <c r="E13131">
        <v>2017</v>
      </c>
      <c r="F13131">
        <v>2017</v>
      </c>
      <c r="G13131" t="s">
        <v>125</v>
      </c>
      <c r="H13131" t="s">
        <v>120</v>
      </c>
      <c r="I13131" t="s">
        <v>15</v>
      </c>
      <c r="J13131" s="10">
        <v>10.971795289999999</v>
      </c>
    </row>
    <row r="13132" spans="1:10" x14ac:dyDescent="0.35">
      <c r="A13132" t="s">
        <v>20</v>
      </c>
      <c r="B13132" t="s">
        <v>81</v>
      </c>
      <c r="C13132" t="s">
        <v>117</v>
      </c>
      <c r="D13132" t="s">
        <v>118</v>
      </c>
      <c r="E13132">
        <v>2017</v>
      </c>
      <c r="F13132">
        <v>2017</v>
      </c>
      <c r="G13132" t="s">
        <v>125</v>
      </c>
      <c r="H13132" t="s">
        <v>121</v>
      </c>
      <c r="I13132" t="s">
        <v>15</v>
      </c>
      <c r="J13132" s="10">
        <v>33.476244399999999</v>
      </c>
    </row>
    <row r="13133" spans="1:10" x14ac:dyDescent="0.35">
      <c r="A13133" t="s">
        <v>20</v>
      </c>
      <c r="B13133" t="s">
        <v>81</v>
      </c>
      <c r="C13133" t="s">
        <v>117</v>
      </c>
      <c r="D13133" t="s">
        <v>118</v>
      </c>
      <c r="E13133">
        <v>2017</v>
      </c>
      <c r="F13133">
        <v>2017</v>
      </c>
      <c r="G13133" t="s">
        <v>125</v>
      </c>
      <c r="H13133" t="s">
        <v>122</v>
      </c>
      <c r="I13133" t="s">
        <v>15</v>
      </c>
      <c r="J13133" s="10">
        <v>20.374265220000002</v>
      </c>
    </row>
    <row r="13134" spans="1:10" x14ac:dyDescent="0.35">
      <c r="A13134" t="s">
        <v>20</v>
      </c>
      <c r="B13134" t="s">
        <v>81</v>
      </c>
      <c r="C13134" t="s">
        <v>117</v>
      </c>
      <c r="D13134" t="s">
        <v>118</v>
      </c>
      <c r="E13134">
        <v>2017</v>
      </c>
      <c r="F13134">
        <v>2017</v>
      </c>
      <c r="G13134" t="s">
        <v>125</v>
      </c>
      <c r="H13134" t="s">
        <v>123</v>
      </c>
      <c r="I13134" t="s">
        <v>15</v>
      </c>
      <c r="J13134" s="10">
        <v>14.415143179999999</v>
      </c>
    </row>
    <row r="13135" spans="1:10" x14ac:dyDescent="0.35">
      <c r="A13135" t="s">
        <v>20</v>
      </c>
      <c r="B13135" t="s">
        <v>81</v>
      </c>
      <c r="C13135" t="s">
        <v>117</v>
      </c>
      <c r="D13135" t="s">
        <v>118</v>
      </c>
      <c r="E13135">
        <v>2017</v>
      </c>
      <c r="F13135">
        <v>2017</v>
      </c>
      <c r="G13135" t="s">
        <v>125</v>
      </c>
      <c r="H13135" t="s">
        <v>124</v>
      </c>
      <c r="I13135" t="s">
        <v>15</v>
      </c>
      <c r="J13135" s="10">
        <v>1.4156285390000001</v>
      </c>
    </row>
    <row r="13136" spans="1:10" x14ac:dyDescent="0.35">
      <c r="A13136" t="s">
        <v>20</v>
      </c>
      <c r="B13136" t="s">
        <v>81</v>
      </c>
      <c r="C13136" t="s">
        <v>117</v>
      </c>
      <c r="D13136" t="s">
        <v>118</v>
      </c>
      <c r="E13136">
        <v>2017</v>
      </c>
      <c r="F13136">
        <v>2017</v>
      </c>
      <c r="G13136" t="s">
        <v>126</v>
      </c>
      <c r="H13136" t="s">
        <v>119</v>
      </c>
      <c r="I13136" t="s">
        <v>15</v>
      </c>
      <c r="J13136" s="10">
        <v>17.579309469999998</v>
      </c>
    </row>
    <row r="13137" spans="1:10" x14ac:dyDescent="0.35">
      <c r="A13137" t="s">
        <v>20</v>
      </c>
      <c r="B13137" t="s">
        <v>81</v>
      </c>
      <c r="C13137" t="s">
        <v>117</v>
      </c>
      <c r="D13137" t="s">
        <v>118</v>
      </c>
      <c r="E13137">
        <v>2017</v>
      </c>
      <c r="F13137">
        <v>2017</v>
      </c>
      <c r="G13137" t="s">
        <v>126</v>
      </c>
      <c r="H13137" t="s">
        <v>120</v>
      </c>
      <c r="I13137" t="s">
        <v>15</v>
      </c>
      <c r="J13137" s="10">
        <v>9.8917059500000004</v>
      </c>
    </row>
    <row r="13138" spans="1:10" x14ac:dyDescent="0.35">
      <c r="A13138" t="s">
        <v>20</v>
      </c>
      <c r="B13138" t="s">
        <v>81</v>
      </c>
      <c r="C13138" t="s">
        <v>117</v>
      </c>
      <c r="D13138" t="s">
        <v>118</v>
      </c>
      <c r="E13138">
        <v>2017</v>
      </c>
      <c r="F13138">
        <v>2017</v>
      </c>
      <c r="G13138" t="s">
        <v>126</v>
      </c>
      <c r="H13138" t="s">
        <v>121</v>
      </c>
      <c r="I13138" t="s">
        <v>15</v>
      </c>
      <c r="J13138" s="10">
        <v>33.005478400000001</v>
      </c>
    </row>
    <row r="13139" spans="1:10" x14ac:dyDescent="0.35">
      <c r="A13139" t="s">
        <v>20</v>
      </c>
      <c r="B13139" t="s">
        <v>81</v>
      </c>
      <c r="C13139" t="s">
        <v>117</v>
      </c>
      <c r="D13139" t="s">
        <v>118</v>
      </c>
      <c r="E13139">
        <v>2017</v>
      </c>
      <c r="F13139">
        <v>2017</v>
      </c>
      <c r="G13139" t="s">
        <v>126</v>
      </c>
      <c r="H13139" t="s">
        <v>122</v>
      </c>
      <c r="I13139" t="s">
        <v>15</v>
      </c>
      <c r="J13139" s="10">
        <v>20.35928144</v>
      </c>
    </row>
    <row r="13140" spans="1:10" x14ac:dyDescent="0.35">
      <c r="A13140" t="s">
        <v>20</v>
      </c>
      <c r="B13140" t="s">
        <v>81</v>
      </c>
      <c r="C13140" t="s">
        <v>117</v>
      </c>
      <c r="D13140" t="s">
        <v>118</v>
      </c>
      <c r="E13140">
        <v>2017</v>
      </c>
      <c r="F13140">
        <v>2017</v>
      </c>
      <c r="G13140" t="s">
        <v>126</v>
      </c>
      <c r="H13140" t="s">
        <v>123</v>
      </c>
      <c r="I13140" t="s">
        <v>15</v>
      </c>
      <c r="J13140" s="10">
        <v>16.577908010000002</v>
      </c>
    </row>
    <row r="13141" spans="1:10" x14ac:dyDescent="0.35">
      <c r="A13141" t="s">
        <v>20</v>
      </c>
      <c r="B13141" t="s">
        <v>81</v>
      </c>
      <c r="C13141" t="s">
        <v>117</v>
      </c>
      <c r="D13141" t="s">
        <v>118</v>
      </c>
      <c r="E13141">
        <v>2017</v>
      </c>
      <c r="F13141">
        <v>2017</v>
      </c>
      <c r="G13141" t="s">
        <v>126</v>
      </c>
      <c r="H13141" t="s">
        <v>124</v>
      </c>
      <c r="I13141" t="s">
        <v>15</v>
      </c>
      <c r="J13141" s="10">
        <v>2.5863167279999999</v>
      </c>
    </row>
    <row r="13142" spans="1:10" x14ac:dyDescent="0.35">
      <c r="A13142" t="s">
        <v>20</v>
      </c>
      <c r="B13142" t="s">
        <v>81</v>
      </c>
      <c r="C13142" t="s">
        <v>117</v>
      </c>
      <c r="D13142" t="s">
        <v>118</v>
      </c>
      <c r="E13142">
        <v>2016</v>
      </c>
      <c r="F13142">
        <v>2016</v>
      </c>
      <c r="G13142" t="s">
        <v>14</v>
      </c>
      <c r="H13142" t="s">
        <v>119</v>
      </c>
      <c r="I13142" t="s">
        <v>15</v>
      </c>
      <c r="J13142" s="10">
        <v>18.498163689999998</v>
      </c>
    </row>
    <row r="13143" spans="1:10" x14ac:dyDescent="0.35">
      <c r="A13143" t="s">
        <v>20</v>
      </c>
      <c r="B13143" t="s">
        <v>81</v>
      </c>
      <c r="C13143" t="s">
        <v>117</v>
      </c>
      <c r="D13143" t="s">
        <v>118</v>
      </c>
      <c r="E13143">
        <v>2016</v>
      </c>
      <c r="F13143">
        <v>2016</v>
      </c>
      <c r="G13143" t="s">
        <v>14</v>
      </c>
      <c r="H13143" t="s">
        <v>120</v>
      </c>
      <c r="I13143" t="s">
        <v>15</v>
      </c>
      <c r="J13143" s="10">
        <v>10.602046169999999</v>
      </c>
    </row>
    <row r="13144" spans="1:10" x14ac:dyDescent="0.35">
      <c r="A13144" t="s">
        <v>20</v>
      </c>
      <c r="B13144" t="s">
        <v>81</v>
      </c>
      <c r="C13144" t="s">
        <v>117</v>
      </c>
      <c r="D13144" t="s">
        <v>118</v>
      </c>
      <c r="E13144">
        <v>2016</v>
      </c>
      <c r="F13144">
        <v>2016</v>
      </c>
      <c r="G13144" t="s">
        <v>14</v>
      </c>
      <c r="H13144" t="s">
        <v>121</v>
      </c>
      <c r="I13144" t="s">
        <v>15</v>
      </c>
      <c r="J13144" s="10">
        <v>33.467995799999997</v>
      </c>
    </row>
    <row r="13145" spans="1:10" x14ac:dyDescent="0.35">
      <c r="A13145" t="s">
        <v>20</v>
      </c>
      <c r="B13145" t="s">
        <v>81</v>
      </c>
      <c r="C13145" t="s">
        <v>117</v>
      </c>
      <c r="D13145" t="s">
        <v>118</v>
      </c>
      <c r="E13145">
        <v>2016</v>
      </c>
      <c r="F13145">
        <v>2016</v>
      </c>
      <c r="G13145" t="s">
        <v>14</v>
      </c>
      <c r="H13145" t="s">
        <v>122</v>
      </c>
      <c r="I13145" t="s">
        <v>15</v>
      </c>
      <c r="J13145" s="10">
        <v>19.972455400000001</v>
      </c>
    </row>
    <row r="13146" spans="1:10" x14ac:dyDescent="0.35">
      <c r="A13146" t="s">
        <v>20</v>
      </c>
      <c r="B13146" t="s">
        <v>81</v>
      </c>
      <c r="C13146" t="s">
        <v>117</v>
      </c>
      <c r="D13146" t="s">
        <v>118</v>
      </c>
      <c r="E13146">
        <v>2016</v>
      </c>
      <c r="F13146">
        <v>2016</v>
      </c>
      <c r="G13146" t="s">
        <v>14</v>
      </c>
      <c r="H13146" t="s">
        <v>123</v>
      </c>
      <c r="I13146" t="s">
        <v>15</v>
      </c>
      <c r="J13146" s="10">
        <v>15.473504719999999</v>
      </c>
    </row>
    <row r="13147" spans="1:10" x14ac:dyDescent="0.35">
      <c r="A13147" t="s">
        <v>20</v>
      </c>
      <c r="B13147" t="s">
        <v>81</v>
      </c>
      <c r="C13147" t="s">
        <v>117</v>
      </c>
      <c r="D13147" t="s">
        <v>118</v>
      </c>
      <c r="E13147">
        <v>2016</v>
      </c>
      <c r="F13147">
        <v>2016</v>
      </c>
      <c r="G13147" t="s">
        <v>14</v>
      </c>
      <c r="H13147" t="s">
        <v>124</v>
      </c>
      <c r="I13147" t="s">
        <v>15</v>
      </c>
      <c r="J13147" s="10">
        <v>1.985834208</v>
      </c>
    </row>
    <row r="13148" spans="1:10" x14ac:dyDescent="0.35">
      <c r="A13148" t="s">
        <v>20</v>
      </c>
      <c r="B13148" t="s">
        <v>81</v>
      </c>
      <c r="C13148" t="s">
        <v>117</v>
      </c>
      <c r="D13148" t="s">
        <v>118</v>
      </c>
      <c r="E13148">
        <v>2016</v>
      </c>
      <c r="F13148">
        <v>2016</v>
      </c>
      <c r="G13148" t="s">
        <v>125</v>
      </c>
      <c r="H13148" t="s">
        <v>119</v>
      </c>
      <c r="I13148" t="s">
        <v>15</v>
      </c>
      <c r="J13148" s="10">
        <v>19.33731521</v>
      </c>
    </row>
    <row r="13149" spans="1:10" x14ac:dyDescent="0.35">
      <c r="A13149" t="s">
        <v>20</v>
      </c>
      <c r="B13149" t="s">
        <v>81</v>
      </c>
      <c r="C13149" t="s">
        <v>117</v>
      </c>
      <c r="D13149" t="s">
        <v>118</v>
      </c>
      <c r="E13149">
        <v>2016</v>
      </c>
      <c r="F13149">
        <v>2016</v>
      </c>
      <c r="G13149" t="s">
        <v>125</v>
      </c>
      <c r="H13149" t="s">
        <v>120</v>
      </c>
      <c r="I13149" t="s">
        <v>15</v>
      </c>
      <c r="J13149" s="10">
        <v>11.22402097</v>
      </c>
    </row>
    <row r="13150" spans="1:10" x14ac:dyDescent="0.35">
      <c r="A13150" t="s">
        <v>20</v>
      </c>
      <c r="B13150" t="s">
        <v>81</v>
      </c>
      <c r="C13150" t="s">
        <v>117</v>
      </c>
      <c r="D13150" t="s">
        <v>118</v>
      </c>
      <c r="E13150">
        <v>2016</v>
      </c>
      <c r="F13150">
        <v>2016</v>
      </c>
      <c r="G13150" t="s">
        <v>125</v>
      </c>
      <c r="H13150" t="s">
        <v>121</v>
      </c>
      <c r="I13150" t="s">
        <v>15</v>
      </c>
      <c r="J13150" s="10">
        <v>33.782870729999999</v>
      </c>
    </row>
    <row r="13151" spans="1:10" x14ac:dyDescent="0.35">
      <c r="A13151" t="s">
        <v>20</v>
      </c>
      <c r="B13151" t="s">
        <v>81</v>
      </c>
      <c r="C13151" t="s">
        <v>117</v>
      </c>
      <c r="D13151" t="s">
        <v>118</v>
      </c>
      <c r="E13151">
        <v>2016</v>
      </c>
      <c r="F13151">
        <v>2016</v>
      </c>
      <c r="G13151" t="s">
        <v>125</v>
      </c>
      <c r="H13151" t="s">
        <v>122</v>
      </c>
      <c r="I13151" t="s">
        <v>15</v>
      </c>
      <c r="J13151" s="10">
        <v>19.942704249999998</v>
      </c>
    </row>
    <row r="13152" spans="1:10" x14ac:dyDescent="0.35">
      <c r="A13152" t="s">
        <v>20</v>
      </c>
      <c r="B13152" t="s">
        <v>81</v>
      </c>
      <c r="C13152" t="s">
        <v>117</v>
      </c>
      <c r="D13152" t="s">
        <v>118</v>
      </c>
      <c r="E13152">
        <v>2016</v>
      </c>
      <c r="F13152">
        <v>2016</v>
      </c>
      <c r="G13152" t="s">
        <v>125</v>
      </c>
      <c r="H13152" t="s">
        <v>123</v>
      </c>
      <c r="I13152" t="s">
        <v>15</v>
      </c>
      <c r="J13152" s="10">
        <v>14.33204508</v>
      </c>
    </row>
    <row r="13153" spans="1:10" x14ac:dyDescent="0.35">
      <c r="A13153" t="s">
        <v>20</v>
      </c>
      <c r="B13153" t="s">
        <v>81</v>
      </c>
      <c r="C13153" t="s">
        <v>117</v>
      </c>
      <c r="D13153" t="s">
        <v>118</v>
      </c>
      <c r="E13153">
        <v>2016</v>
      </c>
      <c r="F13153">
        <v>2016</v>
      </c>
      <c r="G13153" t="s">
        <v>125</v>
      </c>
      <c r="H13153" t="s">
        <v>124</v>
      </c>
      <c r="I13153" t="s">
        <v>15</v>
      </c>
      <c r="J13153" s="10">
        <v>1.381043756</v>
      </c>
    </row>
    <row r="13154" spans="1:10" x14ac:dyDescent="0.35">
      <c r="A13154" t="s">
        <v>20</v>
      </c>
      <c r="B13154" t="s">
        <v>81</v>
      </c>
      <c r="C13154" t="s">
        <v>117</v>
      </c>
      <c r="D13154" t="s">
        <v>118</v>
      </c>
      <c r="E13154">
        <v>2016</v>
      </c>
      <c r="F13154">
        <v>2016</v>
      </c>
      <c r="G13154" t="s">
        <v>126</v>
      </c>
      <c r="H13154" t="s">
        <v>119</v>
      </c>
      <c r="I13154" t="s">
        <v>15</v>
      </c>
      <c r="J13154" s="10">
        <v>17.706873259999998</v>
      </c>
    </row>
    <row r="13155" spans="1:10" x14ac:dyDescent="0.35">
      <c r="A13155" t="s">
        <v>20</v>
      </c>
      <c r="B13155" t="s">
        <v>81</v>
      </c>
      <c r="C13155" t="s">
        <v>117</v>
      </c>
      <c r="D13155" t="s">
        <v>118</v>
      </c>
      <c r="E13155">
        <v>2016</v>
      </c>
      <c r="F13155">
        <v>2016</v>
      </c>
      <c r="G13155" t="s">
        <v>126</v>
      </c>
      <c r="H13155" t="s">
        <v>120</v>
      </c>
      <c r="I13155" t="s">
        <v>15</v>
      </c>
      <c r="J13155" s="10">
        <v>10.01554576</v>
      </c>
    </row>
    <row r="13156" spans="1:10" x14ac:dyDescent="0.35">
      <c r="A13156" t="s">
        <v>20</v>
      </c>
      <c r="B13156" t="s">
        <v>81</v>
      </c>
      <c r="C13156" t="s">
        <v>117</v>
      </c>
      <c r="D13156" t="s">
        <v>118</v>
      </c>
      <c r="E13156">
        <v>2016</v>
      </c>
      <c r="F13156">
        <v>2016</v>
      </c>
      <c r="G13156" t="s">
        <v>126</v>
      </c>
      <c r="H13156" t="s">
        <v>121</v>
      </c>
      <c r="I13156" t="s">
        <v>15</v>
      </c>
      <c r="J13156" s="10">
        <v>33.17107979</v>
      </c>
    </row>
    <row r="13157" spans="1:10" x14ac:dyDescent="0.35">
      <c r="A13157" t="s">
        <v>20</v>
      </c>
      <c r="B13157" t="s">
        <v>81</v>
      </c>
      <c r="C13157" t="s">
        <v>117</v>
      </c>
      <c r="D13157" t="s">
        <v>118</v>
      </c>
      <c r="E13157">
        <v>2016</v>
      </c>
      <c r="F13157">
        <v>2016</v>
      </c>
      <c r="G13157" t="s">
        <v>126</v>
      </c>
      <c r="H13157" t="s">
        <v>122</v>
      </c>
      <c r="I13157" t="s">
        <v>15</v>
      </c>
      <c r="J13157" s="10">
        <v>20.000509699999999</v>
      </c>
    </row>
    <row r="13158" spans="1:10" x14ac:dyDescent="0.35">
      <c r="A13158" t="s">
        <v>20</v>
      </c>
      <c r="B13158" t="s">
        <v>81</v>
      </c>
      <c r="C13158" t="s">
        <v>117</v>
      </c>
      <c r="D13158" t="s">
        <v>118</v>
      </c>
      <c r="E13158">
        <v>2016</v>
      </c>
      <c r="F13158">
        <v>2016</v>
      </c>
      <c r="G13158" t="s">
        <v>126</v>
      </c>
      <c r="H13158" t="s">
        <v>123</v>
      </c>
      <c r="I13158" t="s">
        <v>15</v>
      </c>
      <c r="J13158" s="10">
        <v>16.549861109999998</v>
      </c>
    </row>
    <row r="13159" spans="1:10" x14ac:dyDescent="0.35">
      <c r="A13159" t="s">
        <v>20</v>
      </c>
      <c r="B13159" t="s">
        <v>81</v>
      </c>
      <c r="C13159" t="s">
        <v>117</v>
      </c>
      <c r="D13159" t="s">
        <v>118</v>
      </c>
      <c r="E13159">
        <v>2016</v>
      </c>
      <c r="F13159">
        <v>2016</v>
      </c>
      <c r="G13159" t="s">
        <v>126</v>
      </c>
      <c r="H13159" t="s">
        <v>124</v>
      </c>
      <c r="I13159" t="s">
        <v>15</v>
      </c>
      <c r="J13159" s="10">
        <v>2.5561303799999999</v>
      </c>
    </row>
    <row r="13160" spans="1:10" x14ac:dyDescent="0.35">
      <c r="A13160" t="s">
        <v>20</v>
      </c>
      <c r="B13160" t="s">
        <v>81</v>
      </c>
      <c r="C13160" t="s">
        <v>117</v>
      </c>
      <c r="D13160" t="s">
        <v>118</v>
      </c>
      <c r="E13160">
        <v>2015</v>
      </c>
      <c r="F13160">
        <v>2015</v>
      </c>
      <c r="G13160" t="s">
        <v>14</v>
      </c>
      <c r="H13160" t="s">
        <v>119</v>
      </c>
      <c r="I13160" t="s">
        <v>15</v>
      </c>
      <c r="J13160" s="10">
        <v>18.45667632</v>
      </c>
    </row>
    <row r="13161" spans="1:10" x14ac:dyDescent="0.35">
      <c r="A13161" t="s">
        <v>20</v>
      </c>
      <c r="B13161" t="s">
        <v>81</v>
      </c>
      <c r="C13161" t="s">
        <v>117</v>
      </c>
      <c r="D13161" t="s">
        <v>118</v>
      </c>
      <c r="E13161">
        <v>2015</v>
      </c>
      <c r="F13161">
        <v>2015</v>
      </c>
      <c r="G13161" t="s">
        <v>14</v>
      </c>
      <c r="H13161" t="s">
        <v>120</v>
      </c>
      <c r="I13161" t="s">
        <v>15</v>
      </c>
      <c r="J13161" s="10">
        <v>10.75454306</v>
      </c>
    </row>
    <row r="13162" spans="1:10" x14ac:dyDescent="0.35">
      <c r="A13162" t="s">
        <v>20</v>
      </c>
      <c r="B13162" t="s">
        <v>81</v>
      </c>
      <c r="C13162" t="s">
        <v>117</v>
      </c>
      <c r="D13162" t="s">
        <v>118</v>
      </c>
      <c r="E13162">
        <v>2015</v>
      </c>
      <c r="F13162">
        <v>2015</v>
      </c>
      <c r="G13162" t="s">
        <v>14</v>
      </c>
      <c r="H13162" t="s">
        <v>121</v>
      </c>
      <c r="I13162" t="s">
        <v>15</v>
      </c>
      <c r="J13162" s="10">
        <v>33.780616279999997</v>
      </c>
    </row>
    <row r="13163" spans="1:10" x14ac:dyDescent="0.35">
      <c r="A13163" t="s">
        <v>20</v>
      </c>
      <c r="B13163" t="s">
        <v>81</v>
      </c>
      <c r="C13163" t="s">
        <v>117</v>
      </c>
      <c r="D13163" t="s">
        <v>118</v>
      </c>
      <c r="E13163">
        <v>2015</v>
      </c>
      <c r="F13163">
        <v>2015</v>
      </c>
      <c r="G13163" t="s">
        <v>14</v>
      </c>
      <c r="H13163" t="s">
        <v>122</v>
      </c>
      <c r="I13163" t="s">
        <v>15</v>
      </c>
      <c r="J13163" s="10">
        <v>19.49170398</v>
      </c>
    </row>
    <row r="13164" spans="1:10" x14ac:dyDescent="0.35">
      <c r="A13164" t="s">
        <v>20</v>
      </c>
      <c r="B13164" t="s">
        <v>81</v>
      </c>
      <c r="C13164" t="s">
        <v>117</v>
      </c>
      <c r="D13164" t="s">
        <v>118</v>
      </c>
      <c r="E13164">
        <v>2015</v>
      </c>
      <c r="F13164">
        <v>2015</v>
      </c>
      <c r="G13164" t="s">
        <v>14</v>
      </c>
      <c r="H13164" t="s">
        <v>123</v>
      </c>
      <c r="I13164" t="s">
        <v>15</v>
      </c>
      <c r="J13164" s="10">
        <v>15.54121675</v>
      </c>
    </row>
    <row r="13165" spans="1:10" x14ac:dyDescent="0.35">
      <c r="A13165" t="s">
        <v>20</v>
      </c>
      <c r="B13165" t="s">
        <v>81</v>
      </c>
      <c r="C13165" t="s">
        <v>117</v>
      </c>
      <c r="D13165" t="s">
        <v>118</v>
      </c>
      <c r="E13165">
        <v>2015</v>
      </c>
      <c r="F13165">
        <v>2015</v>
      </c>
      <c r="G13165" t="s">
        <v>14</v>
      </c>
      <c r="H13165" t="s">
        <v>124</v>
      </c>
      <c r="I13165" t="s">
        <v>15</v>
      </c>
      <c r="J13165" s="10">
        <v>1.975243613</v>
      </c>
    </row>
    <row r="13166" spans="1:10" x14ac:dyDescent="0.35">
      <c r="A13166" t="s">
        <v>20</v>
      </c>
      <c r="B13166" t="s">
        <v>81</v>
      </c>
      <c r="C13166" t="s">
        <v>117</v>
      </c>
      <c r="D13166" t="s">
        <v>118</v>
      </c>
      <c r="E13166">
        <v>2015</v>
      </c>
      <c r="F13166">
        <v>2015</v>
      </c>
      <c r="G13166" t="s">
        <v>125</v>
      </c>
      <c r="H13166" t="s">
        <v>119</v>
      </c>
      <c r="I13166" t="s">
        <v>15</v>
      </c>
      <c r="J13166" s="10">
        <v>19.352643329999999</v>
      </c>
    </row>
    <row r="13167" spans="1:10" x14ac:dyDescent="0.35">
      <c r="A13167" t="s">
        <v>20</v>
      </c>
      <c r="B13167" t="s">
        <v>81</v>
      </c>
      <c r="C13167" t="s">
        <v>117</v>
      </c>
      <c r="D13167" t="s">
        <v>118</v>
      </c>
      <c r="E13167">
        <v>2015</v>
      </c>
      <c r="F13167">
        <v>2015</v>
      </c>
      <c r="G13167" t="s">
        <v>125</v>
      </c>
      <c r="H13167" t="s">
        <v>120</v>
      </c>
      <c r="I13167" t="s">
        <v>15</v>
      </c>
      <c r="J13167" s="10">
        <v>11.46349431</v>
      </c>
    </row>
    <row r="13168" spans="1:10" x14ac:dyDescent="0.35">
      <c r="A13168" t="s">
        <v>20</v>
      </c>
      <c r="B13168" t="s">
        <v>81</v>
      </c>
      <c r="C13168" t="s">
        <v>117</v>
      </c>
      <c r="D13168" t="s">
        <v>118</v>
      </c>
      <c r="E13168">
        <v>2015</v>
      </c>
      <c r="F13168">
        <v>2015</v>
      </c>
      <c r="G13168" t="s">
        <v>125</v>
      </c>
      <c r="H13168" t="s">
        <v>121</v>
      </c>
      <c r="I13168" t="s">
        <v>15</v>
      </c>
      <c r="J13168" s="10">
        <v>34.009364619999999</v>
      </c>
    </row>
    <row r="13169" spans="1:10" x14ac:dyDescent="0.35">
      <c r="A13169" t="s">
        <v>20</v>
      </c>
      <c r="B13169" t="s">
        <v>81</v>
      </c>
      <c r="C13169" t="s">
        <v>117</v>
      </c>
      <c r="D13169" t="s">
        <v>118</v>
      </c>
      <c r="E13169">
        <v>2015</v>
      </c>
      <c r="F13169">
        <v>2015</v>
      </c>
      <c r="G13169" t="s">
        <v>125</v>
      </c>
      <c r="H13169" t="s">
        <v>122</v>
      </c>
      <c r="I13169" t="s">
        <v>15</v>
      </c>
      <c r="J13169" s="10">
        <v>19.445200629999999</v>
      </c>
    </row>
    <row r="13170" spans="1:10" x14ac:dyDescent="0.35">
      <c r="A13170" t="s">
        <v>20</v>
      </c>
      <c r="B13170" t="s">
        <v>81</v>
      </c>
      <c r="C13170" t="s">
        <v>117</v>
      </c>
      <c r="D13170" t="s">
        <v>118</v>
      </c>
      <c r="E13170">
        <v>2015</v>
      </c>
      <c r="F13170">
        <v>2015</v>
      </c>
      <c r="G13170" t="s">
        <v>125</v>
      </c>
      <c r="H13170" t="s">
        <v>123</v>
      </c>
      <c r="I13170" t="s">
        <v>15</v>
      </c>
      <c r="J13170" s="10">
        <v>14.36543801</v>
      </c>
    </row>
    <row r="13171" spans="1:10" x14ac:dyDescent="0.35">
      <c r="A13171" t="s">
        <v>20</v>
      </c>
      <c r="B13171" t="s">
        <v>81</v>
      </c>
      <c r="C13171" t="s">
        <v>117</v>
      </c>
      <c r="D13171" t="s">
        <v>118</v>
      </c>
      <c r="E13171">
        <v>2015</v>
      </c>
      <c r="F13171">
        <v>2015</v>
      </c>
      <c r="G13171" t="s">
        <v>125</v>
      </c>
      <c r="H13171" t="s">
        <v>124</v>
      </c>
      <c r="I13171" t="s">
        <v>15</v>
      </c>
      <c r="J13171" s="10">
        <v>1.363859095</v>
      </c>
    </row>
    <row r="13172" spans="1:10" x14ac:dyDescent="0.35">
      <c r="A13172" t="s">
        <v>20</v>
      </c>
      <c r="B13172" t="s">
        <v>81</v>
      </c>
      <c r="C13172" t="s">
        <v>117</v>
      </c>
      <c r="D13172" t="s">
        <v>118</v>
      </c>
      <c r="E13172">
        <v>2015</v>
      </c>
      <c r="F13172">
        <v>2015</v>
      </c>
      <c r="G13172" t="s">
        <v>126</v>
      </c>
      <c r="H13172" t="s">
        <v>119</v>
      </c>
      <c r="I13172" t="s">
        <v>15</v>
      </c>
      <c r="J13172" s="10">
        <v>17.61720145</v>
      </c>
    </row>
    <row r="13173" spans="1:10" x14ac:dyDescent="0.35">
      <c r="A13173" t="s">
        <v>20</v>
      </c>
      <c r="B13173" t="s">
        <v>81</v>
      </c>
      <c r="C13173" t="s">
        <v>117</v>
      </c>
      <c r="D13173" t="s">
        <v>118</v>
      </c>
      <c r="E13173">
        <v>2015</v>
      </c>
      <c r="F13173">
        <v>2015</v>
      </c>
      <c r="G13173" t="s">
        <v>126</v>
      </c>
      <c r="H13173" t="s">
        <v>120</v>
      </c>
      <c r="I13173" t="s">
        <v>15</v>
      </c>
      <c r="J13173" s="10">
        <v>10.0902923</v>
      </c>
    </row>
    <row r="13174" spans="1:10" x14ac:dyDescent="0.35">
      <c r="A13174" t="s">
        <v>20</v>
      </c>
      <c r="B13174" t="s">
        <v>81</v>
      </c>
      <c r="C13174" t="s">
        <v>117</v>
      </c>
      <c r="D13174" t="s">
        <v>118</v>
      </c>
      <c r="E13174">
        <v>2015</v>
      </c>
      <c r="F13174">
        <v>2015</v>
      </c>
      <c r="G13174" t="s">
        <v>126</v>
      </c>
      <c r="H13174" t="s">
        <v>121</v>
      </c>
      <c r="I13174" t="s">
        <v>15</v>
      </c>
      <c r="J13174" s="10">
        <v>33.566290870000003</v>
      </c>
    </row>
    <row r="13175" spans="1:10" x14ac:dyDescent="0.35">
      <c r="A13175" t="s">
        <v>20</v>
      </c>
      <c r="B13175" t="s">
        <v>81</v>
      </c>
      <c r="C13175" t="s">
        <v>117</v>
      </c>
      <c r="D13175" t="s">
        <v>118</v>
      </c>
      <c r="E13175">
        <v>2015</v>
      </c>
      <c r="F13175">
        <v>2015</v>
      </c>
      <c r="G13175" t="s">
        <v>126</v>
      </c>
      <c r="H13175" t="s">
        <v>122</v>
      </c>
      <c r="I13175" t="s">
        <v>15</v>
      </c>
      <c r="J13175" s="10">
        <v>19.535275209999998</v>
      </c>
    </row>
    <row r="13176" spans="1:10" x14ac:dyDescent="0.35">
      <c r="A13176" t="s">
        <v>20</v>
      </c>
      <c r="B13176" t="s">
        <v>81</v>
      </c>
      <c r="C13176" t="s">
        <v>117</v>
      </c>
      <c r="D13176" t="s">
        <v>118</v>
      </c>
      <c r="E13176">
        <v>2015</v>
      </c>
      <c r="F13176">
        <v>2015</v>
      </c>
      <c r="G13176" t="s">
        <v>126</v>
      </c>
      <c r="H13176" t="s">
        <v>123</v>
      </c>
      <c r="I13176" t="s">
        <v>15</v>
      </c>
      <c r="J13176" s="10">
        <v>16.64286079</v>
      </c>
    </row>
    <row r="13177" spans="1:10" x14ac:dyDescent="0.35">
      <c r="A13177" t="s">
        <v>20</v>
      </c>
      <c r="B13177" t="s">
        <v>81</v>
      </c>
      <c r="C13177" t="s">
        <v>117</v>
      </c>
      <c r="D13177" t="s">
        <v>118</v>
      </c>
      <c r="E13177">
        <v>2015</v>
      </c>
      <c r="F13177">
        <v>2015</v>
      </c>
      <c r="G13177" t="s">
        <v>126</v>
      </c>
      <c r="H13177" t="s">
        <v>124</v>
      </c>
      <c r="I13177" t="s">
        <v>15</v>
      </c>
      <c r="J13177" s="10">
        <v>2.548079376</v>
      </c>
    </row>
    <row r="13178" spans="1:10" x14ac:dyDescent="0.35">
      <c r="A13178" t="s">
        <v>20</v>
      </c>
      <c r="B13178" t="s">
        <v>81</v>
      </c>
      <c r="C13178" t="s">
        <v>117</v>
      </c>
      <c r="D13178" t="s">
        <v>118</v>
      </c>
      <c r="E13178">
        <v>2014</v>
      </c>
      <c r="F13178">
        <v>2014</v>
      </c>
      <c r="G13178" t="s">
        <v>14</v>
      </c>
      <c r="H13178" t="s">
        <v>119</v>
      </c>
      <c r="I13178" t="s">
        <v>15</v>
      </c>
      <c r="J13178" s="10">
        <v>18.33824521</v>
      </c>
    </row>
    <row r="13179" spans="1:10" x14ac:dyDescent="0.35">
      <c r="A13179" t="s">
        <v>20</v>
      </c>
      <c r="B13179" t="s">
        <v>81</v>
      </c>
      <c r="C13179" t="s">
        <v>117</v>
      </c>
      <c r="D13179" t="s">
        <v>118</v>
      </c>
      <c r="E13179">
        <v>2014</v>
      </c>
      <c r="F13179">
        <v>2014</v>
      </c>
      <c r="G13179" t="s">
        <v>14</v>
      </c>
      <c r="H13179" t="s">
        <v>120</v>
      </c>
      <c r="I13179" t="s">
        <v>15</v>
      </c>
      <c r="J13179" s="10">
        <v>10.83563509</v>
      </c>
    </row>
    <row r="13180" spans="1:10" x14ac:dyDescent="0.35">
      <c r="A13180" t="s">
        <v>20</v>
      </c>
      <c r="B13180" t="s">
        <v>81</v>
      </c>
      <c r="C13180" t="s">
        <v>117</v>
      </c>
      <c r="D13180" t="s">
        <v>118</v>
      </c>
      <c r="E13180">
        <v>2014</v>
      </c>
      <c r="F13180">
        <v>2014</v>
      </c>
      <c r="G13180" t="s">
        <v>14</v>
      </c>
      <c r="H13180" t="s">
        <v>121</v>
      </c>
      <c r="I13180" t="s">
        <v>15</v>
      </c>
      <c r="J13180" s="10">
        <v>34.260642019999999</v>
      </c>
    </row>
    <row r="13181" spans="1:10" x14ac:dyDescent="0.35">
      <c r="A13181" t="s">
        <v>20</v>
      </c>
      <c r="B13181" t="s">
        <v>81</v>
      </c>
      <c r="C13181" t="s">
        <v>117</v>
      </c>
      <c r="D13181" t="s">
        <v>118</v>
      </c>
      <c r="E13181">
        <v>2014</v>
      </c>
      <c r="F13181">
        <v>2014</v>
      </c>
      <c r="G13181" t="s">
        <v>14</v>
      </c>
      <c r="H13181" t="s">
        <v>122</v>
      </c>
      <c r="I13181" t="s">
        <v>15</v>
      </c>
      <c r="J13181" s="10">
        <v>19.082294789999999</v>
      </c>
    </row>
    <row r="13182" spans="1:10" x14ac:dyDescent="0.35">
      <c r="A13182" t="s">
        <v>20</v>
      </c>
      <c r="B13182" t="s">
        <v>81</v>
      </c>
      <c r="C13182" t="s">
        <v>117</v>
      </c>
      <c r="D13182" t="s">
        <v>118</v>
      </c>
      <c r="E13182">
        <v>2014</v>
      </c>
      <c r="F13182">
        <v>2014</v>
      </c>
      <c r="G13182" t="s">
        <v>14</v>
      </c>
      <c r="H13182" t="s">
        <v>123</v>
      </c>
      <c r="I13182" t="s">
        <v>15</v>
      </c>
      <c r="J13182" s="10">
        <v>15.516671730000001</v>
      </c>
    </row>
    <row r="13183" spans="1:10" x14ac:dyDescent="0.35">
      <c r="A13183" t="s">
        <v>20</v>
      </c>
      <c r="B13183" t="s">
        <v>81</v>
      </c>
      <c r="C13183" t="s">
        <v>117</v>
      </c>
      <c r="D13183" t="s">
        <v>118</v>
      </c>
      <c r="E13183">
        <v>2014</v>
      </c>
      <c r="F13183">
        <v>2014</v>
      </c>
      <c r="G13183" t="s">
        <v>14</v>
      </c>
      <c r="H13183" t="s">
        <v>124</v>
      </c>
      <c r="I13183" t="s">
        <v>15</v>
      </c>
      <c r="J13183" s="10">
        <v>1.9665111609999999</v>
      </c>
    </row>
    <row r="13184" spans="1:10" x14ac:dyDescent="0.35">
      <c r="A13184" t="s">
        <v>20</v>
      </c>
      <c r="B13184" t="s">
        <v>81</v>
      </c>
      <c r="C13184" t="s">
        <v>117</v>
      </c>
      <c r="D13184" t="s">
        <v>118</v>
      </c>
      <c r="E13184">
        <v>2014</v>
      </c>
      <c r="F13184">
        <v>2014</v>
      </c>
      <c r="G13184" t="s">
        <v>125</v>
      </c>
      <c r="H13184" t="s">
        <v>119</v>
      </c>
      <c r="I13184" t="s">
        <v>15</v>
      </c>
      <c r="J13184" s="10">
        <v>19.313832699999999</v>
      </c>
    </row>
    <row r="13185" spans="1:10" x14ac:dyDescent="0.35">
      <c r="A13185" t="s">
        <v>20</v>
      </c>
      <c r="B13185" t="s">
        <v>81</v>
      </c>
      <c r="C13185" t="s">
        <v>117</v>
      </c>
      <c r="D13185" t="s">
        <v>118</v>
      </c>
      <c r="E13185">
        <v>2014</v>
      </c>
      <c r="F13185">
        <v>2014</v>
      </c>
      <c r="G13185" t="s">
        <v>125</v>
      </c>
      <c r="H13185" t="s">
        <v>120</v>
      </c>
      <c r="I13185" t="s">
        <v>15</v>
      </c>
      <c r="J13185" s="10">
        <v>11.437944229999999</v>
      </c>
    </row>
    <row r="13186" spans="1:10" x14ac:dyDescent="0.35">
      <c r="A13186" t="s">
        <v>20</v>
      </c>
      <c r="B13186" t="s">
        <v>81</v>
      </c>
      <c r="C13186" t="s">
        <v>117</v>
      </c>
      <c r="D13186" t="s">
        <v>118</v>
      </c>
      <c r="E13186">
        <v>2014</v>
      </c>
      <c r="F13186">
        <v>2014</v>
      </c>
      <c r="G13186" t="s">
        <v>125</v>
      </c>
      <c r="H13186" t="s">
        <v>121</v>
      </c>
      <c r="I13186" t="s">
        <v>15</v>
      </c>
      <c r="J13186" s="10">
        <v>34.584472390000002</v>
      </c>
    </row>
    <row r="13187" spans="1:10" x14ac:dyDescent="0.35">
      <c r="A13187" t="s">
        <v>20</v>
      </c>
      <c r="B13187" t="s">
        <v>81</v>
      </c>
      <c r="C13187" t="s">
        <v>117</v>
      </c>
      <c r="D13187" t="s">
        <v>118</v>
      </c>
      <c r="E13187">
        <v>2014</v>
      </c>
      <c r="F13187">
        <v>2014</v>
      </c>
      <c r="G13187" t="s">
        <v>125</v>
      </c>
      <c r="H13187" t="s">
        <v>122</v>
      </c>
      <c r="I13187" t="s">
        <v>15</v>
      </c>
      <c r="J13187" s="10">
        <v>19.10333516</v>
      </c>
    </row>
    <row r="13188" spans="1:10" x14ac:dyDescent="0.35">
      <c r="A13188" t="s">
        <v>20</v>
      </c>
      <c r="B13188" t="s">
        <v>81</v>
      </c>
      <c r="C13188" t="s">
        <v>117</v>
      </c>
      <c r="D13188" t="s">
        <v>118</v>
      </c>
      <c r="E13188">
        <v>2014</v>
      </c>
      <c r="F13188">
        <v>2014</v>
      </c>
      <c r="G13188" t="s">
        <v>125</v>
      </c>
      <c r="H13188" t="s">
        <v>123</v>
      </c>
      <c r="I13188" t="s">
        <v>15</v>
      </c>
      <c r="J13188" s="10">
        <v>14.2345544</v>
      </c>
    </row>
    <row r="13189" spans="1:10" x14ac:dyDescent="0.35">
      <c r="A13189" t="s">
        <v>20</v>
      </c>
      <c r="B13189" t="s">
        <v>81</v>
      </c>
      <c r="C13189" t="s">
        <v>117</v>
      </c>
      <c r="D13189" t="s">
        <v>118</v>
      </c>
      <c r="E13189">
        <v>2014</v>
      </c>
      <c r="F13189">
        <v>2014</v>
      </c>
      <c r="G13189" t="s">
        <v>125</v>
      </c>
      <c r="H13189" t="s">
        <v>124</v>
      </c>
      <c r="I13189" t="s">
        <v>15</v>
      </c>
      <c r="J13189" s="10">
        <v>1.3258611259999999</v>
      </c>
    </row>
    <row r="13190" spans="1:10" x14ac:dyDescent="0.35">
      <c r="A13190" t="s">
        <v>20</v>
      </c>
      <c r="B13190" t="s">
        <v>81</v>
      </c>
      <c r="C13190" t="s">
        <v>117</v>
      </c>
      <c r="D13190" t="s">
        <v>118</v>
      </c>
      <c r="E13190">
        <v>2014</v>
      </c>
      <c r="F13190">
        <v>2014</v>
      </c>
      <c r="G13190" t="s">
        <v>126</v>
      </c>
      <c r="H13190" t="s">
        <v>119</v>
      </c>
      <c r="I13190" t="s">
        <v>15</v>
      </c>
      <c r="J13190" s="10">
        <v>17.425230899999999</v>
      </c>
    </row>
    <row r="13191" spans="1:10" x14ac:dyDescent="0.35">
      <c r="A13191" t="s">
        <v>20</v>
      </c>
      <c r="B13191" t="s">
        <v>81</v>
      </c>
      <c r="C13191" t="s">
        <v>117</v>
      </c>
      <c r="D13191" t="s">
        <v>118</v>
      </c>
      <c r="E13191">
        <v>2014</v>
      </c>
      <c r="F13191">
        <v>2014</v>
      </c>
      <c r="G13191" t="s">
        <v>126</v>
      </c>
      <c r="H13191" t="s">
        <v>120</v>
      </c>
      <c r="I13191" t="s">
        <v>15</v>
      </c>
      <c r="J13191" s="10">
        <v>10.27195743</v>
      </c>
    </row>
    <row r="13192" spans="1:10" x14ac:dyDescent="0.35">
      <c r="A13192" t="s">
        <v>20</v>
      </c>
      <c r="B13192" t="s">
        <v>81</v>
      </c>
      <c r="C13192" t="s">
        <v>117</v>
      </c>
      <c r="D13192" t="s">
        <v>118</v>
      </c>
      <c r="E13192">
        <v>2014</v>
      </c>
      <c r="F13192">
        <v>2014</v>
      </c>
      <c r="G13192" t="s">
        <v>126</v>
      </c>
      <c r="H13192" t="s">
        <v>121</v>
      </c>
      <c r="I13192" t="s">
        <v>15</v>
      </c>
      <c r="J13192" s="10">
        <v>33.9575818</v>
      </c>
    </row>
    <row r="13193" spans="1:10" x14ac:dyDescent="0.35">
      <c r="A13193" t="s">
        <v>20</v>
      </c>
      <c r="B13193" t="s">
        <v>81</v>
      </c>
      <c r="C13193" t="s">
        <v>117</v>
      </c>
      <c r="D13193" t="s">
        <v>118</v>
      </c>
      <c r="E13193">
        <v>2014</v>
      </c>
      <c r="F13193">
        <v>2014</v>
      </c>
      <c r="G13193" t="s">
        <v>126</v>
      </c>
      <c r="H13193" t="s">
        <v>122</v>
      </c>
      <c r="I13193" t="s">
        <v>15</v>
      </c>
      <c r="J13193" s="10">
        <v>19.062603930000002</v>
      </c>
    </row>
    <row r="13194" spans="1:10" x14ac:dyDescent="0.35">
      <c r="A13194" t="s">
        <v>20</v>
      </c>
      <c r="B13194" t="s">
        <v>81</v>
      </c>
      <c r="C13194" t="s">
        <v>117</v>
      </c>
      <c r="D13194" t="s">
        <v>118</v>
      </c>
      <c r="E13194">
        <v>2014</v>
      </c>
      <c r="F13194">
        <v>2014</v>
      </c>
      <c r="G13194" t="s">
        <v>126</v>
      </c>
      <c r="H13194" t="s">
        <v>123</v>
      </c>
      <c r="I13194" t="s">
        <v>15</v>
      </c>
      <c r="J13194" s="10">
        <v>16.716555379999999</v>
      </c>
    </row>
    <row r="13195" spans="1:10" x14ac:dyDescent="0.35">
      <c r="A13195" t="s">
        <v>20</v>
      </c>
      <c r="B13195" t="s">
        <v>81</v>
      </c>
      <c r="C13195" t="s">
        <v>117</v>
      </c>
      <c r="D13195" t="s">
        <v>118</v>
      </c>
      <c r="E13195">
        <v>2014</v>
      </c>
      <c r="F13195">
        <v>2014</v>
      </c>
      <c r="G13195" t="s">
        <v>126</v>
      </c>
      <c r="H13195" t="s">
        <v>124</v>
      </c>
      <c r="I13195" t="s">
        <v>15</v>
      </c>
      <c r="J13195" s="10">
        <v>2.5660705610000001</v>
      </c>
    </row>
    <row r="13196" spans="1:10" x14ac:dyDescent="0.35">
      <c r="A13196" t="s">
        <v>20</v>
      </c>
      <c r="B13196" t="s">
        <v>81</v>
      </c>
      <c r="C13196" t="s">
        <v>117</v>
      </c>
      <c r="D13196" t="s">
        <v>118</v>
      </c>
      <c r="E13196">
        <v>2013</v>
      </c>
      <c r="F13196">
        <v>2013</v>
      </c>
      <c r="G13196" t="s">
        <v>14</v>
      </c>
      <c r="H13196" t="s">
        <v>119</v>
      </c>
      <c r="I13196" t="s">
        <v>15</v>
      </c>
      <c r="J13196" s="10">
        <v>18.469370170000001</v>
      </c>
    </row>
    <row r="13197" spans="1:10" x14ac:dyDescent="0.35">
      <c r="A13197" t="s">
        <v>20</v>
      </c>
      <c r="B13197" t="s">
        <v>81</v>
      </c>
      <c r="C13197" t="s">
        <v>117</v>
      </c>
      <c r="D13197" t="s">
        <v>118</v>
      </c>
      <c r="E13197">
        <v>2013</v>
      </c>
      <c r="F13197">
        <v>2013</v>
      </c>
      <c r="G13197" t="s">
        <v>14</v>
      </c>
      <c r="H13197" t="s">
        <v>120</v>
      </c>
      <c r="I13197" t="s">
        <v>15</v>
      </c>
      <c r="J13197" s="10">
        <v>10.86527117</v>
      </c>
    </row>
    <row r="13198" spans="1:10" x14ac:dyDescent="0.35">
      <c r="A13198" t="s">
        <v>20</v>
      </c>
      <c r="B13198" t="s">
        <v>81</v>
      </c>
      <c r="C13198" t="s">
        <v>117</v>
      </c>
      <c r="D13198" t="s">
        <v>118</v>
      </c>
      <c r="E13198">
        <v>2013</v>
      </c>
      <c r="F13198">
        <v>2013</v>
      </c>
      <c r="G13198" t="s">
        <v>14</v>
      </c>
      <c r="H13198" t="s">
        <v>121</v>
      </c>
      <c r="I13198" t="s">
        <v>15</v>
      </c>
      <c r="J13198" s="10">
        <v>34.500815289999998</v>
      </c>
    </row>
    <row r="13199" spans="1:10" x14ac:dyDescent="0.35">
      <c r="A13199" t="s">
        <v>20</v>
      </c>
      <c r="B13199" t="s">
        <v>81</v>
      </c>
      <c r="C13199" t="s">
        <v>117</v>
      </c>
      <c r="D13199" t="s">
        <v>118</v>
      </c>
      <c r="E13199">
        <v>2013</v>
      </c>
      <c r="F13199">
        <v>2013</v>
      </c>
      <c r="G13199" t="s">
        <v>14</v>
      </c>
      <c r="H13199" t="s">
        <v>122</v>
      </c>
      <c r="I13199" t="s">
        <v>15</v>
      </c>
      <c r="J13199" s="10">
        <v>18.851165940000001</v>
      </c>
    </row>
    <row r="13200" spans="1:10" x14ac:dyDescent="0.35">
      <c r="A13200" t="s">
        <v>20</v>
      </c>
      <c r="B13200" t="s">
        <v>81</v>
      </c>
      <c r="C13200" t="s">
        <v>117</v>
      </c>
      <c r="D13200" t="s">
        <v>118</v>
      </c>
      <c r="E13200">
        <v>2013</v>
      </c>
      <c r="F13200">
        <v>2013</v>
      </c>
      <c r="G13200" t="s">
        <v>14</v>
      </c>
      <c r="H13200" t="s">
        <v>123</v>
      </c>
      <c r="I13200" t="s">
        <v>15</v>
      </c>
      <c r="J13200" s="10">
        <v>15.38318773</v>
      </c>
    </row>
    <row r="13201" spans="1:10" x14ac:dyDescent="0.35">
      <c r="A13201" t="s">
        <v>20</v>
      </c>
      <c r="B13201" t="s">
        <v>81</v>
      </c>
      <c r="C13201" t="s">
        <v>117</v>
      </c>
      <c r="D13201" t="s">
        <v>118</v>
      </c>
      <c r="E13201">
        <v>2013</v>
      </c>
      <c r="F13201">
        <v>2013</v>
      </c>
      <c r="G13201" t="s">
        <v>14</v>
      </c>
      <c r="H13201" t="s">
        <v>124</v>
      </c>
      <c r="I13201" t="s">
        <v>15</v>
      </c>
      <c r="J13201" s="10">
        <v>1.9301897050000001</v>
      </c>
    </row>
    <row r="13202" spans="1:10" x14ac:dyDescent="0.35">
      <c r="A13202" t="s">
        <v>20</v>
      </c>
      <c r="B13202" t="s">
        <v>81</v>
      </c>
      <c r="C13202" t="s">
        <v>117</v>
      </c>
      <c r="D13202" t="s">
        <v>118</v>
      </c>
      <c r="E13202">
        <v>2013</v>
      </c>
      <c r="F13202">
        <v>2013</v>
      </c>
      <c r="G13202" t="s">
        <v>125</v>
      </c>
      <c r="H13202" t="s">
        <v>119</v>
      </c>
      <c r="I13202" t="s">
        <v>15</v>
      </c>
      <c r="J13202" s="10">
        <v>19.480768699999999</v>
      </c>
    </row>
    <row r="13203" spans="1:10" x14ac:dyDescent="0.35">
      <c r="A13203" t="s">
        <v>20</v>
      </c>
      <c r="B13203" t="s">
        <v>81</v>
      </c>
      <c r="C13203" t="s">
        <v>117</v>
      </c>
      <c r="D13203" t="s">
        <v>118</v>
      </c>
      <c r="E13203">
        <v>2013</v>
      </c>
      <c r="F13203">
        <v>2013</v>
      </c>
      <c r="G13203" t="s">
        <v>125</v>
      </c>
      <c r="H13203" t="s">
        <v>120</v>
      </c>
      <c r="I13203" t="s">
        <v>15</v>
      </c>
      <c r="J13203" s="10">
        <v>11.445568440000001</v>
      </c>
    </row>
    <row r="13204" spans="1:10" x14ac:dyDescent="0.35">
      <c r="A13204" t="s">
        <v>20</v>
      </c>
      <c r="B13204" t="s">
        <v>81</v>
      </c>
      <c r="C13204" t="s">
        <v>117</v>
      </c>
      <c r="D13204" t="s">
        <v>118</v>
      </c>
      <c r="E13204">
        <v>2013</v>
      </c>
      <c r="F13204">
        <v>2013</v>
      </c>
      <c r="G13204" t="s">
        <v>125</v>
      </c>
      <c r="H13204" t="s">
        <v>121</v>
      </c>
      <c r="I13204" t="s">
        <v>15</v>
      </c>
      <c r="J13204" s="10">
        <v>34.926117830000003</v>
      </c>
    </row>
    <row r="13205" spans="1:10" x14ac:dyDescent="0.35">
      <c r="A13205" t="s">
        <v>20</v>
      </c>
      <c r="B13205" t="s">
        <v>81</v>
      </c>
      <c r="C13205" t="s">
        <v>117</v>
      </c>
      <c r="D13205" t="s">
        <v>118</v>
      </c>
      <c r="E13205">
        <v>2013</v>
      </c>
      <c r="F13205">
        <v>2013</v>
      </c>
      <c r="G13205" t="s">
        <v>125</v>
      </c>
      <c r="H13205" t="s">
        <v>122</v>
      </c>
      <c r="I13205" t="s">
        <v>15</v>
      </c>
      <c r="J13205" s="10">
        <v>18.743317709999999</v>
      </c>
    </row>
    <row r="13206" spans="1:10" x14ac:dyDescent="0.35">
      <c r="A13206" t="s">
        <v>20</v>
      </c>
      <c r="B13206" t="s">
        <v>81</v>
      </c>
      <c r="C13206" t="s">
        <v>117</v>
      </c>
      <c r="D13206" t="s">
        <v>118</v>
      </c>
      <c r="E13206">
        <v>2013</v>
      </c>
      <c r="F13206">
        <v>2013</v>
      </c>
      <c r="G13206" t="s">
        <v>125</v>
      </c>
      <c r="H13206" t="s">
        <v>123</v>
      </c>
      <c r="I13206" t="s">
        <v>15</v>
      </c>
      <c r="J13206" s="10">
        <v>14.11026126</v>
      </c>
    </row>
    <row r="13207" spans="1:10" x14ac:dyDescent="0.35">
      <c r="A13207" t="s">
        <v>20</v>
      </c>
      <c r="B13207" t="s">
        <v>81</v>
      </c>
      <c r="C13207" t="s">
        <v>117</v>
      </c>
      <c r="D13207" t="s">
        <v>118</v>
      </c>
      <c r="E13207">
        <v>2013</v>
      </c>
      <c r="F13207">
        <v>2013</v>
      </c>
      <c r="G13207" t="s">
        <v>125</v>
      </c>
      <c r="H13207" t="s">
        <v>124</v>
      </c>
      <c r="I13207" t="s">
        <v>15</v>
      </c>
      <c r="J13207" s="10">
        <v>1.2939660609999999</v>
      </c>
    </row>
    <row r="13208" spans="1:10" x14ac:dyDescent="0.35">
      <c r="A13208" t="s">
        <v>20</v>
      </c>
      <c r="B13208" t="s">
        <v>81</v>
      </c>
      <c r="C13208" t="s">
        <v>117</v>
      </c>
      <c r="D13208" t="s">
        <v>118</v>
      </c>
      <c r="E13208">
        <v>2013</v>
      </c>
      <c r="F13208">
        <v>2013</v>
      </c>
      <c r="G13208" t="s">
        <v>126</v>
      </c>
      <c r="H13208" t="s">
        <v>119</v>
      </c>
      <c r="I13208" t="s">
        <v>15</v>
      </c>
      <c r="J13208" s="10">
        <v>17.522332890000001</v>
      </c>
    </row>
    <row r="13209" spans="1:10" x14ac:dyDescent="0.35">
      <c r="A13209" t="s">
        <v>20</v>
      </c>
      <c r="B13209" t="s">
        <v>81</v>
      </c>
      <c r="C13209" t="s">
        <v>117</v>
      </c>
      <c r="D13209" t="s">
        <v>118</v>
      </c>
      <c r="E13209">
        <v>2013</v>
      </c>
      <c r="F13209">
        <v>2013</v>
      </c>
      <c r="G13209" t="s">
        <v>126</v>
      </c>
      <c r="H13209" t="s">
        <v>120</v>
      </c>
      <c r="I13209" t="s">
        <v>15</v>
      </c>
      <c r="J13209" s="10">
        <v>10.321901629999999</v>
      </c>
    </row>
    <row r="13210" spans="1:10" x14ac:dyDescent="0.35">
      <c r="A13210" t="s">
        <v>20</v>
      </c>
      <c r="B13210" t="s">
        <v>81</v>
      </c>
      <c r="C13210" t="s">
        <v>117</v>
      </c>
      <c r="D13210" t="s">
        <v>118</v>
      </c>
      <c r="E13210">
        <v>2013</v>
      </c>
      <c r="F13210">
        <v>2013</v>
      </c>
      <c r="G13210" t="s">
        <v>126</v>
      </c>
      <c r="H13210" t="s">
        <v>121</v>
      </c>
      <c r="I13210" t="s">
        <v>15</v>
      </c>
      <c r="J13210" s="10">
        <v>34.102577269999998</v>
      </c>
    </row>
    <row r="13211" spans="1:10" x14ac:dyDescent="0.35">
      <c r="A13211" t="s">
        <v>20</v>
      </c>
      <c r="B13211" t="s">
        <v>81</v>
      </c>
      <c r="C13211" t="s">
        <v>117</v>
      </c>
      <c r="D13211" t="s">
        <v>118</v>
      </c>
      <c r="E13211">
        <v>2013</v>
      </c>
      <c r="F13211">
        <v>2013</v>
      </c>
      <c r="G13211" t="s">
        <v>126</v>
      </c>
      <c r="H13211" t="s">
        <v>122</v>
      </c>
      <c r="I13211" t="s">
        <v>15</v>
      </c>
      <c r="J13211" s="10">
        <v>18.952151140000002</v>
      </c>
    </row>
    <row r="13212" spans="1:10" x14ac:dyDescent="0.35">
      <c r="A13212" t="s">
        <v>20</v>
      </c>
      <c r="B13212" t="s">
        <v>81</v>
      </c>
      <c r="C13212" t="s">
        <v>117</v>
      </c>
      <c r="D13212" t="s">
        <v>118</v>
      </c>
      <c r="E13212">
        <v>2013</v>
      </c>
      <c r="F13212">
        <v>2013</v>
      </c>
      <c r="G13212" t="s">
        <v>126</v>
      </c>
      <c r="H13212" t="s">
        <v>123</v>
      </c>
      <c r="I13212" t="s">
        <v>15</v>
      </c>
      <c r="J13212" s="10">
        <v>16.575110380000002</v>
      </c>
    </row>
    <row r="13213" spans="1:10" x14ac:dyDescent="0.35">
      <c r="A13213" t="s">
        <v>20</v>
      </c>
      <c r="B13213" t="s">
        <v>81</v>
      </c>
      <c r="C13213" t="s">
        <v>117</v>
      </c>
      <c r="D13213" t="s">
        <v>118</v>
      </c>
      <c r="E13213">
        <v>2013</v>
      </c>
      <c r="F13213">
        <v>2013</v>
      </c>
      <c r="G13213" t="s">
        <v>126</v>
      </c>
      <c r="H13213" t="s">
        <v>124</v>
      </c>
      <c r="I13213" t="s">
        <v>15</v>
      </c>
      <c r="J13213" s="10">
        <v>2.5259266870000001</v>
      </c>
    </row>
    <row r="13214" spans="1:10" x14ac:dyDescent="0.35">
      <c r="A13214" t="s">
        <v>20</v>
      </c>
      <c r="B13214" t="s">
        <v>81</v>
      </c>
      <c r="C13214" t="s">
        <v>117</v>
      </c>
      <c r="D13214" t="s">
        <v>118</v>
      </c>
      <c r="E13214">
        <v>2012</v>
      </c>
      <c r="F13214">
        <v>2012</v>
      </c>
      <c r="G13214" t="s">
        <v>14</v>
      </c>
      <c r="H13214" t="s">
        <v>119</v>
      </c>
      <c r="I13214" t="s">
        <v>15</v>
      </c>
      <c r="J13214" s="10">
        <v>18.440112899999999</v>
      </c>
    </row>
    <row r="13215" spans="1:10" x14ac:dyDescent="0.35">
      <c r="A13215" t="s">
        <v>20</v>
      </c>
      <c r="B13215" t="s">
        <v>81</v>
      </c>
      <c r="C13215" t="s">
        <v>117</v>
      </c>
      <c r="D13215" t="s">
        <v>118</v>
      </c>
      <c r="E13215">
        <v>2012</v>
      </c>
      <c r="F13215">
        <v>2012</v>
      </c>
      <c r="G13215" t="s">
        <v>14</v>
      </c>
      <c r="H13215" t="s">
        <v>120</v>
      </c>
      <c r="I13215" t="s">
        <v>15</v>
      </c>
      <c r="J13215" s="10">
        <v>10.925600469999999</v>
      </c>
    </row>
    <row r="13216" spans="1:10" x14ac:dyDescent="0.35">
      <c r="A13216" t="s">
        <v>20</v>
      </c>
      <c r="B13216" t="s">
        <v>81</v>
      </c>
      <c r="C13216" t="s">
        <v>117</v>
      </c>
      <c r="D13216" t="s">
        <v>118</v>
      </c>
      <c r="E13216">
        <v>2012</v>
      </c>
      <c r="F13216">
        <v>2012</v>
      </c>
      <c r="G13216" t="s">
        <v>14</v>
      </c>
      <c r="H13216" t="s">
        <v>121</v>
      </c>
      <c r="I13216" t="s">
        <v>15</v>
      </c>
      <c r="J13216" s="10">
        <v>34.777919799999999</v>
      </c>
    </row>
    <row r="13217" spans="1:10" x14ac:dyDescent="0.35">
      <c r="A13217" t="s">
        <v>20</v>
      </c>
      <c r="B13217" t="s">
        <v>81</v>
      </c>
      <c r="C13217" t="s">
        <v>117</v>
      </c>
      <c r="D13217" t="s">
        <v>118</v>
      </c>
      <c r="E13217">
        <v>2012</v>
      </c>
      <c r="F13217">
        <v>2012</v>
      </c>
      <c r="G13217" t="s">
        <v>14</v>
      </c>
      <c r="H13217" t="s">
        <v>122</v>
      </c>
      <c r="I13217" t="s">
        <v>15</v>
      </c>
      <c r="J13217" s="10">
        <v>18.690419129999999</v>
      </c>
    </row>
    <row r="13218" spans="1:10" x14ac:dyDescent="0.35">
      <c r="A13218" t="s">
        <v>20</v>
      </c>
      <c r="B13218" t="s">
        <v>81</v>
      </c>
      <c r="C13218" t="s">
        <v>117</v>
      </c>
      <c r="D13218" t="s">
        <v>118</v>
      </c>
      <c r="E13218">
        <v>2012</v>
      </c>
      <c r="F13218">
        <v>2012</v>
      </c>
      <c r="G13218" t="s">
        <v>14</v>
      </c>
      <c r="H13218" t="s">
        <v>123</v>
      </c>
      <c r="I13218" t="s">
        <v>15</v>
      </c>
      <c r="J13218" s="10">
        <v>15.24471428</v>
      </c>
    </row>
    <row r="13219" spans="1:10" x14ac:dyDescent="0.35">
      <c r="A13219" t="s">
        <v>20</v>
      </c>
      <c r="B13219" t="s">
        <v>81</v>
      </c>
      <c r="C13219" t="s">
        <v>117</v>
      </c>
      <c r="D13219" t="s">
        <v>118</v>
      </c>
      <c r="E13219">
        <v>2012</v>
      </c>
      <c r="F13219">
        <v>2012</v>
      </c>
      <c r="G13219" t="s">
        <v>14</v>
      </c>
      <c r="H13219" t="s">
        <v>124</v>
      </c>
      <c r="I13219" t="s">
        <v>15</v>
      </c>
      <c r="J13219" s="10">
        <v>1.921233424</v>
      </c>
    </row>
    <row r="13220" spans="1:10" x14ac:dyDescent="0.35">
      <c r="A13220" t="s">
        <v>20</v>
      </c>
      <c r="B13220" t="s">
        <v>81</v>
      </c>
      <c r="C13220" t="s">
        <v>117</v>
      </c>
      <c r="D13220" t="s">
        <v>118</v>
      </c>
      <c r="E13220">
        <v>2012</v>
      </c>
      <c r="F13220">
        <v>2012</v>
      </c>
      <c r="G13220" t="s">
        <v>125</v>
      </c>
      <c r="H13220" t="s">
        <v>119</v>
      </c>
      <c r="I13220" t="s">
        <v>15</v>
      </c>
      <c r="J13220" s="10">
        <v>19.478121900000001</v>
      </c>
    </row>
    <row r="13221" spans="1:10" x14ac:dyDescent="0.35">
      <c r="A13221" t="s">
        <v>20</v>
      </c>
      <c r="B13221" t="s">
        <v>81</v>
      </c>
      <c r="C13221" t="s">
        <v>117</v>
      </c>
      <c r="D13221" t="s">
        <v>118</v>
      </c>
      <c r="E13221">
        <v>2012</v>
      </c>
      <c r="F13221">
        <v>2012</v>
      </c>
      <c r="G13221" t="s">
        <v>125</v>
      </c>
      <c r="H13221" t="s">
        <v>120</v>
      </c>
      <c r="I13221" t="s">
        <v>15</v>
      </c>
      <c r="J13221" s="10">
        <v>11.586575549999999</v>
      </c>
    </row>
    <row r="13222" spans="1:10" x14ac:dyDescent="0.35">
      <c r="A13222" t="s">
        <v>20</v>
      </c>
      <c r="B13222" t="s">
        <v>81</v>
      </c>
      <c r="C13222" t="s">
        <v>117</v>
      </c>
      <c r="D13222" t="s">
        <v>118</v>
      </c>
      <c r="E13222">
        <v>2012</v>
      </c>
      <c r="F13222">
        <v>2012</v>
      </c>
      <c r="G13222" t="s">
        <v>125</v>
      </c>
      <c r="H13222" t="s">
        <v>121</v>
      </c>
      <c r="I13222" t="s">
        <v>15</v>
      </c>
      <c r="J13222" s="10">
        <v>35.090378039999997</v>
      </c>
    </row>
    <row r="13223" spans="1:10" x14ac:dyDescent="0.35">
      <c r="A13223" t="s">
        <v>20</v>
      </c>
      <c r="B13223" t="s">
        <v>81</v>
      </c>
      <c r="C13223" t="s">
        <v>117</v>
      </c>
      <c r="D13223" t="s">
        <v>118</v>
      </c>
      <c r="E13223">
        <v>2012</v>
      </c>
      <c r="F13223">
        <v>2012</v>
      </c>
      <c r="G13223" t="s">
        <v>125</v>
      </c>
      <c r="H13223" t="s">
        <v>122</v>
      </c>
      <c r="I13223" t="s">
        <v>15</v>
      </c>
      <c r="J13223" s="10">
        <v>18.731400860000001</v>
      </c>
    </row>
    <row r="13224" spans="1:10" x14ac:dyDescent="0.35">
      <c r="A13224" t="s">
        <v>20</v>
      </c>
      <c r="B13224" t="s">
        <v>81</v>
      </c>
      <c r="C13224" t="s">
        <v>117</v>
      </c>
      <c r="D13224" t="s">
        <v>118</v>
      </c>
      <c r="E13224">
        <v>2012</v>
      </c>
      <c r="F13224">
        <v>2012</v>
      </c>
      <c r="G13224" t="s">
        <v>125</v>
      </c>
      <c r="H13224" t="s">
        <v>123</v>
      </c>
      <c r="I13224" t="s">
        <v>15</v>
      </c>
      <c r="J13224" s="10">
        <v>13.89286895</v>
      </c>
    </row>
    <row r="13225" spans="1:10" x14ac:dyDescent="0.35">
      <c r="A13225" t="s">
        <v>20</v>
      </c>
      <c r="B13225" t="s">
        <v>81</v>
      </c>
      <c r="C13225" t="s">
        <v>117</v>
      </c>
      <c r="D13225" t="s">
        <v>118</v>
      </c>
      <c r="E13225">
        <v>2012</v>
      </c>
      <c r="F13225">
        <v>2012</v>
      </c>
      <c r="G13225" t="s">
        <v>125</v>
      </c>
      <c r="H13225" t="s">
        <v>124</v>
      </c>
      <c r="I13225" t="s">
        <v>15</v>
      </c>
      <c r="J13225" s="10">
        <v>1.2206546899999999</v>
      </c>
    </row>
    <row r="13226" spans="1:10" x14ac:dyDescent="0.35">
      <c r="A13226" t="s">
        <v>20</v>
      </c>
      <c r="B13226" t="s">
        <v>81</v>
      </c>
      <c r="C13226" t="s">
        <v>117</v>
      </c>
      <c r="D13226" t="s">
        <v>118</v>
      </c>
      <c r="E13226">
        <v>2012</v>
      </c>
      <c r="F13226">
        <v>2012</v>
      </c>
      <c r="G13226" t="s">
        <v>126</v>
      </c>
      <c r="H13226" t="s">
        <v>119</v>
      </c>
      <c r="I13226" t="s">
        <v>15</v>
      </c>
      <c r="J13226" s="10">
        <v>17.469600159999999</v>
      </c>
    </row>
    <row r="13227" spans="1:10" x14ac:dyDescent="0.35">
      <c r="A13227" t="s">
        <v>20</v>
      </c>
      <c r="B13227" t="s">
        <v>81</v>
      </c>
      <c r="C13227" t="s">
        <v>117</v>
      </c>
      <c r="D13227" t="s">
        <v>118</v>
      </c>
      <c r="E13227">
        <v>2012</v>
      </c>
      <c r="F13227">
        <v>2012</v>
      </c>
      <c r="G13227" t="s">
        <v>126</v>
      </c>
      <c r="H13227" t="s">
        <v>120</v>
      </c>
      <c r="I13227" t="s">
        <v>15</v>
      </c>
      <c r="J13227" s="10">
        <v>10.307605110000001</v>
      </c>
    </row>
    <row r="13228" spans="1:10" x14ac:dyDescent="0.35">
      <c r="A13228" t="s">
        <v>20</v>
      </c>
      <c r="B13228" t="s">
        <v>81</v>
      </c>
      <c r="C13228" t="s">
        <v>117</v>
      </c>
      <c r="D13228" t="s">
        <v>118</v>
      </c>
      <c r="E13228">
        <v>2012</v>
      </c>
      <c r="F13228">
        <v>2012</v>
      </c>
      <c r="G13228" t="s">
        <v>126</v>
      </c>
      <c r="H13228" t="s">
        <v>121</v>
      </c>
      <c r="I13228" t="s">
        <v>15</v>
      </c>
      <c r="J13228" s="10">
        <v>34.485779059999999</v>
      </c>
    </row>
    <row r="13229" spans="1:10" x14ac:dyDescent="0.35">
      <c r="A13229" t="s">
        <v>20</v>
      </c>
      <c r="B13229" t="s">
        <v>81</v>
      </c>
      <c r="C13229" t="s">
        <v>117</v>
      </c>
      <c r="D13229" t="s">
        <v>118</v>
      </c>
      <c r="E13229">
        <v>2012</v>
      </c>
      <c r="F13229">
        <v>2012</v>
      </c>
      <c r="G13229" t="s">
        <v>126</v>
      </c>
      <c r="H13229" t="s">
        <v>122</v>
      </c>
      <c r="I13229" t="s">
        <v>15</v>
      </c>
      <c r="J13229" s="10">
        <v>18.652102230000001</v>
      </c>
    </row>
    <row r="13230" spans="1:10" x14ac:dyDescent="0.35">
      <c r="A13230" t="s">
        <v>20</v>
      </c>
      <c r="B13230" t="s">
        <v>81</v>
      </c>
      <c r="C13230" t="s">
        <v>117</v>
      </c>
      <c r="D13230" t="s">
        <v>118</v>
      </c>
      <c r="E13230">
        <v>2012</v>
      </c>
      <c r="F13230">
        <v>2012</v>
      </c>
      <c r="G13230" t="s">
        <v>126</v>
      </c>
      <c r="H13230" t="s">
        <v>123</v>
      </c>
      <c r="I13230" t="s">
        <v>15</v>
      </c>
      <c r="J13230" s="10">
        <v>16.508656219999999</v>
      </c>
    </row>
    <row r="13231" spans="1:10" x14ac:dyDescent="0.35">
      <c r="A13231" t="s">
        <v>20</v>
      </c>
      <c r="B13231" t="s">
        <v>81</v>
      </c>
      <c r="C13231" t="s">
        <v>117</v>
      </c>
      <c r="D13231" t="s">
        <v>118</v>
      </c>
      <c r="E13231">
        <v>2012</v>
      </c>
      <c r="F13231">
        <v>2012</v>
      </c>
      <c r="G13231" t="s">
        <v>126</v>
      </c>
      <c r="H13231" t="s">
        <v>124</v>
      </c>
      <c r="I13231" t="s">
        <v>15</v>
      </c>
      <c r="J13231" s="10">
        <v>2.576257214</v>
      </c>
    </row>
    <row r="13232" spans="1:10" x14ac:dyDescent="0.35">
      <c r="A13232" t="s">
        <v>20</v>
      </c>
      <c r="B13232" t="s">
        <v>81</v>
      </c>
      <c r="C13232" t="s">
        <v>117</v>
      </c>
      <c r="D13232" t="s">
        <v>118</v>
      </c>
      <c r="E13232">
        <v>2011</v>
      </c>
      <c r="F13232">
        <v>2011</v>
      </c>
      <c r="G13232" t="s">
        <v>14</v>
      </c>
      <c r="H13232" t="s">
        <v>119</v>
      </c>
      <c r="I13232" t="s">
        <v>15</v>
      </c>
      <c r="J13232" s="10">
        <v>18.443915740000001</v>
      </c>
    </row>
    <row r="13233" spans="1:10" x14ac:dyDescent="0.35">
      <c r="A13233" t="s">
        <v>20</v>
      </c>
      <c r="B13233" t="s">
        <v>81</v>
      </c>
      <c r="C13233" t="s">
        <v>117</v>
      </c>
      <c r="D13233" t="s">
        <v>118</v>
      </c>
      <c r="E13233">
        <v>2011</v>
      </c>
      <c r="F13233">
        <v>2011</v>
      </c>
      <c r="G13233" t="s">
        <v>14</v>
      </c>
      <c r="H13233" t="s">
        <v>120</v>
      </c>
      <c r="I13233" t="s">
        <v>15</v>
      </c>
      <c r="J13233" s="10">
        <v>11.013686910000001</v>
      </c>
    </row>
    <row r="13234" spans="1:10" x14ac:dyDescent="0.35">
      <c r="A13234" t="s">
        <v>20</v>
      </c>
      <c r="B13234" t="s">
        <v>81</v>
      </c>
      <c r="C13234" t="s">
        <v>117</v>
      </c>
      <c r="D13234" t="s">
        <v>118</v>
      </c>
      <c r="E13234">
        <v>2011</v>
      </c>
      <c r="F13234">
        <v>2011</v>
      </c>
      <c r="G13234" t="s">
        <v>14</v>
      </c>
      <c r="H13234" t="s">
        <v>121</v>
      </c>
      <c r="I13234" t="s">
        <v>15</v>
      </c>
      <c r="J13234" s="10">
        <v>35.003207869999997</v>
      </c>
    </row>
    <row r="13235" spans="1:10" x14ac:dyDescent="0.35">
      <c r="A13235" t="s">
        <v>20</v>
      </c>
      <c r="B13235" t="s">
        <v>81</v>
      </c>
      <c r="C13235" t="s">
        <v>117</v>
      </c>
      <c r="D13235" t="s">
        <v>118</v>
      </c>
      <c r="E13235">
        <v>2011</v>
      </c>
      <c r="F13235">
        <v>2011</v>
      </c>
      <c r="G13235" t="s">
        <v>14</v>
      </c>
      <c r="H13235" t="s">
        <v>122</v>
      </c>
      <c r="I13235" t="s">
        <v>15</v>
      </c>
      <c r="J13235" s="10">
        <v>18.568220700000001</v>
      </c>
    </row>
    <row r="13236" spans="1:10" x14ac:dyDescent="0.35">
      <c r="A13236" t="s">
        <v>20</v>
      </c>
      <c r="B13236" t="s">
        <v>81</v>
      </c>
      <c r="C13236" t="s">
        <v>117</v>
      </c>
      <c r="D13236" t="s">
        <v>118</v>
      </c>
      <c r="E13236">
        <v>2011</v>
      </c>
      <c r="F13236">
        <v>2011</v>
      </c>
      <c r="G13236" t="s">
        <v>14</v>
      </c>
      <c r="H13236" t="s">
        <v>123</v>
      </c>
      <c r="I13236" t="s">
        <v>15</v>
      </c>
      <c r="J13236" s="10">
        <v>15.047583400000001</v>
      </c>
    </row>
    <row r="13237" spans="1:10" x14ac:dyDescent="0.35">
      <c r="A13237" t="s">
        <v>20</v>
      </c>
      <c r="B13237" t="s">
        <v>81</v>
      </c>
      <c r="C13237" t="s">
        <v>117</v>
      </c>
      <c r="D13237" t="s">
        <v>118</v>
      </c>
      <c r="E13237">
        <v>2011</v>
      </c>
      <c r="F13237">
        <v>2011</v>
      </c>
      <c r="G13237" t="s">
        <v>14</v>
      </c>
      <c r="H13237" t="s">
        <v>124</v>
      </c>
      <c r="I13237" t="s">
        <v>15</v>
      </c>
      <c r="J13237" s="10">
        <v>1.923385372</v>
      </c>
    </row>
    <row r="13238" spans="1:10" x14ac:dyDescent="0.35">
      <c r="A13238" t="s">
        <v>20</v>
      </c>
      <c r="B13238" t="s">
        <v>81</v>
      </c>
      <c r="C13238" t="s">
        <v>117</v>
      </c>
      <c r="D13238" t="s">
        <v>118</v>
      </c>
      <c r="E13238">
        <v>2011</v>
      </c>
      <c r="F13238">
        <v>2011</v>
      </c>
      <c r="G13238" t="s">
        <v>125</v>
      </c>
      <c r="H13238" t="s">
        <v>119</v>
      </c>
      <c r="I13238" t="s">
        <v>15</v>
      </c>
      <c r="J13238" s="10">
        <v>19.547997559999999</v>
      </c>
    </row>
    <row r="13239" spans="1:10" x14ac:dyDescent="0.35">
      <c r="A13239" t="s">
        <v>20</v>
      </c>
      <c r="B13239" t="s">
        <v>81</v>
      </c>
      <c r="C13239" t="s">
        <v>117</v>
      </c>
      <c r="D13239" t="s">
        <v>118</v>
      </c>
      <c r="E13239">
        <v>2011</v>
      </c>
      <c r="F13239">
        <v>2011</v>
      </c>
      <c r="G13239" t="s">
        <v>125</v>
      </c>
      <c r="H13239" t="s">
        <v>120</v>
      </c>
      <c r="I13239" t="s">
        <v>15</v>
      </c>
      <c r="J13239" s="10">
        <v>11.52717</v>
      </c>
    </row>
    <row r="13240" spans="1:10" x14ac:dyDescent="0.35">
      <c r="A13240" t="s">
        <v>20</v>
      </c>
      <c r="B13240" t="s">
        <v>81</v>
      </c>
      <c r="C13240" t="s">
        <v>117</v>
      </c>
      <c r="D13240" t="s">
        <v>118</v>
      </c>
      <c r="E13240">
        <v>2011</v>
      </c>
      <c r="F13240">
        <v>2011</v>
      </c>
      <c r="G13240" t="s">
        <v>125</v>
      </c>
      <c r="H13240" t="s">
        <v>121</v>
      </c>
      <c r="I13240" t="s">
        <v>15</v>
      </c>
      <c r="J13240" s="10">
        <v>35.489946269999997</v>
      </c>
    </row>
    <row r="13241" spans="1:10" x14ac:dyDescent="0.35">
      <c r="A13241" t="s">
        <v>20</v>
      </c>
      <c r="B13241" t="s">
        <v>81</v>
      </c>
      <c r="C13241" t="s">
        <v>117</v>
      </c>
      <c r="D13241" t="s">
        <v>118</v>
      </c>
      <c r="E13241">
        <v>2011</v>
      </c>
      <c r="F13241">
        <v>2011</v>
      </c>
      <c r="G13241" t="s">
        <v>125</v>
      </c>
      <c r="H13241" t="s">
        <v>122</v>
      </c>
      <c r="I13241" t="s">
        <v>15</v>
      </c>
      <c r="J13241" s="10">
        <v>18.670027139999998</v>
      </c>
    </row>
    <row r="13242" spans="1:10" x14ac:dyDescent="0.35">
      <c r="A13242" t="s">
        <v>20</v>
      </c>
      <c r="B13242" t="s">
        <v>81</v>
      </c>
      <c r="C13242" t="s">
        <v>117</v>
      </c>
      <c r="D13242" t="s">
        <v>118</v>
      </c>
      <c r="E13242">
        <v>2011</v>
      </c>
      <c r="F13242">
        <v>2011</v>
      </c>
      <c r="G13242" t="s">
        <v>125</v>
      </c>
      <c r="H13242" t="s">
        <v>123</v>
      </c>
      <c r="I13242" t="s">
        <v>15</v>
      </c>
      <c r="J13242" s="10">
        <v>13.55453387</v>
      </c>
    </row>
    <row r="13243" spans="1:10" x14ac:dyDescent="0.35">
      <c r="A13243" t="s">
        <v>20</v>
      </c>
      <c r="B13243" t="s">
        <v>81</v>
      </c>
      <c r="C13243" t="s">
        <v>117</v>
      </c>
      <c r="D13243" t="s">
        <v>118</v>
      </c>
      <c r="E13243">
        <v>2011</v>
      </c>
      <c r="F13243">
        <v>2011</v>
      </c>
      <c r="G13243" t="s">
        <v>125</v>
      </c>
      <c r="H13243" t="s">
        <v>124</v>
      </c>
      <c r="I13243" t="s">
        <v>15</v>
      </c>
      <c r="J13243" s="10">
        <v>1.210325154</v>
      </c>
    </row>
    <row r="13244" spans="1:10" x14ac:dyDescent="0.35">
      <c r="A13244" t="s">
        <v>20</v>
      </c>
      <c r="B13244" t="s">
        <v>81</v>
      </c>
      <c r="C13244" t="s">
        <v>117</v>
      </c>
      <c r="D13244" t="s">
        <v>118</v>
      </c>
      <c r="E13244">
        <v>2011</v>
      </c>
      <c r="F13244">
        <v>2011</v>
      </c>
      <c r="G13244" t="s">
        <v>126</v>
      </c>
      <c r="H13244" t="s">
        <v>119</v>
      </c>
      <c r="I13244" t="s">
        <v>15</v>
      </c>
      <c r="J13244" s="10">
        <v>17.41410488</v>
      </c>
    </row>
    <row r="13245" spans="1:10" x14ac:dyDescent="0.35">
      <c r="A13245" t="s">
        <v>20</v>
      </c>
      <c r="B13245" t="s">
        <v>81</v>
      </c>
      <c r="C13245" t="s">
        <v>117</v>
      </c>
      <c r="D13245" t="s">
        <v>118</v>
      </c>
      <c r="E13245">
        <v>2011</v>
      </c>
      <c r="F13245">
        <v>2011</v>
      </c>
      <c r="G13245" t="s">
        <v>126</v>
      </c>
      <c r="H13245" t="s">
        <v>120</v>
      </c>
      <c r="I13245" t="s">
        <v>15</v>
      </c>
      <c r="J13245" s="10">
        <v>10.534745539999999</v>
      </c>
    </row>
    <row r="13246" spans="1:10" x14ac:dyDescent="0.35">
      <c r="A13246" t="s">
        <v>20</v>
      </c>
      <c r="B13246" t="s">
        <v>81</v>
      </c>
      <c r="C13246" t="s">
        <v>117</v>
      </c>
      <c r="D13246" t="s">
        <v>118</v>
      </c>
      <c r="E13246">
        <v>2011</v>
      </c>
      <c r="F13246">
        <v>2011</v>
      </c>
      <c r="G13246" t="s">
        <v>126</v>
      </c>
      <c r="H13246" t="s">
        <v>121</v>
      </c>
      <c r="I13246" t="s">
        <v>15</v>
      </c>
      <c r="J13246" s="10">
        <v>34.549212089999997</v>
      </c>
    </row>
    <row r="13247" spans="1:10" x14ac:dyDescent="0.35">
      <c r="A13247" t="s">
        <v>20</v>
      </c>
      <c r="B13247" t="s">
        <v>81</v>
      </c>
      <c r="C13247" t="s">
        <v>117</v>
      </c>
      <c r="D13247" t="s">
        <v>118</v>
      </c>
      <c r="E13247">
        <v>2011</v>
      </c>
      <c r="F13247">
        <v>2011</v>
      </c>
      <c r="G13247" t="s">
        <v>126</v>
      </c>
      <c r="H13247" t="s">
        <v>122</v>
      </c>
      <c r="I13247" t="s">
        <v>15</v>
      </c>
      <c r="J13247" s="10">
        <v>18.473262720000001</v>
      </c>
    </row>
    <row r="13248" spans="1:10" x14ac:dyDescent="0.35">
      <c r="A13248" t="s">
        <v>20</v>
      </c>
      <c r="B13248" t="s">
        <v>81</v>
      </c>
      <c r="C13248" t="s">
        <v>117</v>
      </c>
      <c r="D13248" t="s">
        <v>118</v>
      </c>
      <c r="E13248">
        <v>2011</v>
      </c>
      <c r="F13248">
        <v>2011</v>
      </c>
      <c r="G13248" t="s">
        <v>126</v>
      </c>
      <c r="H13248" t="s">
        <v>123</v>
      </c>
      <c r="I13248" t="s">
        <v>15</v>
      </c>
      <c r="J13248" s="10">
        <v>16.440196329999999</v>
      </c>
    </row>
    <row r="13249" spans="1:10" x14ac:dyDescent="0.35">
      <c r="A13249" t="s">
        <v>20</v>
      </c>
      <c r="B13249" t="s">
        <v>81</v>
      </c>
      <c r="C13249" t="s">
        <v>117</v>
      </c>
      <c r="D13249" t="s">
        <v>118</v>
      </c>
      <c r="E13249">
        <v>2011</v>
      </c>
      <c r="F13249">
        <v>2011</v>
      </c>
      <c r="G13249" t="s">
        <v>126</v>
      </c>
      <c r="H13249" t="s">
        <v>124</v>
      </c>
      <c r="I13249" t="s">
        <v>15</v>
      </c>
      <c r="J13249" s="10">
        <v>2.5884784289999998</v>
      </c>
    </row>
    <row r="13250" spans="1:10" x14ac:dyDescent="0.35">
      <c r="A13250" t="s">
        <v>26</v>
      </c>
      <c r="B13250" t="s">
        <v>57</v>
      </c>
      <c r="C13250" t="s">
        <v>117</v>
      </c>
      <c r="D13250" t="s">
        <v>118</v>
      </c>
      <c r="E13250">
        <v>2020</v>
      </c>
      <c r="F13250">
        <v>2020</v>
      </c>
      <c r="G13250" t="s">
        <v>14</v>
      </c>
      <c r="H13250" t="s">
        <v>119</v>
      </c>
      <c r="I13250" t="s">
        <v>15</v>
      </c>
      <c r="J13250" s="10">
        <v>15.60377358</v>
      </c>
    </row>
    <row r="13251" spans="1:10" x14ac:dyDescent="0.35">
      <c r="A13251" t="s">
        <v>26</v>
      </c>
      <c r="B13251" t="s">
        <v>57</v>
      </c>
      <c r="C13251" t="s">
        <v>117</v>
      </c>
      <c r="D13251" t="s">
        <v>118</v>
      </c>
      <c r="E13251">
        <v>2020</v>
      </c>
      <c r="F13251">
        <v>2020</v>
      </c>
      <c r="G13251" t="s">
        <v>14</v>
      </c>
      <c r="H13251" t="s">
        <v>120</v>
      </c>
      <c r="I13251" t="s">
        <v>15</v>
      </c>
      <c r="J13251" s="10">
        <v>7.8754716980000001</v>
      </c>
    </row>
    <row r="13252" spans="1:10" x14ac:dyDescent="0.35">
      <c r="A13252" t="s">
        <v>26</v>
      </c>
      <c r="B13252" t="s">
        <v>57</v>
      </c>
      <c r="C13252" t="s">
        <v>117</v>
      </c>
      <c r="D13252" t="s">
        <v>118</v>
      </c>
      <c r="E13252">
        <v>2020</v>
      </c>
      <c r="F13252">
        <v>2020</v>
      </c>
      <c r="G13252" t="s">
        <v>14</v>
      </c>
      <c r="H13252" t="s">
        <v>121</v>
      </c>
      <c r="I13252" t="s">
        <v>15</v>
      </c>
      <c r="J13252" s="10">
        <v>26.67924528</v>
      </c>
    </row>
    <row r="13253" spans="1:10" x14ac:dyDescent="0.35">
      <c r="A13253" t="s">
        <v>26</v>
      </c>
      <c r="B13253" t="s">
        <v>57</v>
      </c>
      <c r="C13253" t="s">
        <v>117</v>
      </c>
      <c r="D13253" t="s">
        <v>118</v>
      </c>
      <c r="E13253">
        <v>2020</v>
      </c>
      <c r="F13253">
        <v>2020</v>
      </c>
      <c r="G13253" t="s">
        <v>14</v>
      </c>
      <c r="H13253" t="s">
        <v>122</v>
      </c>
      <c r="I13253" t="s">
        <v>15</v>
      </c>
      <c r="J13253" s="10">
        <v>23.528301890000002</v>
      </c>
    </row>
    <row r="13254" spans="1:10" x14ac:dyDescent="0.35">
      <c r="A13254" t="s">
        <v>26</v>
      </c>
      <c r="B13254" t="s">
        <v>57</v>
      </c>
      <c r="C13254" t="s">
        <v>117</v>
      </c>
      <c r="D13254" t="s">
        <v>118</v>
      </c>
      <c r="E13254">
        <v>2020</v>
      </c>
      <c r="F13254">
        <v>2020</v>
      </c>
      <c r="G13254" t="s">
        <v>14</v>
      </c>
      <c r="H13254" t="s">
        <v>123</v>
      </c>
      <c r="I13254" t="s">
        <v>15</v>
      </c>
      <c r="J13254" s="10">
        <v>22.837735850000001</v>
      </c>
    </row>
    <row r="13255" spans="1:10" x14ac:dyDescent="0.35">
      <c r="A13255" t="s">
        <v>26</v>
      </c>
      <c r="B13255" t="s">
        <v>57</v>
      </c>
      <c r="C13255" t="s">
        <v>117</v>
      </c>
      <c r="D13255" t="s">
        <v>118</v>
      </c>
      <c r="E13255">
        <v>2020</v>
      </c>
      <c r="F13255">
        <v>2020</v>
      </c>
      <c r="G13255" t="s">
        <v>14</v>
      </c>
      <c r="H13255" t="s">
        <v>124</v>
      </c>
      <c r="I13255" t="s">
        <v>15</v>
      </c>
      <c r="J13255" s="10">
        <v>3.4754716980000002</v>
      </c>
    </row>
    <row r="13256" spans="1:10" x14ac:dyDescent="0.35">
      <c r="A13256" t="s">
        <v>26</v>
      </c>
      <c r="B13256" t="s">
        <v>57</v>
      </c>
      <c r="C13256" t="s">
        <v>117</v>
      </c>
      <c r="D13256" t="s">
        <v>118</v>
      </c>
      <c r="E13256">
        <v>2020</v>
      </c>
      <c r="F13256">
        <v>2020</v>
      </c>
      <c r="G13256" t="s">
        <v>125</v>
      </c>
      <c r="H13256" t="s">
        <v>119</v>
      </c>
      <c r="I13256" t="s">
        <v>15</v>
      </c>
      <c r="J13256" s="10">
        <v>16.571035120000001</v>
      </c>
    </row>
    <row r="13257" spans="1:10" x14ac:dyDescent="0.35">
      <c r="A13257" t="s">
        <v>26</v>
      </c>
      <c r="B13257" t="s">
        <v>57</v>
      </c>
      <c r="C13257" t="s">
        <v>117</v>
      </c>
      <c r="D13257" t="s">
        <v>118</v>
      </c>
      <c r="E13257">
        <v>2020</v>
      </c>
      <c r="F13257">
        <v>2020</v>
      </c>
      <c r="G13257" t="s">
        <v>125</v>
      </c>
      <c r="H13257" t="s">
        <v>120</v>
      </c>
      <c r="I13257" t="s">
        <v>15</v>
      </c>
      <c r="J13257" s="10">
        <v>8.1937112689999996</v>
      </c>
    </row>
    <row r="13258" spans="1:10" x14ac:dyDescent="0.35">
      <c r="A13258" t="s">
        <v>26</v>
      </c>
      <c r="B13258" t="s">
        <v>57</v>
      </c>
      <c r="C13258" t="s">
        <v>117</v>
      </c>
      <c r="D13258" t="s">
        <v>118</v>
      </c>
      <c r="E13258">
        <v>2020</v>
      </c>
      <c r="F13258">
        <v>2020</v>
      </c>
      <c r="G13258" t="s">
        <v>125</v>
      </c>
      <c r="H13258" t="s">
        <v>121</v>
      </c>
      <c r="I13258" t="s">
        <v>15</v>
      </c>
      <c r="J13258" s="10">
        <v>26.738581589999999</v>
      </c>
    </row>
    <row r="13259" spans="1:10" x14ac:dyDescent="0.35">
      <c r="A13259" t="s">
        <v>26</v>
      </c>
      <c r="B13259" t="s">
        <v>57</v>
      </c>
      <c r="C13259" t="s">
        <v>117</v>
      </c>
      <c r="D13259" t="s">
        <v>118</v>
      </c>
      <c r="E13259">
        <v>2020</v>
      </c>
      <c r="F13259">
        <v>2020</v>
      </c>
      <c r="G13259" t="s">
        <v>125</v>
      </c>
      <c r="H13259" t="s">
        <v>122</v>
      </c>
      <c r="I13259" t="s">
        <v>15</v>
      </c>
      <c r="J13259" s="10">
        <v>23.99969398</v>
      </c>
    </row>
    <row r="13260" spans="1:10" x14ac:dyDescent="0.35">
      <c r="A13260" t="s">
        <v>26</v>
      </c>
      <c r="B13260" t="s">
        <v>57</v>
      </c>
      <c r="C13260" t="s">
        <v>117</v>
      </c>
      <c r="D13260" t="s">
        <v>118</v>
      </c>
      <c r="E13260">
        <v>2020</v>
      </c>
      <c r="F13260">
        <v>2020</v>
      </c>
      <c r="G13260" t="s">
        <v>125</v>
      </c>
      <c r="H13260" t="s">
        <v>123</v>
      </c>
      <c r="I13260" t="s">
        <v>15</v>
      </c>
      <c r="J13260" s="10">
        <v>22.079412439999999</v>
      </c>
    </row>
    <row r="13261" spans="1:10" x14ac:dyDescent="0.35">
      <c r="A13261" t="s">
        <v>26</v>
      </c>
      <c r="B13261" t="s">
        <v>57</v>
      </c>
      <c r="C13261" t="s">
        <v>117</v>
      </c>
      <c r="D13261" t="s">
        <v>118</v>
      </c>
      <c r="E13261">
        <v>2020</v>
      </c>
      <c r="F13261">
        <v>2020</v>
      </c>
      <c r="G13261" t="s">
        <v>125</v>
      </c>
      <c r="H13261" t="s">
        <v>124</v>
      </c>
      <c r="I13261" t="s">
        <v>15</v>
      </c>
      <c r="J13261" s="10">
        <v>2.4175656029999999</v>
      </c>
    </row>
    <row r="13262" spans="1:10" x14ac:dyDescent="0.35">
      <c r="A13262" t="s">
        <v>26</v>
      </c>
      <c r="B13262" t="s">
        <v>57</v>
      </c>
      <c r="C13262" t="s">
        <v>117</v>
      </c>
      <c r="D13262" t="s">
        <v>118</v>
      </c>
      <c r="E13262">
        <v>2020</v>
      </c>
      <c r="F13262">
        <v>2020</v>
      </c>
      <c r="G13262" t="s">
        <v>126</v>
      </c>
      <c r="H13262" t="s">
        <v>119</v>
      </c>
      <c r="I13262" t="s">
        <v>15</v>
      </c>
      <c r="J13262" s="10">
        <v>14.662298010000001</v>
      </c>
    </row>
    <row r="13263" spans="1:10" x14ac:dyDescent="0.35">
      <c r="A13263" t="s">
        <v>26</v>
      </c>
      <c r="B13263" t="s">
        <v>57</v>
      </c>
      <c r="C13263" t="s">
        <v>117</v>
      </c>
      <c r="D13263" t="s">
        <v>118</v>
      </c>
      <c r="E13263">
        <v>2020</v>
      </c>
      <c r="F13263">
        <v>2020</v>
      </c>
      <c r="G13263" t="s">
        <v>126</v>
      </c>
      <c r="H13263" t="s">
        <v>120</v>
      </c>
      <c r="I13263" t="s">
        <v>15</v>
      </c>
      <c r="J13263" s="10">
        <v>7.565715988</v>
      </c>
    </row>
    <row r="13264" spans="1:10" x14ac:dyDescent="0.35">
      <c r="A13264" t="s">
        <v>26</v>
      </c>
      <c r="B13264" t="s">
        <v>57</v>
      </c>
      <c r="C13264" t="s">
        <v>117</v>
      </c>
      <c r="D13264" t="s">
        <v>118</v>
      </c>
      <c r="E13264">
        <v>2020</v>
      </c>
      <c r="F13264">
        <v>2020</v>
      </c>
      <c r="G13264" t="s">
        <v>126</v>
      </c>
      <c r="H13264" t="s">
        <v>121</v>
      </c>
      <c r="I13264" t="s">
        <v>15</v>
      </c>
      <c r="J13264" s="10">
        <v>26.6214908</v>
      </c>
    </row>
    <row r="13265" spans="1:10" x14ac:dyDescent="0.35">
      <c r="A13265" t="s">
        <v>26</v>
      </c>
      <c r="B13265" t="s">
        <v>57</v>
      </c>
      <c r="C13265" t="s">
        <v>117</v>
      </c>
      <c r="D13265" t="s">
        <v>118</v>
      </c>
      <c r="E13265">
        <v>2020</v>
      </c>
      <c r="F13265">
        <v>2020</v>
      </c>
      <c r="G13265" t="s">
        <v>126</v>
      </c>
      <c r="H13265" t="s">
        <v>122</v>
      </c>
      <c r="I13265" t="s">
        <v>15</v>
      </c>
      <c r="J13265" s="10">
        <v>23.069476510000001</v>
      </c>
    </row>
    <row r="13266" spans="1:10" x14ac:dyDescent="0.35">
      <c r="A13266" t="s">
        <v>26</v>
      </c>
      <c r="B13266" t="s">
        <v>57</v>
      </c>
      <c r="C13266" t="s">
        <v>117</v>
      </c>
      <c r="D13266" t="s">
        <v>118</v>
      </c>
      <c r="E13266">
        <v>2020</v>
      </c>
      <c r="F13266">
        <v>2020</v>
      </c>
      <c r="G13266" t="s">
        <v>126</v>
      </c>
      <c r="H13266" t="s">
        <v>123</v>
      </c>
      <c r="I13266" t="s">
        <v>15</v>
      </c>
      <c r="J13266" s="10">
        <v>23.575843320000001</v>
      </c>
    </row>
    <row r="13267" spans="1:10" x14ac:dyDescent="0.35">
      <c r="A13267" t="s">
        <v>26</v>
      </c>
      <c r="B13267" t="s">
        <v>57</v>
      </c>
      <c r="C13267" t="s">
        <v>117</v>
      </c>
      <c r="D13267" t="s">
        <v>118</v>
      </c>
      <c r="E13267">
        <v>2020</v>
      </c>
      <c r="F13267">
        <v>2020</v>
      </c>
      <c r="G13267" t="s">
        <v>126</v>
      </c>
      <c r="H13267" t="s">
        <v>124</v>
      </c>
      <c r="I13267" t="s">
        <v>15</v>
      </c>
      <c r="J13267" s="10">
        <v>4.5051753669999997</v>
      </c>
    </row>
    <row r="13268" spans="1:10" x14ac:dyDescent="0.35">
      <c r="A13268" t="s">
        <v>26</v>
      </c>
      <c r="B13268" t="s">
        <v>57</v>
      </c>
      <c r="C13268" t="s">
        <v>117</v>
      </c>
      <c r="D13268" t="s">
        <v>118</v>
      </c>
      <c r="E13268">
        <v>2019</v>
      </c>
      <c r="F13268">
        <v>2019</v>
      </c>
      <c r="G13268" t="s">
        <v>14</v>
      </c>
      <c r="H13268" t="s">
        <v>119</v>
      </c>
      <c r="I13268" t="s">
        <v>15</v>
      </c>
      <c r="J13268" s="10">
        <v>15.920658680000001</v>
      </c>
    </row>
    <row r="13269" spans="1:10" x14ac:dyDescent="0.35">
      <c r="A13269" t="s">
        <v>26</v>
      </c>
      <c r="B13269" t="s">
        <v>57</v>
      </c>
      <c r="C13269" t="s">
        <v>117</v>
      </c>
      <c r="D13269" t="s">
        <v>118</v>
      </c>
      <c r="E13269">
        <v>2019</v>
      </c>
      <c r="F13269">
        <v>2019</v>
      </c>
      <c r="G13269" t="s">
        <v>14</v>
      </c>
      <c r="H13269" t="s">
        <v>120</v>
      </c>
      <c r="I13269" t="s">
        <v>15</v>
      </c>
      <c r="J13269" s="10">
        <v>7.7956586830000001</v>
      </c>
    </row>
    <row r="13270" spans="1:10" x14ac:dyDescent="0.35">
      <c r="A13270" t="s">
        <v>26</v>
      </c>
      <c r="B13270" t="s">
        <v>57</v>
      </c>
      <c r="C13270" t="s">
        <v>117</v>
      </c>
      <c r="D13270" t="s">
        <v>118</v>
      </c>
      <c r="E13270">
        <v>2019</v>
      </c>
      <c r="F13270">
        <v>2019</v>
      </c>
      <c r="G13270" t="s">
        <v>14</v>
      </c>
      <c r="H13270" t="s">
        <v>121</v>
      </c>
      <c r="I13270" t="s">
        <v>15</v>
      </c>
      <c r="J13270" s="10">
        <v>27.04715569</v>
      </c>
    </row>
    <row r="13271" spans="1:10" x14ac:dyDescent="0.35">
      <c r="A13271" t="s">
        <v>26</v>
      </c>
      <c r="B13271" t="s">
        <v>57</v>
      </c>
      <c r="C13271" t="s">
        <v>117</v>
      </c>
      <c r="D13271" t="s">
        <v>118</v>
      </c>
      <c r="E13271">
        <v>2019</v>
      </c>
      <c r="F13271">
        <v>2019</v>
      </c>
      <c r="G13271" t="s">
        <v>14</v>
      </c>
      <c r="H13271" t="s">
        <v>122</v>
      </c>
      <c r="I13271" t="s">
        <v>15</v>
      </c>
      <c r="J13271" s="10">
        <v>23.43188623</v>
      </c>
    </row>
    <row r="13272" spans="1:10" x14ac:dyDescent="0.35">
      <c r="A13272" t="s">
        <v>26</v>
      </c>
      <c r="B13272" t="s">
        <v>57</v>
      </c>
      <c r="C13272" t="s">
        <v>117</v>
      </c>
      <c r="D13272" t="s">
        <v>118</v>
      </c>
      <c r="E13272">
        <v>2019</v>
      </c>
      <c r="F13272">
        <v>2019</v>
      </c>
      <c r="G13272" t="s">
        <v>14</v>
      </c>
      <c r="H13272" t="s">
        <v>123</v>
      </c>
      <c r="I13272" t="s">
        <v>15</v>
      </c>
      <c r="J13272" s="10">
        <v>22.324101800000001</v>
      </c>
    </row>
    <row r="13273" spans="1:10" x14ac:dyDescent="0.35">
      <c r="A13273" t="s">
        <v>26</v>
      </c>
      <c r="B13273" t="s">
        <v>57</v>
      </c>
      <c r="C13273" t="s">
        <v>117</v>
      </c>
      <c r="D13273" t="s">
        <v>118</v>
      </c>
      <c r="E13273">
        <v>2019</v>
      </c>
      <c r="F13273">
        <v>2019</v>
      </c>
      <c r="G13273" t="s">
        <v>14</v>
      </c>
      <c r="H13273" t="s">
        <v>124</v>
      </c>
      <c r="I13273" t="s">
        <v>15</v>
      </c>
      <c r="J13273" s="10">
        <v>3.480538922</v>
      </c>
    </row>
    <row r="13274" spans="1:10" x14ac:dyDescent="0.35">
      <c r="A13274" t="s">
        <v>26</v>
      </c>
      <c r="B13274" t="s">
        <v>57</v>
      </c>
      <c r="C13274" t="s">
        <v>117</v>
      </c>
      <c r="D13274" t="s">
        <v>118</v>
      </c>
      <c r="E13274">
        <v>2019</v>
      </c>
      <c r="F13274">
        <v>2019</v>
      </c>
      <c r="G13274" t="s">
        <v>125</v>
      </c>
      <c r="H13274" t="s">
        <v>119</v>
      </c>
      <c r="I13274" t="s">
        <v>15</v>
      </c>
      <c r="J13274" s="10">
        <v>16.883904210000001</v>
      </c>
    </row>
    <row r="13275" spans="1:10" x14ac:dyDescent="0.35">
      <c r="A13275" t="s">
        <v>26</v>
      </c>
      <c r="B13275" t="s">
        <v>57</v>
      </c>
      <c r="C13275" t="s">
        <v>117</v>
      </c>
      <c r="D13275" t="s">
        <v>118</v>
      </c>
      <c r="E13275">
        <v>2019</v>
      </c>
      <c r="F13275">
        <v>2019</v>
      </c>
      <c r="G13275" t="s">
        <v>125</v>
      </c>
      <c r="H13275" t="s">
        <v>120</v>
      </c>
      <c r="I13275" t="s">
        <v>15</v>
      </c>
      <c r="J13275" s="10">
        <v>8.1918763259999992</v>
      </c>
    </row>
    <row r="13276" spans="1:10" x14ac:dyDescent="0.35">
      <c r="A13276" t="s">
        <v>26</v>
      </c>
      <c r="B13276" t="s">
        <v>57</v>
      </c>
      <c r="C13276" t="s">
        <v>117</v>
      </c>
      <c r="D13276" t="s">
        <v>118</v>
      </c>
      <c r="E13276">
        <v>2019</v>
      </c>
      <c r="F13276">
        <v>2019</v>
      </c>
      <c r="G13276" t="s">
        <v>125</v>
      </c>
      <c r="H13276" t="s">
        <v>121</v>
      </c>
      <c r="I13276" t="s">
        <v>15</v>
      </c>
      <c r="J13276" s="10">
        <v>26.91724765</v>
      </c>
    </row>
    <row r="13277" spans="1:10" x14ac:dyDescent="0.35">
      <c r="A13277" t="s">
        <v>26</v>
      </c>
      <c r="B13277" t="s">
        <v>57</v>
      </c>
      <c r="C13277" t="s">
        <v>117</v>
      </c>
      <c r="D13277" t="s">
        <v>118</v>
      </c>
      <c r="E13277">
        <v>2019</v>
      </c>
      <c r="F13277">
        <v>2019</v>
      </c>
      <c r="G13277" t="s">
        <v>125</v>
      </c>
      <c r="H13277" t="s">
        <v>122</v>
      </c>
      <c r="I13277" t="s">
        <v>15</v>
      </c>
      <c r="J13277" s="10">
        <v>24.098211580000001</v>
      </c>
    </row>
    <row r="13278" spans="1:10" x14ac:dyDescent="0.35">
      <c r="A13278" t="s">
        <v>26</v>
      </c>
      <c r="B13278" t="s">
        <v>57</v>
      </c>
      <c r="C13278" t="s">
        <v>117</v>
      </c>
      <c r="D13278" t="s">
        <v>118</v>
      </c>
      <c r="E13278">
        <v>2019</v>
      </c>
      <c r="F13278">
        <v>2019</v>
      </c>
      <c r="G13278" t="s">
        <v>125</v>
      </c>
      <c r="H13278" t="s">
        <v>123</v>
      </c>
      <c r="I13278" t="s">
        <v>15</v>
      </c>
      <c r="J13278" s="10">
        <v>21.514095180000002</v>
      </c>
    </row>
    <row r="13279" spans="1:10" x14ac:dyDescent="0.35">
      <c r="A13279" t="s">
        <v>26</v>
      </c>
      <c r="B13279" t="s">
        <v>57</v>
      </c>
      <c r="C13279" t="s">
        <v>117</v>
      </c>
      <c r="D13279" t="s">
        <v>118</v>
      </c>
      <c r="E13279">
        <v>2019</v>
      </c>
      <c r="F13279">
        <v>2019</v>
      </c>
      <c r="G13279" t="s">
        <v>125</v>
      </c>
      <c r="H13279" t="s">
        <v>124</v>
      </c>
      <c r="I13279" t="s">
        <v>15</v>
      </c>
      <c r="J13279" s="10">
        <v>2.39466505</v>
      </c>
    </row>
    <row r="13280" spans="1:10" x14ac:dyDescent="0.35">
      <c r="A13280" t="s">
        <v>26</v>
      </c>
      <c r="B13280" t="s">
        <v>57</v>
      </c>
      <c r="C13280" t="s">
        <v>117</v>
      </c>
      <c r="D13280" t="s">
        <v>118</v>
      </c>
      <c r="E13280">
        <v>2019</v>
      </c>
      <c r="F13280">
        <v>2019</v>
      </c>
      <c r="G13280" t="s">
        <v>126</v>
      </c>
      <c r="H13280" t="s">
        <v>119</v>
      </c>
      <c r="I13280" t="s">
        <v>15</v>
      </c>
      <c r="J13280" s="10">
        <v>14.98077492</v>
      </c>
    </row>
    <row r="13281" spans="1:10" x14ac:dyDescent="0.35">
      <c r="A13281" t="s">
        <v>26</v>
      </c>
      <c r="B13281" t="s">
        <v>57</v>
      </c>
      <c r="C13281" t="s">
        <v>117</v>
      </c>
      <c r="D13281" t="s">
        <v>118</v>
      </c>
      <c r="E13281">
        <v>2019</v>
      </c>
      <c r="F13281">
        <v>2019</v>
      </c>
      <c r="G13281" t="s">
        <v>126</v>
      </c>
      <c r="H13281" t="s">
        <v>120</v>
      </c>
      <c r="I13281" t="s">
        <v>15</v>
      </c>
      <c r="J13281" s="10">
        <v>7.4090505770000004</v>
      </c>
    </row>
    <row r="13282" spans="1:10" x14ac:dyDescent="0.35">
      <c r="A13282" t="s">
        <v>26</v>
      </c>
      <c r="B13282" t="s">
        <v>57</v>
      </c>
      <c r="C13282" t="s">
        <v>117</v>
      </c>
      <c r="D13282" t="s">
        <v>118</v>
      </c>
      <c r="E13282">
        <v>2019</v>
      </c>
      <c r="F13282">
        <v>2019</v>
      </c>
      <c r="G13282" t="s">
        <v>126</v>
      </c>
      <c r="H13282" t="s">
        <v>121</v>
      </c>
      <c r="I13282" t="s">
        <v>15</v>
      </c>
      <c r="J13282" s="10">
        <v>27.173913039999999</v>
      </c>
    </row>
    <row r="13283" spans="1:10" x14ac:dyDescent="0.35">
      <c r="A13283" t="s">
        <v>26</v>
      </c>
      <c r="B13283" t="s">
        <v>57</v>
      </c>
      <c r="C13283" t="s">
        <v>117</v>
      </c>
      <c r="D13283" t="s">
        <v>118</v>
      </c>
      <c r="E13283">
        <v>2019</v>
      </c>
      <c r="F13283">
        <v>2019</v>
      </c>
      <c r="G13283" t="s">
        <v>126</v>
      </c>
      <c r="H13283" t="s">
        <v>122</v>
      </c>
      <c r="I13283" t="s">
        <v>15</v>
      </c>
      <c r="J13283" s="10">
        <v>22.78172138</v>
      </c>
    </row>
    <row r="13284" spans="1:10" x14ac:dyDescent="0.35">
      <c r="A13284" t="s">
        <v>26</v>
      </c>
      <c r="B13284" t="s">
        <v>57</v>
      </c>
      <c r="C13284" t="s">
        <v>117</v>
      </c>
      <c r="D13284" t="s">
        <v>118</v>
      </c>
      <c r="E13284">
        <v>2019</v>
      </c>
      <c r="F13284">
        <v>2019</v>
      </c>
      <c r="G13284" t="s">
        <v>126</v>
      </c>
      <c r="H13284" t="s">
        <v>123</v>
      </c>
      <c r="I13284" t="s">
        <v>15</v>
      </c>
      <c r="J13284" s="10">
        <v>23.114463180000001</v>
      </c>
    </row>
    <row r="13285" spans="1:10" x14ac:dyDescent="0.35">
      <c r="A13285" t="s">
        <v>26</v>
      </c>
      <c r="B13285" t="s">
        <v>57</v>
      </c>
      <c r="C13285" t="s">
        <v>117</v>
      </c>
      <c r="D13285" t="s">
        <v>118</v>
      </c>
      <c r="E13285">
        <v>2019</v>
      </c>
      <c r="F13285">
        <v>2019</v>
      </c>
      <c r="G13285" t="s">
        <v>126</v>
      </c>
      <c r="H13285" t="s">
        <v>124</v>
      </c>
      <c r="I13285" t="s">
        <v>15</v>
      </c>
      <c r="J13285" s="10">
        <v>4.5400768999999999</v>
      </c>
    </row>
    <row r="13286" spans="1:10" x14ac:dyDescent="0.35">
      <c r="A13286" t="s">
        <v>26</v>
      </c>
      <c r="B13286" t="s">
        <v>57</v>
      </c>
      <c r="C13286" t="s">
        <v>117</v>
      </c>
      <c r="D13286" t="s">
        <v>118</v>
      </c>
      <c r="E13286">
        <v>2018</v>
      </c>
      <c r="F13286">
        <v>2018</v>
      </c>
      <c r="G13286" t="s">
        <v>14</v>
      </c>
      <c r="H13286" t="s">
        <v>119</v>
      </c>
      <c r="I13286" t="s">
        <v>15</v>
      </c>
      <c r="J13286" s="10">
        <v>16.131196419999998</v>
      </c>
    </row>
    <row r="13287" spans="1:10" x14ac:dyDescent="0.35">
      <c r="A13287" t="s">
        <v>26</v>
      </c>
      <c r="B13287" t="s">
        <v>57</v>
      </c>
      <c r="C13287" t="s">
        <v>117</v>
      </c>
      <c r="D13287" t="s">
        <v>118</v>
      </c>
      <c r="E13287">
        <v>2018</v>
      </c>
      <c r="F13287">
        <v>2018</v>
      </c>
      <c r="G13287" t="s">
        <v>14</v>
      </c>
      <c r="H13287" t="s">
        <v>120</v>
      </c>
      <c r="I13287" t="s">
        <v>15</v>
      </c>
      <c r="J13287" s="10">
        <v>8.0395080130000007</v>
      </c>
    </row>
    <row r="13288" spans="1:10" x14ac:dyDescent="0.35">
      <c r="A13288" t="s">
        <v>26</v>
      </c>
      <c r="B13288" t="s">
        <v>57</v>
      </c>
      <c r="C13288" t="s">
        <v>117</v>
      </c>
      <c r="D13288" t="s">
        <v>118</v>
      </c>
      <c r="E13288">
        <v>2018</v>
      </c>
      <c r="F13288">
        <v>2018</v>
      </c>
      <c r="G13288" t="s">
        <v>14</v>
      </c>
      <c r="H13288" t="s">
        <v>121</v>
      </c>
      <c r="I13288" t="s">
        <v>15</v>
      </c>
      <c r="J13288" s="10">
        <v>27.420797610000001</v>
      </c>
    </row>
    <row r="13289" spans="1:10" x14ac:dyDescent="0.35">
      <c r="A13289" t="s">
        <v>26</v>
      </c>
      <c r="B13289" t="s">
        <v>57</v>
      </c>
      <c r="C13289" t="s">
        <v>117</v>
      </c>
      <c r="D13289" t="s">
        <v>118</v>
      </c>
      <c r="E13289">
        <v>2018</v>
      </c>
      <c r="F13289">
        <v>2018</v>
      </c>
      <c r="G13289" t="s">
        <v>14</v>
      </c>
      <c r="H13289" t="s">
        <v>122</v>
      </c>
      <c r="I13289" t="s">
        <v>15</v>
      </c>
      <c r="J13289" s="10">
        <v>22.970555350000001</v>
      </c>
    </row>
    <row r="13290" spans="1:10" x14ac:dyDescent="0.35">
      <c r="A13290" t="s">
        <v>26</v>
      </c>
      <c r="B13290" t="s">
        <v>57</v>
      </c>
      <c r="C13290" t="s">
        <v>117</v>
      </c>
      <c r="D13290" t="s">
        <v>118</v>
      </c>
      <c r="E13290">
        <v>2018</v>
      </c>
      <c r="F13290">
        <v>2018</v>
      </c>
      <c r="G13290" t="s">
        <v>14</v>
      </c>
      <c r="H13290" t="s">
        <v>123</v>
      </c>
      <c r="I13290" t="s">
        <v>15</v>
      </c>
      <c r="J13290" s="10">
        <v>22.09839732</v>
      </c>
    </row>
    <row r="13291" spans="1:10" x14ac:dyDescent="0.35">
      <c r="A13291" t="s">
        <v>26</v>
      </c>
      <c r="B13291" t="s">
        <v>57</v>
      </c>
      <c r="C13291" t="s">
        <v>117</v>
      </c>
      <c r="D13291" t="s">
        <v>118</v>
      </c>
      <c r="E13291">
        <v>2018</v>
      </c>
      <c r="F13291">
        <v>2018</v>
      </c>
      <c r="G13291" t="s">
        <v>14</v>
      </c>
      <c r="H13291" t="s">
        <v>124</v>
      </c>
      <c r="I13291" t="s">
        <v>15</v>
      </c>
      <c r="J13291" s="10">
        <v>3.3395452849999998</v>
      </c>
    </row>
    <row r="13292" spans="1:10" x14ac:dyDescent="0.35">
      <c r="A13292" t="s">
        <v>26</v>
      </c>
      <c r="B13292" t="s">
        <v>57</v>
      </c>
      <c r="C13292" t="s">
        <v>117</v>
      </c>
      <c r="D13292" t="s">
        <v>118</v>
      </c>
      <c r="E13292">
        <v>2018</v>
      </c>
      <c r="F13292">
        <v>2018</v>
      </c>
      <c r="G13292" t="s">
        <v>125</v>
      </c>
      <c r="H13292" t="s">
        <v>119</v>
      </c>
      <c r="I13292" t="s">
        <v>15</v>
      </c>
      <c r="J13292" s="10">
        <v>17.075564279999998</v>
      </c>
    </row>
    <row r="13293" spans="1:10" x14ac:dyDescent="0.35">
      <c r="A13293" t="s">
        <v>26</v>
      </c>
      <c r="B13293" t="s">
        <v>57</v>
      </c>
      <c r="C13293" t="s">
        <v>117</v>
      </c>
      <c r="D13293" t="s">
        <v>118</v>
      </c>
      <c r="E13293">
        <v>2018</v>
      </c>
      <c r="F13293">
        <v>2018</v>
      </c>
      <c r="G13293" t="s">
        <v>125</v>
      </c>
      <c r="H13293" t="s">
        <v>120</v>
      </c>
      <c r="I13293" t="s">
        <v>15</v>
      </c>
      <c r="J13293" s="10">
        <v>8.4471955909999998</v>
      </c>
    </row>
    <row r="13294" spans="1:10" x14ac:dyDescent="0.35">
      <c r="A13294" t="s">
        <v>26</v>
      </c>
      <c r="B13294" t="s">
        <v>57</v>
      </c>
      <c r="C13294" t="s">
        <v>117</v>
      </c>
      <c r="D13294" t="s">
        <v>118</v>
      </c>
      <c r="E13294">
        <v>2018</v>
      </c>
      <c r="F13294">
        <v>2018</v>
      </c>
      <c r="G13294" t="s">
        <v>125</v>
      </c>
      <c r="H13294" t="s">
        <v>121</v>
      </c>
      <c r="I13294" t="s">
        <v>15</v>
      </c>
      <c r="J13294" s="10">
        <v>27.44017513</v>
      </c>
    </row>
    <row r="13295" spans="1:10" x14ac:dyDescent="0.35">
      <c r="A13295" t="s">
        <v>26</v>
      </c>
      <c r="B13295" t="s">
        <v>57</v>
      </c>
      <c r="C13295" t="s">
        <v>117</v>
      </c>
      <c r="D13295" t="s">
        <v>118</v>
      </c>
      <c r="E13295">
        <v>2018</v>
      </c>
      <c r="F13295">
        <v>2018</v>
      </c>
      <c r="G13295" t="s">
        <v>125</v>
      </c>
      <c r="H13295" t="s">
        <v>122</v>
      </c>
      <c r="I13295" t="s">
        <v>15</v>
      </c>
      <c r="J13295" s="10">
        <v>23.5374047</v>
      </c>
    </row>
    <row r="13296" spans="1:10" x14ac:dyDescent="0.35">
      <c r="A13296" t="s">
        <v>26</v>
      </c>
      <c r="B13296" t="s">
        <v>57</v>
      </c>
      <c r="C13296" t="s">
        <v>117</v>
      </c>
      <c r="D13296" t="s">
        <v>118</v>
      </c>
      <c r="E13296">
        <v>2018</v>
      </c>
      <c r="F13296">
        <v>2018</v>
      </c>
      <c r="G13296" t="s">
        <v>125</v>
      </c>
      <c r="H13296" t="s">
        <v>123</v>
      </c>
      <c r="I13296" t="s">
        <v>15</v>
      </c>
      <c r="J13296" s="10">
        <v>21.302936509999999</v>
      </c>
    </row>
    <row r="13297" spans="1:10" x14ac:dyDescent="0.35">
      <c r="A13297" t="s">
        <v>26</v>
      </c>
      <c r="B13297" t="s">
        <v>57</v>
      </c>
      <c r="C13297" t="s">
        <v>117</v>
      </c>
      <c r="D13297" t="s">
        <v>118</v>
      </c>
      <c r="E13297">
        <v>2018</v>
      </c>
      <c r="F13297">
        <v>2018</v>
      </c>
      <c r="G13297" t="s">
        <v>125</v>
      </c>
      <c r="H13297" t="s">
        <v>124</v>
      </c>
      <c r="I13297" t="s">
        <v>15</v>
      </c>
      <c r="J13297" s="10">
        <v>2.1967237869999998</v>
      </c>
    </row>
    <row r="13298" spans="1:10" x14ac:dyDescent="0.35">
      <c r="A13298" t="s">
        <v>26</v>
      </c>
      <c r="B13298" t="s">
        <v>57</v>
      </c>
      <c r="C13298" t="s">
        <v>117</v>
      </c>
      <c r="D13298" t="s">
        <v>118</v>
      </c>
      <c r="E13298">
        <v>2018</v>
      </c>
      <c r="F13298">
        <v>2018</v>
      </c>
      <c r="G13298" t="s">
        <v>126</v>
      </c>
      <c r="H13298" t="s">
        <v>119</v>
      </c>
      <c r="I13298" t="s">
        <v>15</v>
      </c>
      <c r="J13298" s="10">
        <v>15.210189209999999</v>
      </c>
    </row>
    <row r="13299" spans="1:10" x14ac:dyDescent="0.35">
      <c r="A13299" t="s">
        <v>26</v>
      </c>
      <c r="B13299" t="s">
        <v>57</v>
      </c>
      <c r="C13299" t="s">
        <v>117</v>
      </c>
      <c r="D13299" t="s">
        <v>118</v>
      </c>
      <c r="E13299">
        <v>2018</v>
      </c>
      <c r="F13299">
        <v>2018</v>
      </c>
      <c r="G13299" t="s">
        <v>126</v>
      </c>
      <c r="H13299" t="s">
        <v>120</v>
      </c>
      <c r="I13299" t="s">
        <v>15</v>
      </c>
      <c r="J13299" s="10">
        <v>7.6419053229999996</v>
      </c>
    </row>
    <row r="13300" spans="1:10" x14ac:dyDescent="0.35">
      <c r="A13300" t="s">
        <v>26</v>
      </c>
      <c r="B13300" t="s">
        <v>57</v>
      </c>
      <c r="C13300" t="s">
        <v>117</v>
      </c>
      <c r="D13300" t="s">
        <v>118</v>
      </c>
      <c r="E13300">
        <v>2018</v>
      </c>
      <c r="F13300">
        <v>2018</v>
      </c>
      <c r="G13300" t="s">
        <v>126</v>
      </c>
      <c r="H13300" t="s">
        <v>121</v>
      </c>
      <c r="I13300" t="s">
        <v>15</v>
      </c>
      <c r="J13300" s="10">
        <v>27.40189943</v>
      </c>
    </row>
    <row r="13301" spans="1:10" x14ac:dyDescent="0.35">
      <c r="A13301" t="s">
        <v>26</v>
      </c>
      <c r="B13301" t="s">
        <v>57</v>
      </c>
      <c r="C13301" t="s">
        <v>117</v>
      </c>
      <c r="D13301" t="s">
        <v>118</v>
      </c>
      <c r="E13301">
        <v>2018</v>
      </c>
      <c r="F13301">
        <v>2018</v>
      </c>
      <c r="G13301" t="s">
        <v>126</v>
      </c>
      <c r="H13301" t="s">
        <v>122</v>
      </c>
      <c r="I13301" t="s">
        <v>15</v>
      </c>
      <c r="J13301" s="10">
        <v>22.41772804</v>
      </c>
    </row>
    <row r="13302" spans="1:10" x14ac:dyDescent="0.35">
      <c r="A13302" t="s">
        <v>26</v>
      </c>
      <c r="B13302" t="s">
        <v>57</v>
      </c>
      <c r="C13302" t="s">
        <v>117</v>
      </c>
      <c r="D13302" t="s">
        <v>118</v>
      </c>
      <c r="E13302">
        <v>2018</v>
      </c>
      <c r="F13302">
        <v>2018</v>
      </c>
      <c r="G13302" t="s">
        <v>126</v>
      </c>
      <c r="H13302" t="s">
        <v>123</v>
      </c>
      <c r="I13302" t="s">
        <v>15</v>
      </c>
      <c r="J13302" s="10">
        <v>22.87418096</v>
      </c>
    </row>
    <row r="13303" spans="1:10" x14ac:dyDescent="0.35">
      <c r="A13303" t="s">
        <v>26</v>
      </c>
      <c r="B13303" t="s">
        <v>57</v>
      </c>
      <c r="C13303" t="s">
        <v>117</v>
      </c>
      <c r="D13303" t="s">
        <v>118</v>
      </c>
      <c r="E13303">
        <v>2018</v>
      </c>
      <c r="F13303">
        <v>2018</v>
      </c>
      <c r="G13303" t="s">
        <v>126</v>
      </c>
      <c r="H13303" t="s">
        <v>124</v>
      </c>
      <c r="I13303" t="s">
        <v>15</v>
      </c>
      <c r="J13303" s="10">
        <v>4.454097033</v>
      </c>
    </row>
    <row r="13304" spans="1:10" x14ac:dyDescent="0.35">
      <c r="A13304" t="s">
        <v>26</v>
      </c>
      <c r="B13304" t="s">
        <v>57</v>
      </c>
      <c r="C13304" t="s">
        <v>117</v>
      </c>
      <c r="D13304" t="s">
        <v>118</v>
      </c>
      <c r="E13304">
        <v>2017</v>
      </c>
      <c r="F13304">
        <v>2017</v>
      </c>
      <c r="G13304" t="s">
        <v>14</v>
      </c>
      <c r="H13304" t="s">
        <v>119</v>
      </c>
      <c r="I13304" t="s">
        <v>15</v>
      </c>
      <c r="J13304" s="10">
        <v>16.204081630000001</v>
      </c>
    </row>
    <row r="13305" spans="1:10" x14ac:dyDescent="0.35">
      <c r="A13305" t="s">
        <v>26</v>
      </c>
      <c r="B13305" t="s">
        <v>57</v>
      </c>
      <c r="C13305" t="s">
        <v>117</v>
      </c>
      <c r="D13305" t="s">
        <v>118</v>
      </c>
      <c r="E13305">
        <v>2017</v>
      </c>
      <c r="F13305">
        <v>2017</v>
      </c>
      <c r="G13305" t="s">
        <v>14</v>
      </c>
      <c r="H13305" t="s">
        <v>120</v>
      </c>
      <c r="I13305" t="s">
        <v>15</v>
      </c>
      <c r="J13305" s="10">
        <v>8.1892393319999996</v>
      </c>
    </row>
    <row r="13306" spans="1:10" x14ac:dyDescent="0.35">
      <c r="A13306" t="s">
        <v>26</v>
      </c>
      <c r="B13306" t="s">
        <v>57</v>
      </c>
      <c r="C13306" t="s">
        <v>117</v>
      </c>
      <c r="D13306" t="s">
        <v>118</v>
      </c>
      <c r="E13306">
        <v>2017</v>
      </c>
      <c r="F13306">
        <v>2017</v>
      </c>
      <c r="G13306" t="s">
        <v>14</v>
      </c>
      <c r="H13306" t="s">
        <v>121</v>
      </c>
      <c r="I13306" t="s">
        <v>15</v>
      </c>
      <c r="J13306" s="10">
        <v>27.951762519999999</v>
      </c>
    </row>
    <row r="13307" spans="1:10" x14ac:dyDescent="0.35">
      <c r="A13307" t="s">
        <v>26</v>
      </c>
      <c r="B13307" t="s">
        <v>57</v>
      </c>
      <c r="C13307" t="s">
        <v>117</v>
      </c>
      <c r="D13307" t="s">
        <v>118</v>
      </c>
      <c r="E13307">
        <v>2017</v>
      </c>
      <c r="F13307">
        <v>2017</v>
      </c>
      <c r="G13307" t="s">
        <v>14</v>
      </c>
      <c r="H13307" t="s">
        <v>122</v>
      </c>
      <c r="I13307" t="s">
        <v>15</v>
      </c>
      <c r="J13307" s="10">
        <v>22.58627087</v>
      </c>
    </row>
    <row r="13308" spans="1:10" x14ac:dyDescent="0.35">
      <c r="A13308" t="s">
        <v>26</v>
      </c>
      <c r="B13308" t="s">
        <v>57</v>
      </c>
      <c r="C13308" t="s">
        <v>117</v>
      </c>
      <c r="D13308" t="s">
        <v>118</v>
      </c>
      <c r="E13308">
        <v>2017</v>
      </c>
      <c r="F13308">
        <v>2017</v>
      </c>
      <c r="G13308" t="s">
        <v>14</v>
      </c>
      <c r="H13308" t="s">
        <v>123</v>
      </c>
      <c r="I13308" t="s">
        <v>15</v>
      </c>
      <c r="J13308" s="10">
        <v>21.833024120000001</v>
      </c>
    </row>
    <row r="13309" spans="1:10" x14ac:dyDescent="0.35">
      <c r="A13309" t="s">
        <v>26</v>
      </c>
      <c r="B13309" t="s">
        <v>57</v>
      </c>
      <c r="C13309" t="s">
        <v>117</v>
      </c>
      <c r="D13309" t="s">
        <v>118</v>
      </c>
      <c r="E13309">
        <v>2017</v>
      </c>
      <c r="F13309">
        <v>2017</v>
      </c>
      <c r="G13309" t="s">
        <v>14</v>
      </c>
      <c r="H13309" t="s">
        <v>124</v>
      </c>
      <c r="I13309" t="s">
        <v>15</v>
      </c>
      <c r="J13309" s="10">
        <v>3.2356215210000001</v>
      </c>
    </row>
    <row r="13310" spans="1:10" x14ac:dyDescent="0.35">
      <c r="A13310" t="s">
        <v>26</v>
      </c>
      <c r="B13310" t="s">
        <v>57</v>
      </c>
      <c r="C13310" t="s">
        <v>117</v>
      </c>
      <c r="D13310" t="s">
        <v>118</v>
      </c>
      <c r="E13310">
        <v>2017</v>
      </c>
      <c r="F13310">
        <v>2017</v>
      </c>
      <c r="G13310" t="s">
        <v>125</v>
      </c>
      <c r="H13310" t="s">
        <v>119</v>
      </c>
      <c r="I13310" t="s">
        <v>15</v>
      </c>
      <c r="J13310" s="10">
        <v>17.077385419999999</v>
      </c>
    </row>
    <row r="13311" spans="1:10" x14ac:dyDescent="0.35">
      <c r="A13311" t="s">
        <v>26</v>
      </c>
      <c r="B13311" t="s">
        <v>57</v>
      </c>
      <c r="C13311" t="s">
        <v>117</v>
      </c>
      <c r="D13311" t="s">
        <v>118</v>
      </c>
      <c r="E13311">
        <v>2017</v>
      </c>
      <c r="F13311">
        <v>2017</v>
      </c>
      <c r="G13311" t="s">
        <v>125</v>
      </c>
      <c r="H13311" t="s">
        <v>120</v>
      </c>
      <c r="I13311" t="s">
        <v>15</v>
      </c>
      <c r="J13311" s="10">
        <v>8.4823441020000008</v>
      </c>
    </row>
    <row r="13312" spans="1:10" x14ac:dyDescent="0.35">
      <c r="A13312" t="s">
        <v>26</v>
      </c>
      <c r="B13312" t="s">
        <v>57</v>
      </c>
      <c r="C13312" t="s">
        <v>117</v>
      </c>
      <c r="D13312" t="s">
        <v>118</v>
      </c>
      <c r="E13312">
        <v>2017</v>
      </c>
      <c r="F13312">
        <v>2017</v>
      </c>
      <c r="G13312" t="s">
        <v>125</v>
      </c>
      <c r="H13312" t="s">
        <v>121</v>
      </c>
      <c r="I13312" t="s">
        <v>15</v>
      </c>
      <c r="J13312" s="10">
        <v>28.084147260000002</v>
      </c>
    </row>
    <row r="13313" spans="1:10" x14ac:dyDescent="0.35">
      <c r="A13313" t="s">
        <v>26</v>
      </c>
      <c r="B13313" t="s">
        <v>57</v>
      </c>
      <c r="C13313" t="s">
        <v>117</v>
      </c>
      <c r="D13313" t="s">
        <v>118</v>
      </c>
      <c r="E13313">
        <v>2017</v>
      </c>
      <c r="F13313">
        <v>2017</v>
      </c>
      <c r="G13313" t="s">
        <v>125</v>
      </c>
      <c r="H13313" t="s">
        <v>122</v>
      </c>
      <c r="I13313" t="s">
        <v>15</v>
      </c>
      <c r="J13313" s="10">
        <v>23.305785119999999</v>
      </c>
    </row>
    <row r="13314" spans="1:10" x14ac:dyDescent="0.35">
      <c r="A13314" t="s">
        <v>26</v>
      </c>
      <c r="B13314" t="s">
        <v>57</v>
      </c>
      <c r="C13314" t="s">
        <v>117</v>
      </c>
      <c r="D13314" t="s">
        <v>118</v>
      </c>
      <c r="E13314">
        <v>2017</v>
      </c>
      <c r="F13314">
        <v>2017</v>
      </c>
      <c r="G13314" t="s">
        <v>125</v>
      </c>
      <c r="H13314" t="s">
        <v>123</v>
      </c>
      <c r="I13314" t="s">
        <v>15</v>
      </c>
      <c r="J13314" s="10">
        <v>20.90909091</v>
      </c>
    </row>
    <row r="13315" spans="1:10" x14ac:dyDescent="0.35">
      <c r="A13315" t="s">
        <v>26</v>
      </c>
      <c r="B13315" t="s">
        <v>57</v>
      </c>
      <c r="C13315" t="s">
        <v>117</v>
      </c>
      <c r="D13315" t="s">
        <v>118</v>
      </c>
      <c r="E13315">
        <v>2017</v>
      </c>
      <c r="F13315">
        <v>2017</v>
      </c>
      <c r="G13315" t="s">
        <v>125</v>
      </c>
      <c r="H13315" t="s">
        <v>124</v>
      </c>
      <c r="I13315" t="s">
        <v>15</v>
      </c>
      <c r="J13315" s="10">
        <v>2.1412471829999999</v>
      </c>
    </row>
    <row r="13316" spans="1:10" x14ac:dyDescent="0.35">
      <c r="A13316" t="s">
        <v>26</v>
      </c>
      <c r="B13316" t="s">
        <v>57</v>
      </c>
      <c r="C13316" t="s">
        <v>117</v>
      </c>
      <c r="D13316" t="s">
        <v>118</v>
      </c>
      <c r="E13316">
        <v>2017</v>
      </c>
      <c r="F13316">
        <v>2017</v>
      </c>
      <c r="G13316" t="s">
        <v>126</v>
      </c>
      <c r="H13316" t="s">
        <v>119</v>
      </c>
      <c r="I13316" t="s">
        <v>15</v>
      </c>
      <c r="J13316" s="10">
        <v>15.35190616</v>
      </c>
    </row>
    <row r="13317" spans="1:10" x14ac:dyDescent="0.35">
      <c r="A13317" t="s">
        <v>26</v>
      </c>
      <c r="B13317" t="s">
        <v>57</v>
      </c>
      <c r="C13317" t="s">
        <v>117</v>
      </c>
      <c r="D13317" t="s">
        <v>118</v>
      </c>
      <c r="E13317">
        <v>2017</v>
      </c>
      <c r="F13317">
        <v>2017</v>
      </c>
      <c r="G13317" t="s">
        <v>126</v>
      </c>
      <c r="H13317" t="s">
        <v>120</v>
      </c>
      <c r="I13317" t="s">
        <v>15</v>
      </c>
      <c r="J13317" s="10">
        <v>7.903225806</v>
      </c>
    </row>
    <row r="13318" spans="1:10" x14ac:dyDescent="0.35">
      <c r="A13318" t="s">
        <v>26</v>
      </c>
      <c r="B13318" t="s">
        <v>57</v>
      </c>
      <c r="C13318" t="s">
        <v>117</v>
      </c>
      <c r="D13318" t="s">
        <v>118</v>
      </c>
      <c r="E13318">
        <v>2017</v>
      </c>
      <c r="F13318">
        <v>2017</v>
      </c>
      <c r="G13318" t="s">
        <v>126</v>
      </c>
      <c r="H13318" t="s">
        <v>121</v>
      </c>
      <c r="I13318" t="s">
        <v>15</v>
      </c>
      <c r="J13318" s="10">
        <v>27.822580649999999</v>
      </c>
    </row>
    <row r="13319" spans="1:10" x14ac:dyDescent="0.35">
      <c r="A13319" t="s">
        <v>26</v>
      </c>
      <c r="B13319" t="s">
        <v>57</v>
      </c>
      <c r="C13319" t="s">
        <v>117</v>
      </c>
      <c r="D13319" t="s">
        <v>118</v>
      </c>
      <c r="E13319">
        <v>2017</v>
      </c>
      <c r="F13319">
        <v>2017</v>
      </c>
      <c r="G13319" t="s">
        <v>126</v>
      </c>
      <c r="H13319" t="s">
        <v>122</v>
      </c>
      <c r="I13319" t="s">
        <v>15</v>
      </c>
      <c r="J13319" s="10">
        <v>21.884164219999999</v>
      </c>
    </row>
    <row r="13320" spans="1:10" x14ac:dyDescent="0.35">
      <c r="A13320" t="s">
        <v>26</v>
      </c>
      <c r="B13320" t="s">
        <v>57</v>
      </c>
      <c r="C13320" t="s">
        <v>117</v>
      </c>
      <c r="D13320" t="s">
        <v>118</v>
      </c>
      <c r="E13320">
        <v>2017</v>
      </c>
      <c r="F13320">
        <v>2017</v>
      </c>
      <c r="G13320" t="s">
        <v>126</v>
      </c>
      <c r="H13320" t="s">
        <v>123</v>
      </c>
      <c r="I13320" t="s">
        <v>15</v>
      </c>
      <c r="J13320" s="10">
        <v>22.734604109999999</v>
      </c>
    </row>
    <row r="13321" spans="1:10" x14ac:dyDescent="0.35">
      <c r="A13321" t="s">
        <v>26</v>
      </c>
      <c r="B13321" t="s">
        <v>57</v>
      </c>
      <c r="C13321" t="s">
        <v>117</v>
      </c>
      <c r="D13321" t="s">
        <v>118</v>
      </c>
      <c r="E13321">
        <v>2017</v>
      </c>
      <c r="F13321">
        <v>2017</v>
      </c>
      <c r="G13321" t="s">
        <v>126</v>
      </c>
      <c r="H13321" t="s">
        <v>124</v>
      </c>
      <c r="I13321" t="s">
        <v>15</v>
      </c>
      <c r="J13321" s="10">
        <v>4.3035190620000003</v>
      </c>
    </row>
    <row r="13322" spans="1:10" x14ac:dyDescent="0.35">
      <c r="A13322" t="s">
        <v>26</v>
      </c>
      <c r="B13322" t="s">
        <v>57</v>
      </c>
      <c r="C13322" t="s">
        <v>117</v>
      </c>
      <c r="D13322" t="s">
        <v>118</v>
      </c>
      <c r="E13322">
        <v>2016</v>
      </c>
      <c r="F13322">
        <v>2016</v>
      </c>
      <c r="G13322" t="s">
        <v>14</v>
      </c>
      <c r="H13322" t="s">
        <v>119</v>
      </c>
      <c r="I13322" t="s">
        <v>15</v>
      </c>
      <c r="J13322" s="10">
        <v>16.011152419999998</v>
      </c>
    </row>
    <row r="13323" spans="1:10" x14ac:dyDescent="0.35">
      <c r="A13323" t="s">
        <v>26</v>
      </c>
      <c r="B13323" t="s">
        <v>57</v>
      </c>
      <c r="C13323" t="s">
        <v>117</v>
      </c>
      <c r="D13323" t="s">
        <v>118</v>
      </c>
      <c r="E13323">
        <v>2016</v>
      </c>
      <c r="F13323">
        <v>2016</v>
      </c>
      <c r="G13323" t="s">
        <v>14</v>
      </c>
      <c r="H13323" t="s">
        <v>120</v>
      </c>
      <c r="I13323" t="s">
        <v>15</v>
      </c>
      <c r="J13323" s="10">
        <v>8.4423791819999998</v>
      </c>
    </row>
    <row r="13324" spans="1:10" x14ac:dyDescent="0.35">
      <c r="A13324" t="s">
        <v>26</v>
      </c>
      <c r="B13324" t="s">
        <v>57</v>
      </c>
      <c r="C13324" t="s">
        <v>117</v>
      </c>
      <c r="D13324" t="s">
        <v>118</v>
      </c>
      <c r="E13324">
        <v>2016</v>
      </c>
      <c r="F13324">
        <v>2016</v>
      </c>
      <c r="G13324" t="s">
        <v>14</v>
      </c>
      <c r="H13324" t="s">
        <v>121</v>
      </c>
      <c r="I13324" t="s">
        <v>15</v>
      </c>
      <c r="J13324" s="10">
        <v>28.39033457</v>
      </c>
    </row>
    <row r="13325" spans="1:10" x14ac:dyDescent="0.35">
      <c r="A13325" t="s">
        <v>26</v>
      </c>
      <c r="B13325" t="s">
        <v>57</v>
      </c>
      <c r="C13325" t="s">
        <v>117</v>
      </c>
      <c r="D13325" t="s">
        <v>118</v>
      </c>
      <c r="E13325">
        <v>2016</v>
      </c>
      <c r="F13325">
        <v>2016</v>
      </c>
      <c r="G13325" t="s">
        <v>14</v>
      </c>
      <c r="H13325" t="s">
        <v>122</v>
      </c>
      <c r="I13325" t="s">
        <v>15</v>
      </c>
      <c r="J13325" s="10">
        <v>22.475836430000001</v>
      </c>
    </row>
    <row r="13326" spans="1:10" x14ac:dyDescent="0.35">
      <c r="A13326" t="s">
        <v>26</v>
      </c>
      <c r="B13326" t="s">
        <v>57</v>
      </c>
      <c r="C13326" t="s">
        <v>117</v>
      </c>
      <c r="D13326" t="s">
        <v>118</v>
      </c>
      <c r="E13326">
        <v>2016</v>
      </c>
      <c r="F13326">
        <v>2016</v>
      </c>
      <c r="G13326" t="s">
        <v>14</v>
      </c>
      <c r="H13326" t="s">
        <v>123</v>
      </c>
      <c r="I13326" t="s">
        <v>15</v>
      </c>
      <c r="J13326" s="10">
        <v>21.516728619999999</v>
      </c>
    </row>
    <row r="13327" spans="1:10" x14ac:dyDescent="0.35">
      <c r="A13327" t="s">
        <v>26</v>
      </c>
      <c r="B13327" t="s">
        <v>57</v>
      </c>
      <c r="C13327" t="s">
        <v>117</v>
      </c>
      <c r="D13327" t="s">
        <v>118</v>
      </c>
      <c r="E13327">
        <v>2016</v>
      </c>
      <c r="F13327">
        <v>2016</v>
      </c>
      <c r="G13327" t="s">
        <v>14</v>
      </c>
      <c r="H13327" t="s">
        <v>124</v>
      </c>
      <c r="I13327" t="s">
        <v>15</v>
      </c>
      <c r="J13327" s="10">
        <v>3.1635687730000002</v>
      </c>
    </row>
    <row r="13328" spans="1:10" x14ac:dyDescent="0.35">
      <c r="A13328" t="s">
        <v>26</v>
      </c>
      <c r="B13328" t="s">
        <v>57</v>
      </c>
      <c r="C13328" t="s">
        <v>117</v>
      </c>
      <c r="D13328" t="s">
        <v>118</v>
      </c>
      <c r="E13328">
        <v>2016</v>
      </c>
      <c r="F13328">
        <v>2016</v>
      </c>
      <c r="G13328" t="s">
        <v>125</v>
      </c>
      <c r="H13328" t="s">
        <v>119</v>
      </c>
      <c r="I13328" t="s">
        <v>15</v>
      </c>
      <c r="J13328" s="10">
        <v>16.730725750000001</v>
      </c>
    </row>
    <row r="13329" spans="1:10" x14ac:dyDescent="0.35">
      <c r="A13329" t="s">
        <v>26</v>
      </c>
      <c r="B13329" t="s">
        <v>57</v>
      </c>
      <c r="C13329" t="s">
        <v>117</v>
      </c>
      <c r="D13329" t="s">
        <v>118</v>
      </c>
      <c r="E13329">
        <v>2016</v>
      </c>
      <c r="F13329">
        <v>2016</v>
      </c>
      <c r="G13329" t="s">
        <v>125</v>
      </c>
      <c r="H13329" t="s">
        <v>120</v>
      </c>
      <c r="I13329" t="s">
        <v>15</v>
      </c>
      <c r="J13329" s="10">
        <v>9.0888537189999994</v>
      </c>
    </row>
    <row r="13330" spans="1:10" x14ac:dyDescent="0.35">
      <c r="A13330" t="s">
        <v>26</v>
      </c>
      <c r="B13330" t="s">
        <v>57</v>
      </c>
      <c r="C13330" t="s">
        <v>117</v>
      </c>
      <c r="D13330" t="s">
        <v>118</v>
      </c>
      <c r="E13330">
        <v>2016</v>
      </c>
      <c r="F13330">
        <v>2016</v>
      </c>
      <c r="G13330" t="s">
        <v>125</v>
      </c>
      <c r="H13330" t="s">
        <v>121</v>
      </c>
      <c r="I13330" t="s">
        <v>15</v>
      </c>
      <c r="J13330" s="10">
        <v>28.608033760000001</v>
      </c>
    </row>
    <row r="13331" spans="1:10" x14ac:dyDescent="0.35">
      <c r="A13331" t="s">
        <v>26</v>
      </c>
      <c r="B13331" t="s">
        <v>57</v>
      </c>
      <c r="C13331" t="s">
        <v>117</v>
      </c>
      <c r="D13331" t="s">
        <v>118</v>
      </c>
      <c r="E13331">
        <v>2016</v>
      </c>
      <c r="F13331">
        <v>2016</v>
      </c>
      <c r="G13331" t="s">
        <v>125</v>
      </c>
      <c r="H13331" t="s">
        <v>122</v>
      </c>
      <c r="I13331" t="s">
        <v>15</v>
      </c>
      <c r="J13331" s="10">
        <v>22.910543369999999</v>
      </c>
    </row>
    <row r="13332" spans="1:10" x14ac:dyDescent="0.35">
      <c r="A13332" t="s">
        <v>26</v>
      </c>
      <c r="B13332" t="s">
        <v>57</v>
      </c>
      <c r="C13332" t="s">
        <v>117</v>
      </c>
      <c r="D13332" t="s">
        <v>118</v>
      </c>
      <c r="E13332">
        <v>2016</v>
      </c>
      <c r="F13332">
        <v>2016</v>
      </c>
      <c r="G13332" t="s">
        <v>125</v>
      </c>
      <c r="H13332" t="s">
        <v>123</v>
      </c>
      <c r="I13332" t="s">
        <v>15</v>
      </c>
      <c r="J13332" s="10">
        <v>20.544125409999999</v>
      </c>
    </row>
    <row r="13333" spans="1:10" x14ac:dyDescent="0.35">
      <c r="A13333" t="s">
        <v>26</v>
      </c>
      <c r="B13333" t="s">
        <v>57</v>
      </c>
      <c r="C13333" t="s">
        <v>117</v>
      </c>
      <c r="D13333" t="s">
        <v>118</v>
      </c>
      <c r="E13333">
        <v>2016</v>
      </c>
      <c r="F13333">
        <v>2016</v>
      </c>
      <c r="G13333" t="s">
        <v>125</v>
      </c>
      <c r="H13333" t="s">
        <v>124</v>
      </c>
      <c r="I13333" t="s">
        <v>15</v>
      </c>
      <c r="J13333" s="10">
        <v>2.117717989</v>
      </c>
    </row>
    <row r="13334" spans="1:10" x14ac:dyDescent="0.35">
      <c r="A13334" t="s">
        <v>26</v>
      </c>
      <c r="B13334" t="s">
        <v>57</v>
      </c>
      <c r="C13334" t="s">
        <v>117</v>
      </c>
      <c r="D13334" t="s">
        <v>118</v>
      </c>
      <c r="E13334">
        <v>2016</v>
      </c>
      <c r="F13334">
        <v>2016</v>
      </c>
      <c r="G13334" t="s">
        <v>126</v>
      </c>
      <c r="H13334" t="s">
        <v>119</v>
      </c>
      <c r="I13334" t="s">
        <v>15</v>
      </c>
      <c r="J13334" s="10">
        <v>15.31068887</v>
      </c>
    </row>
    <row r="13335" spans="1:10" x14ac:dyDescent="0.35">
      <c r="A13335" t="s">
        <v>26</v>
      </c>
      <c r="B13335" t="s">
        <v>57</v>
      </c>
      <c r="C13335" t="s">
        <v>117</v>
      </c>
      <c r="D13335" t="s">
        <v>118</v>
      </c>
      <c r="E13335">
        <v>2016</v>
      </c>
      <c r="F13335">
        <v>2016</v>
      </c>
      <c r="G13335" t="s">
        <v>126</v>
      </c>
      <c r="H13335" t="s">
        <v>120</v>
      </c>
      <c r="I13335" t="s">
        <v>15</v>
      </c>
      <c r="J13335" s="10">
        <v>7.8130731420000004</v>
      </c>
    </row>
    <row r="13336" spans="1:10" x14ac:dyDescent="0.35">
      <c r="A13336" t="s">
        <v>26</v>
      </c>
      <c r="B13336" t="s">
        <v>57</v>
      </c>
      <c r="C13336" t="s">
        <v>117</v>
      </c>
      <c r="D13336" t="s">
        <v>118</v>
      </c>
      <c r="E13336">
        <v>2016</v>
      </c>
      <c r="F13336">
        <v>2016</v>
      </c>
      <c r="G13336" t="s">
        <v>126</v>
      </c>
      <c r="H13336" t="s">
        <v>121</v>
      </c>
      <c r="I13336" t="s">
        <v>15</v>
      </c>
      <c r="J13336" s="10">
        <v>28.178416840000001</v>
      </c>
    </row>
    <row r="13337" spans="1:10" x14ac:dyDescent="0.35">
      <c r="A13337" t="s">
        <v>26</v>
      </c>
      <c r="B13337" t="s">
        <v>57</v>
      </c>
      <c r="C13337" t="s">
        <v>117</v>
      </c>
      <c r="D13337" t="s">
        <v>118</v>
      </c>
      <c r="E13337">
        <v>2016</v>
      </c>
      <c r="F13337">
        <v>2016</v>
      </c>
      <c r="G13337" t="s">
        <v>126</v>
      </c>
      <c r="H13337" t="s">
        <v>122</v>
      </c>
      <c r="I13337" t="s">
        <v>15</v>
      </c>
      <c r="J13337" s="10">
        <v>22.05267405</v>
      </c>
    </row>
    <row r="13338" spans="1:10" x14ac:dyDescent="0.35">
      <c r="A13338" t="s">
        <v>26</v>
      </c>
      <c r="B13338" t="s">
        <v>57</v>
      </c>
      <c r="C13338" t="s">
        <v>117</v>
      </c>
      <c r="D13338" t="s">
        <v>118</v>
      </c>
      <c r="E13338">
        <v>2016</v>
      </c>
      <c r="F13338">
        <v>2016</v>
      </c>
      <c r="G13338" t="s">
        <v>126</v>
      </c>
      <c r="H13338" t="s">
        <v>123</v>
      </c>
      <c r="I13338" t="s">
        <v>15</v>
      </c>
      <c r="J13338" s="10">
        <v>22.463502309999999</v>
      </c>
    </row>
    <row r="13339" spans="1:10" x14ac:dyDescent="0.35">
      <c r="A13339" t="s">
        <v>26</v>
      </c>
      <c r="B13339" t="s">
        <v>57</v>
      </c>
      <c r="C13339" t="s">
        <v>117</v>
      </c>
      <c r="D13339" t="s">
        <v>118</v>
      </c>
      <c r="E13339">
        <v>2016</v>
      </c>
      <c r="F13339">
        <v>2016</v>
      </c>
      <c r="G13339" t="s">
        <v>126</v>
      </c>
      <c r="H13339" t="s">
        <v>124</v>
      </c>
      <c r="I13339" t="s">
        <v>15</v>
      </c>
      <c r="J13339" s="10">
        <v>4.1816447800000001</v>
      </c>
    </row>
    <row r="13340" spans="1:10" x14ac:dyDescent="0.35">
      <c r="A13340" t="s">
        <v>26</v>
      </c>
      <c r="B13340" t="s">
        <v>57</v>
      </c>
      <c r="C13340" t="s">
        <v>117</v>
      </c>
      <c r="D13340" t="s">
        <v>118</v>
      </c>
      <c r="E13340">
        <v>2015</v>
      </c>
      <c r="F13340">
        <v>2015</v>
      </c>
      <c r="G13340" t="s">
        <v>14</v>
      </c>
      <c r="H13340" t="s">
        <v>119</v>
      </c>
      <c r="I13340" t="s">
        <v>15</v>
      </c>
      <c r="J13340" s="10">
        <v>16.062061320000002</v>
      </c>
    </row>
    <row r="13341" spans="1:10" x14ac:dyDescent="0.35">
      <c r="A13341" t="s">
        <v>26</v>
      </c>
      <c r="B13341" t="s">
        <v>57</v>
      </c>
      <c r="C13341" t="s">
        <v>117</v>
      </c>
      <c r="D13341" t="s">
        <v>118</v>
      </c>
      <c r="E13341">
        <v>2015</v>
      </c>
      <c r="F13341">
        <v>2015</v>
      </c>
      <c r="G13341" t="s">
        <v>14</v>
      </c>
      <c r="H13341" t="s">
        <v>120</v>
      </c>
      <c r="I13341" t="s">
        <v>15</v>
      </c>
      <c r="J13341" s="10">
        <v>8.4669375690000006</v>
      </c>
    </row>
    <row r="13342" spans="1:10" x14ac:dyDescent="0.35">
      <c r="A13342" t="s">
        <v>26</v>
      </c>
      <c r="B13342" t="s">
        <v>57</v>
      </c>
      <c r="C13342" t="s">
        <v>117</v>
      </c>
      <c r="D13342" t="s">
        <v>118</v>
      </c>
      <c r="E13342">
        <v>2015</v>
      </c>
      <c r="F13342">
        <v>2015</v>
      </c>
      <c r="G13342" t="s">
        <v>14</v>
      </c>
      <c r="H13342" t="s">
        <v>121</v>
      </c>
      <c r="I13342" t="s">
        <v>15</v>
      </c>
      <c r="J13342" s="10">
        <v>28.87698559</v>
      </c>
    </row>
    <row r="13343" spans="1:10" x14ac:dyDescent="0.35">
      <c r="A13343" t="s">
        <v>26</v>
      </c>
      <c r="B13343" t="s">
        <v>57</v>
      </c>
      <c r="C13343" t="s">
        <v>117</v>
      </c>
      <c r="D13343" t="s">
        <v>118</v>
      </c>
      <c r="E13343">
        <v>2015</v>
      </c>
      <c r="F13343">
        <v>2015</v>
      </c>
      <c r="G13343" t="s">
        <v>14</v>
      </c>
      <c r="H13343" t="s">
        <v>122</v>
      </c>
      <c r="I13343" t="s">
        <v>15</v>
      </c>
      <c r="J13343" s="10">
        <v>22.3568526</v>
      </c>
    </row>
    <row r="13344" spans="1:10" x14ac:dyDescent="0.35">
      <c r="A13344" t="s">
        <v>26</v>
      </c>
      <c r="B13344" t="s">
        <v>57</v>
      </c>
      <c r="C13344" t="s">
        <v>117</v>
      </c>
      <c r="D13344" t="s">
        <v>118</v>
      </c>
      <c r="E13344">
        <v>2015</v>
      </c>
      <c r="F13344">
        <v>2015</v>
      </c>
      <c r="G13344" t="s">
        <v>14</v>
      </c>
      <c r="H13344" t="s">
        <v>123</v>
      </c>
      <c r="I13344" t="s">
        <v>15</v>
      </c>
      <c r="J13344" s="10">
        <v>21.10454378</v>
      </c>
    </row>
    <row r="13345" spans="1:10" x14ac:dyDescent="0.35">
      <c r="A13345" t="s">
        <v>26</v>
      </c>
      <c r="B13345" t="s">
        <v>57</v>
      </c>
      <c r="C13345" t="s">
        <v>117</v>
      </c>
      <c r="D13345" t="s">
        <v>118</v>
      </c>
      <c r="E13345">
        <v>2015</v>
      </c>
      <c r="F13345">
        <v>2015</v>
      </c>
      <c r="G13345" t="s">
        <v>14</v>
      </c>
      <c r="H13345" t="s">
        <v>124</v>
      </c>
      <c r="I13345" t="s">
        <v>15</v>
      </c>
      <c r="J13345" s="10">
        <v>3.1326191360000002</v>
      </c>
    </row>
    <row r="13346" spans="1:10" x14ac:dyDescent="0.35">
      <c r="A13346" t="s">
        <v>26</v>
      </c>
      <c r="B13346" t="s">
        <v>57</v>
      </c>
      <c r="C13346" t="s">
        <v>117</v>
      </c>
      <c r="D13346" t="s">
        <v>118</v>
      </c>
      <c r="E13346">
        <v>2015</v>
      </c>
      <c r="F13346">
        <v>2015</v>
      </c>
      <c r="G13346" t="s">
        <v>125</v>
      </c>
      <c r="H13346" t="s">
        <v>119</v>
      </c>
      <c r="I13346" t="s">
        <v>15</v>
      </c>
      <c r="J13346" s="10">
        <v>16.72648422</v>
      </c>
    </row>
    <row r="13347" spans="1:10" x14ac:dyDescent="0.35">
      <c r="A13347" t="s">
        <v>26</v>
      </c>
      <c r="B13347" t="s">
        <v>57</v>
      </c>
      <c r="C13347" t="s">
        <v>117</v>
      </c>
      <c r="D13347" t="s">
        <v>118</v>
      </c>
      <c r="E13347">
        <v>2015</v>
      </c>
      <c r="F13347">
        <v>2015</v>
      </c>
      <c r="G13347" t="s">
        <v>125</v>
      </c>
      <c r="H13347" t="s">
        <v>120</v>
      </c>
      <c r="I13347" t="s">
        <v>15</v>
      </c>
      <c r="J13347" s="10">
        <v>9.0249738300000004</v>
      </c>
    </row>
    <row r="13348" spans="1:10" x14ac:dyDescent="0.35">
      <c r="A13348" t="s">
        <v>26</v>
      </c>
      <c r="B13348" t="s">
        <v>57</v>
      </c>
      <c r="C13348" t="s">
        <v>117</v>
      </c>
      <c r="D13348" t="s">
        <v>118</v>
      </c>
      <c r="E13348">
        <v>2015</v>
      </c>
      <c r="F13348">
        <v>2015</v>
      </c>
      <c r="G13348" t="s">
        <v>125</v>
      </c>
      <c r="H13348" t="s">
        <v>121</v>
      </c>
      <c r="I13348" t="s">
        <v>15</v>
      </c>
      <c r="J13348" s="10">
        <v>29.198444739999999</v>
      </c>
    </row>
    <row r="13349" spans="1:10" x14ac:dyDescent="0.35">
      <c r="A13349" t="s">
        <v>26</v>
      </c>
      <c r="B13349" t="s">
        <v>57</v>
      </c>
      <c r="C13349" t="s">
        <v>117</v>
      </c>
      <c r="D13349" t="s">
        <v>118</v>
      </c>
      <c r="E13349">
        <v>2015</v>
      </c>
      <c r="F13349">
        <v>2015</v>
      </c>
      <c r="G13349" t="s">
        <v>125</v>
      </c>
      <c r="H13349" t="s">
        <v>122</v>
      </c>
      <c r="I13349" t="s">
        <v>15</v>
      </c>
      <c r="J13349" s="10">
        <v>22.745625839999999</v>
      </c>
    </row>
    <row r="13350" spans="1:10" x14ac:dyDescent="0.35">
      <c r="A13350" t="s">
        <v>26</v>
      </c>
      <c r="B13350" t="s">
        <v>57</v>
      </c>
      <c r="C13350" t="s">
        <v>117</v>
      </c>
      <c r="D13350" t="s">
        <v>118</v>
      </c>
      <c r="E13350">
        <v>2015</v>
      </c>
      <c r="F13350">
        <v>2015</v>
      </c>
      <c r="G13350" t="s">
        <v>125</v>
      </c>
      <c r="H13350" t="s">
        <v>123</v>
      </c>
      <c r="I13350" t="s">
        <v>15</v>
      </c>
      <c r="J13350" s="10">
        <v>20.225811279999999</v>
      </c>
    </row>
    <row r="13351" spans="1:10" x14ac:dyDescent="0.35">
      <c r="A13351" t="s">
        <v>26</v>
      </c>
      <c r="B13351" t="s">
        <v>57</v>
      </c>
      <c r="C13351" t="s">
        <v>117</v>
      </c>
      <c r="D13351" t="s">
        <v>118</v>
      </c>
      <c r="E13351">
        <v>2015</v>
      </c>
      <c r="F13351">
        <v>2015</v>
      </c>
      <c r="G13351" t="s">
        <v>125</v>
      </c>
      <c r="H13351" t="s">
        <v>124</v>
      </c>
      <c r="I13351" t="s">
        <v>15</v>
      </c>
      <c r="J13351" s="10">
        <v>2.0786600869999998</v>
      </c>
    </row>
    <row r="13352" spans="1:10" x14ac:dyDescent="0.35">
      <c r="A13352" t="s">
        <v>26</v>
      </c>
      <c r="B13352" t="s">
        <v>57</v>
      </c>
      <c r="C13352" t="s">
        <v>117</v>
      </c>
      <c r="D13352" t="s">
        <v>118</v>
      </c>
      <c r="E13352">
        <v>2015</v>
      </c>
      <c r="F13352">
        <v>2015</v>
      </c>
      <c r="G13352" t="s">
        <v>126</v>
      </c>
      <c r="H13352" t="s">
        <v>119</v>
      </c>
      <c r="I13352" t="s">
        <v>15</v>
      </c>
      <c r="J13352" s="10">
        <v>15.413259350000001</v>
      </c>
    </row>
    <row r="13353" spans="1:10" x14ac:dyDescent="0.35">
      <c r="A13353" t="s">
        <v>26</v>
      </c>
      <c r="B13353" t="s">
        <v>57</v>
      </c>
      <c r="C13353" t="s">
        <v>117</v>
      </c>
      <c r="D13353" t="s">
        <v>118</v>
      </c>
      <c r="E13353">
        <v>2015</v>
      </c>
      <c r="F13353">
        <v>2015</v>
      </c>
      <c r="G13353" t="s">
        <v>126</v>
      </c>
      <c r="H13353" t="s">
        <v>120</v>
      </c>
      <c r="I13353" t="s">
        <v>15</v>
      </c>
      <c r="J13353" s="10">
        <v>7.9220210279999996</v>
      </c>
    </row>
    <row r="13354" spans="1:10" x14ac:dyDescent="0.35">
      <c r="A13354" t="s">
        <v>26</v>
      </c>
      <c r="B13354" t="s">
        <v>57</v>
      </c>
      <c r="C13354" t="s">
        <v>117</v>
      </c>
      <c r="D13354" t="s">
        <v>118</v>
      </c>
      <c r="E13354">
        <v>2015</v>
      </c>
      <c r="F13354">
        <v>2015</v>
      </c>
      <c r="G13354" t="s">
        <v>126</v>
      </c>
      <c r="H13354" t="s">
        <v>121</v>
      </c>
      <c r="I13354" t="s">
        <v>15</v>
      </c>
      <c r="J13354" s="10">
        <v>28.563084109999998</v>
      </c>
    </row>
    <row r="13355" spans="1:10" x14ac:dyDescent="0.35">
      <c r="A13355" t="s">
        <v>26</v>
      </c>
      <c r="B13355" t="s">
        <v>57</v>
      </c>
      <c r="C13355" t="s">
        <v>117</v>
      </c>
      <c r="D13355" t="s">
        <v>118</v>
      </c>
      <c r="E13355">
        <v>2015</v>
      </c>
      <c r="F13355">
        <v>2015</v>
      </c>
      <c r="G13355" t="s">
        <v>126</v>
      </c>
      <c r="H13355" t="s">
        <v>122</v>
      </c>
      <c r="I13355" t="s">
        <v>15</v>
      </c>
      <c r="J13355" s="10">
        <v>21.97721963</v>
      </c>
    </row>
    <row r="13356" spans="1:10" x14ac:dyDescent="0.35">
      <c r="A13356" t="s">
        <v>26</v>
      </c>
      <c r="B13356" t="s">
        <v>57</v>
      </c>
      <c r="C13356" t="s">
        <v>117</v>
      </c>
      <c r="D13356" t="s">
        <v>118</v>
      </c>
      <c r="E13356">
        <v>2015</v>
      </c>
      <c r="F13356">
        <v>2015</v>
      </c>
      <c r="G13356" t="s">
        <v>126</v>
      </c>
      <c r="H13356" t="s">
        <v>123</v>
      </c>
      <c r="I13356" t="s">
        <v>15</v>
      </c>
      <c r="J13356" s="10">
        <v>21.962616820000001</v>
      </c>
    </row>
    <row r="13357" spans="1:10" x14ac:dyDescent="0.35">
      <c r="A13357" t="s">
        <v>26</v>
      </c>
      <c r="B13357" t="s">
        <v>57</v>
      </c>
      <c r="C13357" t="s">
        <v>117</v>
      </c>
      <c r="D13357" t="s">
        <v>118</v>
      </c>
      <c r="E13357">
        <v>2015</v>
      </c>
      <c r="F13357">
        <v>2015</v>
      </c>
      <c r="G13357" t="s">
        <v>126</v>
      </c>
      <c r="H13357" t="s">
        <v>124</v>
      </c>
      <c r="I13357" t="s">
        <v>15</v>
      </c>
      <c r="J13357" s="10">
        <v>4.1617990650000003</v>
      </c>
    </row>
    <row r="13358" spans="1:10" x14ac:dyDescent="0.35">
      <c r="A13358" t="s">
        <v>26</v>
      </c>
      <c r="B13358" t="s">
        <v>57</v>
      </c>
      <c r="C13358" t="s">
        <v>117</v>
      </c>
      <c r="D13358" t="s">
        <v>118</v>
      </c>
      <c r="E13358">
        <v>2014</v>
      </c>
      <c r="F13358">
        <v>2014</v>
      </c>
      <c r="G13358" t="s">
        <v>14</v>
      </c>
      <c r="H13358" t="s">
        <v>119</v>
      </c>
      <c r="I13358" t="s">
        <v>15</v>
      </c>
      <c r="J13358" s="10">
        <v>16.260550460000001</v>
      </c>
    </row>
    <row r="13359" spans="1:10" x14ac:dyDescent="0.35">
      <c r="A13359" t="s">
        <v>26</v>
      </c>
      <c r="B13359" t="s">
        <v>57</v>
      </c>
      <c r="C13359" t="s">
        <v>117</v>
      </c>
      <c r="D13359" t="s">
        <v>118</v>
      </c>
      <c r="E13359">
        <v>2014</v>
      </c>
      <c r="F13359">
        <v>2014</v>
      </c>
      <c r="G13359" t="s">
        <v>14</v>
      </c>
      <c r="H13359" t="s">
        <v>120</v>
      </c>
      <c r="I13359" t="s">
        <v>15</v>
      </c>
      <c r="J13359" s="10">
        <v>8.4954128440000005</v>
      </c>
    </row>
    <row r="13360" spans="1:10" x14ac:dyDescent="0.35">
      <c r="A13360" t="s">
        <v>26</v>
      </c>
      <c r="B13360" t="s">
        <v>57</v>
      </c>
      <c r="C13360" t="s">
        <v>117</v>
      </c>
      <c r="D13360" t="s">
        <v>118</v>
      </c>
      <c r="E13360">
        <v>2014</v>
      </c>
      <c r="F13360">
        <v>2014</v>
      </c>
      <c r="G13360" t="s">
        <v>14</v>
      </c>
      <c r="H13360" t="s">
        <v>121</v>
      </c>
      <c r="I13360" t="s">
        <v>15</v>
      </c>
      <c r="J13360" s="10">
        <v>29.122935779999999</v>
      </c>
    </row>
    <row r="13361" spans="1:10" x14ac:dyDescent="0.35">
      <c r="A13361" t="s">
        <v>26</v>
      </c>
      <c r="B13361" t="s">
        <v>57</v>
      </c>
      <c r="C13361" t="s">
        <v>117</v>
      </c>
      <c r="D13361" t="s">
        <v>118</v>
      </c>
      <c r="E13361">
        <v>2014</v>
      </c>
      <c r="F13361">
        <v>2014</v>
      </c>
      <c r="G13361" t="s">
        <v>14</v>
      </c>
      <c r="H13361" t="s">
        <v>122</v>
      </c>
      <c r="I13361" t="s">
        <v>15</v>
      </c>
      <c r="J13361" s="10">
        <v>22.447706419999999</v>
      </c>
    </row>
    <row r="13362" spans="1:10" x14ac:dyDescent="0.35">
      <c r="A13362" t="s">
        <v>26</v>
      </c>
      <c r="B13362" t="s">
        <v>57</v>
      </c>
      <c r="C13362" t="s">
        <v>117</v>
      </c>
      <c r="D13362" t="s">
        <v>118</v>
      </c>
      <c r="E13362">
        <v>2014</v>
      </c>
      <c r="F13362">
        <v>2014</v>
      </c>
      <c r="G13362" t="s">
        <v>14</v>
      </c>
      <c r="H13362" t="s">
        <v>123</v>
      </c>
      <c r="I13362" t="s">
        <v>15</v>
      </c>
      <c r="J13362" s="10">
        <v>20.499082569999999</v>
      </c>
    </row>
    <row r="13363" spans="1:10" x14ac:dyDescent="0.35">
      <c r="A13363" t="s">
        <v>26</v>
      </c>
      <c r="B13363" t="s">
        <v>57</v>
      </c>
      <c r="C13363" t="s">
        <v>117</v>
      </c>
      <c r="D13363" t="s">
        <v>118</v>
      </c>
      <c r="E13363">
        <v>2014</v>
      </c>
      <c r="F13363">
        <v>2014</v>
      </c>
      <c r="G13363" t="s">
        <v>14</v>
      </c>
      <c r="H13363" t="s">
        <v>124</v>
      </c>
      <c r="I13363" t="s">
        <v>15</v>
      </c>
      <c r="J13363" s="10">
        <v>3.1743119270000002</v>
      </c>
    </row>
    <row r="13364" spans="1:10" x14ac:dyDescent="0.35">
      <c r="A13364" t="s">
        <v>26</v>
      </c>
      <c r="B13364" t="s">
        <v>57</v>
      </c>
      <c r="C13364" t="s">
        <v>117</v>
      </c>
      <c r="D13364" t="s">
        <v>118</v>
      </c>
      <c r="E13364">
        <v>2014</v>
      </c>
      <c r="F13364">
        <v>2014</v>
      </c>
      <c r="G13364" t="s">
        <v>125</v>
      </c>
      <c r="H13364" t="s">
        <v>119</v>
      </c>
      <c r="I13364" t="s">
        <v>15</v>
      </c>
      <c r="J13364" s="10">
        <v>16.98155311</v>
      </c>
    </row>
    <row r="13365" spans="1:10" x14ac:dyDescent="0.35">
      <c r="A13365" t="s">
        <v>26</v>
      </c>
      <c r="B13365" t="s">
        <v>57</v>
      </c>
      <c r="C13365" t="s">
        <v>117</v>
      </c>
      <c r="D13365" t="s">
        <v>118</v>
      </c>
      <c r="E13365">
        <v>2014</v>
      </c>
      <c r="F13365">
        <v>2014</v>
      </c>
      <c r="G13365" t="s">
        <v>125</v>
      </c>
      <c r="H13365" t="s">
        <v>120</v>
      </c>
      <c r="I13365" t="s">
        <v>15</v>
      </c>
      <c r="J13365" s="10">
        <v>8.9259149059999991</v>
      </c>
    </row>
    <row r="13366" spans="1:10" x14ac:dyDescent="0.35">
      <c r="A13366" t="s">
        <v>26</v>
      </c>
      <c r="B13366" t="s">
        <v>57</v>
      </c>
      <c r="C13366" t="s">
        <v>117</v>
      </c>
      <c r="D13366" t="s">
        <v>118</v>
      </c>
      <c r="E13366">
        <v>2014</v>
      </c>
      <c r="F13366">
        <v>2014</v>
      </c>
      <c r="G13366" t="s">
        <v>125</v>
      </c>
      <c r="H13366" t="s">
        <v>121</v>
      </c>
      <c r="I13366" t="s">
        <v>15</v>
      </c>
      <c r="J13366" s="10">
        <v>29.433204400000001</v>
      </c>
    </row>
    <row r="13367" spans="1:10" x14ac:dyDescent="0.35">
      <c r="A13367" t="s">
        <v>26</v>
      </c>
      <c r="B13367" t="s">
        <v>57</v>
      </c>
      <c r="C13367" t="s">
        <v>117</v>
      </c>
      <c r="D13367" t="s">
        <v>118</v>
      </c>
      <c r="E13367">
        <v>2014</v>
      </c>
      <c r="F13367">
        <v>2014</v>
      </c>
      <c r="G13367" t="s">
        <v>125</v>
      </c>
      <c r="H13367" t="s">
        <v>122</v>
      </c>
      <c r="I13367" t="s">
        <v>15</v>
      </c>
      <c r="J13367" s="10">
        <v>23.05117525</v>
      </c>
    </row>
    <row r="13368" spans="1:10" x14ac:dyDescent="0.35">
      <c r="A13368" t="s">
        <v>26</v>
      </c>
      <c r="B13368" t="s">
        <v>57</v>
      </c>
      <c r="C13368" t="s">
        <v>117</v>
      </c>
      <c r="D13368" t="s">
        <v>118</v>
      </c>
      <c r="E13368">
        <v>2014</v>
      </c>
      <c r="F13368">
        <v>2014</v>
      </c>
      <c r="G13368" t="s">
        <v>125</v>
      </c>
      <c r="H13368" t="s">
        <v>123</v>
      </c>
      <c r="I13368" t="s">
        <v>15</v>
      </c>
      <c r="J13368" s="10">
        <v>19.510562329999999</v>
      </c>
    </row>
    <row r="13369" spans="1:10" x14ac:dyDescent="0.35">
      <c r="A13369" t="s">
        <v>26</v>
      </c>
      <c r="B13369" t="s">
        <v>57</v>
      </c>
      <c r="C13369" t="s">
        <v>117</v>
      </c>
      <c r="D13369" t="s">
        <v>118</v>
      </c>
      <c r="E13369">
        <v>2014</v>
      </c>
      <c r="F13369">
        <v>2014</v>
      </c>
      <c r="G13369" t="s">
        <v>125</v>
      </c>
      <c r="H13369" t="s">
        <v>124</v>
      </c>
      <c r="I13369" t="s">
        <v>15</v>
      </c>
      <c r="J13369" s="10">
        <v>2.0975900030000001</v>
      </c>
    </row>
    <row r="13370" spans="1:10" x14ac:dyDescent="0.35">
      <c r="A13370" t="s">
        <v>26</v>
      </c>
      <c r="B13370" t="s">
        <v>57</v>
      </c>
      <c r="C13370" t="s">
        <v>117</v>
      </c>
      <c r="D13370" t="s">
        <v>118</v>
      </c>
      <c r="E13370">
        <v>2014</v>
      </c>
      <c r="F13370">
        <v>2014</v>
      </c>
      <c r="G13370" t="s">
        <v>126</v>
      </c>
      <c r="H13370" t="s">
        <v>119</v>
      </c>
      <c r="I13370" t="s">
        <v>15</v>
      </c>
      <c r="J13370" s="10">
        <v>15.55845285</v>
      </c>
    </row>
    <row r="13371" spans="1:10" x14ac:dyDescent="0.35">
      <c r="A13371" t="s">
        <v>26</v>
      </c>
      <c r="B13371" t="s">
        <v>57</v>
      </c>
      <c r="C13371" t="s">
        <v>117</v>
      </c>
      <c r="D13371" t="s">
        <v>118</v>
      </c>
      <c r="E13371">
        <v>2014</v>
      </c>
      <c r="F13371">
        <v>2014</v>
      </c>
      <c r="G13371" t="s">
        <v>126</v>
      </c>
      <c r="H13371" t="s">
        <v>120</v>
      </c>
      <c r="I13371" t="s">
        <v>15</v>
      </c>
      <c r="J13371" s="10">
        <v>8.076198754</v>
      </c>
    </row>
    <row r="13372" spans="1:10" x14ac:dyDescent="0.35">
      <c r="A13372" t="s">
        <v>26</v>
      </c>
      <c r="B13372" t="s">
        <v>57</v>
      </c>
      <c r="C13372" t="s">
        <v>117</v>
      </c>
      <c r="D13372" t="s">
        <v>118</v>
      </c>
      <c r="E13372">
        <v>2014</v>
      </c>
      <c r="F13372">
        <v>2014</v>
      </c>
      <c r="G13372" t="s">
        <v>126</v>
      </c>
      <c r="H13372" t="s">
        <v>121</v>
      </c>
      <c r="I13372" t="s">
        <v>15</v>
      </c>
      <c r="J13372" s="10">
        <v>28.82080255</v>
      </c>
    </row>
    <row r="13373" spans="1:10" x14ac:dyDescent="0.35">
      <c r="A13373" t="s">
        <v>26</v>
      </c>
      <c r="B13373" t="s">
        <v>57</v>
      </c>
      <c r="C13373" t="s">
        <v>117</v>
      </c>
      <c r="D13373" t="s">
        <v>118</v>
      </c>
      <c r="E13373">
        <v>2014</v>
      </c>
      <c r="F13373">
        <v>2014</v>
      </c>
      <c r="G13373" t="s">
        <v>126</v>
      </c>
      <c r="H13373" t="s">
        <v>122</v>
      </c>
      <c r="I13373" t="s">
        <v>15</v>
      </c>
      <c r="J13373" s="10">
        <v>21.860060839999999</v>
      </c>
    </row>
    <row r="13374" spans="1:10" x14ac:dyDescent="0.35">
      <c r="A13374" t="s">
        <v>26</v>
      </c>
      <c r="B13374" t="s">
        <v>57</v>
      </c>
      <c r="C13374" t="s">
        <v>117</v>
      </c>
      <c r="D13374" t="s">
        <v>118</v>
      </c>
      <c r="E13374">
        <v>2014</v>
      </c>
      <c r="F13374">
        <v>2014</v>
      </c>
      <c r="G13374" t="s">
        <v>126</v>
      </c>
      <c r="H13374" t="s">
        <v>123</v>
      </c>
      <c r="I13374" t="s">
        <v>15</v>
      </c>
      <c r="J13374" s="10">
        <v>21.46168333</v>
      </c>
    </row>
    <row r="13375" spans="1:10" x14ac:dyDescent="0.35">
      <c r="A13375" t="s">
        <v>26</v>
      </c>
      <c r="B13375" t="s">
        <v>57</v>
      </c>
      <c r="C13375" t="s">
        <v>117</v>
      </c>
      <c r="D13375" t="s">
        <v>118</v>
      </c>
      <c r="E13375">
        <v>2014</v>
      </c>
      <c r="F13375">
        <v>2014</v>
      </c>
      <c r="G13375" t="s">
        <v>126</v>
      </c>
      <c r="H13375" t="s">
        <v>124</v>
      </c>
      <c r="I13375" t="s">
        <v>15</v>
      </c>
      <c r="J13375" s="10">
        <v>4.2228016799999999</v>
      </c>
    </row>
    <row r="13376" spans="1:10" x14ac:dyDescent="0.35">
      <c r="A13376" t="s">
        <v>26</v>
      </c>
      <c r="B13376" t="s">
        <v>57</v>
      </c>
      <c r="C13376" t="s">
        <v>117</v>
      </c>
      <c r="D13376" t="s">
        <v>118</v>
      </c>
      <c r="E13376">
        <v>2013</v>
      </c>
      <c r="F13376">
        <v>2013</v>
      </c>
      <c r="G13376" t="s">
        <v>14</v>
      </c>
      <c r="H13376" t="s">
        <v>119</v>
      </c>
      <c r="I13376" t="s">
        <v>15</v>
      </c>
      <c r="J13376" s="10">
        <v>16.27737226</v>
      </c>
    </row>
    <row r="13377" spans="1:10" x14ac:dyDescent="0.35">
      <c r="A13377" t="s">
        <v>26</v>
      </c>
      <c r="B13377" t="s">
        <v>57</v>
      </c>
      <c r="C13377" t="s">
        <v>117</v>
      </c>
      <c r="D13377" t="s">
        <v>118</v>
      </c>
      <c r="E13377">
        <v>2013</v>
      </c>
      <c r="F13377">
        <v>2013</v>
      </c>
      <c r="G13377" t="s">
        <v>14</v>
      </c>
      <c r="H13377" t="s">
        <v>120</v>
      </c>
      <c r="I13377" t="s">
        <v>15</v>
      </c>
      <c r="J13377" s="10">
        <v>8.9416058389999993</v>
      </c>
    </row>
    <row r="13378" spans="1:10" x14ac:dyDescent="0.35">
      <c r="A13378" t="s">
        <v>26</v>
      </c>
      <c r="B13378" t="s">
        <v>57</v>
      </c>
      <c r="C13378" t="s">
        <v>117</v>
      </c>
      <c r="D13378" t="s">
        <v>118</v>
      </c>
      <c r="E13378">
        <v>2013</v>
      </c>
      <c r="F13378">
        <v>2013</v>
      </c>
      <c r="G13378" t="s">
        <v>14</v>
      </c>
      <c r="H13378" t="s">
        <v>121</v>
      </c>
      <c r="I13378" t="s">
        <v>15</v>
      </c>
      <c r="J13378" s="10">
        <v>29.507299270000001</v>
      </c>
    </row>
    <row r="13379" spans="1:10" x14ac:dyDescent="0.35">
      <c r="A13379" t="s">
        <v>26</v>
      </c>
      <c r="B13379" t="s">
        <v>57</v>
      </c>
      <c r="C13379" t="s">
        <v>117</v>
      </c>
      <c r="D13379" t="s">
        <v>118</v>
      </c>
      <c r="E13379">
        <v>2013</v>
      </c>
      <c r="F13379">
        <v>2013</v>
      </c>
      <c r="G13379" t="s">
        <v>14</v>
      </c>
      <c r="H13379" t="s">
        <v>122</v>
      </c>
      <c r="I13379" t="s">
        <v>15</v>
      </c>
      <c r="J13379" s="10">
        <v>22.390510949999999</v>
      </c>
    </row>
    <row r="13380" spans="1:10" x14ac:dyDescent="0.35">
      <c r="A13380" t="s">
        <v>26</v>
      </c>
      <c r="B13380" t="s">
        <v>57</v>
      </c>
      <c r="C13380" t="s">
        <v>117</v>
      </c>
      <c r="D13380" t="s">
        <v>118</v>
      </c>
      <c r="E13380">
        <v>2013</v>
      </c>
      <c r="F13380">
        <v>2013</v>
      </c>
      <c r="G13380" t="s">
        <v>14</v>
      </c>
      <c r="H13380" t="s">
        <v>123</v>
      </c>
      <c r="I13380" t="s">
        <v>15</v>
      </c>
      <c r="J13380" s="10">
        <v>19.970802920000001</v>
      </c>
    </row>
    <row r="13381" spans="1:10" x14ac:dyDescent="0.35">
      <c r="A13381" t="s">
        <v>26</v>
      </c>
      <c r="B13381" t="s">
        <v>57</v>
      </c>
      <c r="C13381" t="s">
        <v>117</v>
      </c>
      <c r="D13381" t="s">
        <v>118</v>
      </c>
      <c r="E13381">
        <v>2013</v>
      </c>
      <c r="F13381">
        <v>2013</v>
      </c>
      <c r="G13381" t="s">
        <v>14</v>
      </c>
      <c r="H13381" t="s">
        <v>124</v>
      </c>
      <c r="I13381" t="s">
        <v>15</v>
      </c>
      <c r="J13381" s="10">
        <v>2.9124087589999998</v>
      </c>
    </row>
    <row r="13382" spans="1:10" x14ac:dyDescent="0.35">
      <c r="A13382" t="s">
        <v>26</v>
      </c>
      <c r="B13382" t="s">
        <v>57</v>
      </c>
      <c r="C13382" t="s">
        <v>117</v>
      </c>
      <c r="D13382" t="s">
        <v>118</v>
      </c>
      <c r="E13382">
        <v>2013</v>
      </c>
      <c r="F13382">
        <v>2013</v>
      </c>
      <c r="G13382" t="s">
        <v>125</v>
      </c>
      <c r="H13382" t="s">
        <v>119</v>
      </c>
      <c r="I13382" t="s">
        <v>15</v>
      </c>
      <c r="J13382" s="10">
        <v>16.90213773</v>
      </c>
    </row>
    <row r="13383" spans="1:10" x14ac:dyDescent="0.35">
      <c r="A13383" t="s">
        <v>26</v>
      </c>
      <c r="B13383" t="s">
        <v>57</v>
      </c>
      <c r="C13383" t="s">
        <v>117</v>
      </c>
      <c r="D13383" t="s">
        <v>118</v>
      </c>
      <c r="E13383">
        <v>2013</v>
      </c>
      <c r="F13383">
        <v>2013</v>
      </c>
      <c r="G13383" t="s">
        <v>125</v>
      </c>
      <c r="H13383" t="s">
        <v>120</v>
      </c>
      <c r="I13383" t="s">
        <v>15</v>
      </c>
      <c r="J13383" s="10">
        <v>9.5273319030000003</v>
      </c>
    </row>
    <row r="13384" spans="1:10" x14ac:dyDescent="0.35">
      <c r="A13384" t="s">
        <v>26</v>
      </c>
      <c r="B13384" t="s">
        <v>57</v>
      </c>
      <c r="C13384" t="s">
        <v>117</v>
      </c>
      <c r="D13384" t="s">
        <v>118</v>
      </c>
      <c r="E13384">
        <v>2013</v>
      </c>
      <c r="F13384">
        <v>2013</v>
      </c>
      <c r="G13384" t="s">
        <v>125</v>
      </c>
      <c r="H13384" t="s">
        <v>121</v>
      </c>
      <c r="I13384" t="s">
        <v>15</v>
      </c>
      <c r="J13384" s="10">
        <v>29.817294180000001</v>
      </c>
    </row>
    <row r="13385" spans="1:10" x14ac:dyDescent="0.35">
      <c r="A13385" t="s">
        <v>26</v>
      </c>
      <c r="B13385" t="s">
        <v>57</v>
      </c>
      <c r="C13385" t="s">
        <v>117</v>
      </c>
      <c r="D13385" t="s">
        <v>118</v>
      </c>
      <c r="E13385">
        <v>2013</v>
      </c>
      <c r="F13385">
        <v>2013</v>
      </c>
      <c r="G13385" t="s">
        <v>125</v>
      </c>
      <c r="H13385" t="s">
        <v>122</v>
      </c>
      <c r="I13385" t="s">
        <v>15</v>
      </c>
      <c r="J13385" s="10">
        <v>23.041645089999999</v>
      </c>
    </row>
    <row r="13386" spans="1:10" x14ac:dyDescent="0.35">
      <c r="A13386" t="s">
        <v>26</v>
      </c>
      <c r="B13386" t="s">
        <v>57</v>
      </c>
      <c r="C13386" t="s">
        <v>117</v>
      </c>
      <c r="D13386" t="s">
        <v>118</v>
      </c>
      <c r="E13386">
        <v>2013</v>
      </c>
      <c r="F13386">
        <v>2013</v>
      </c>
      <c r="G13386" t="s">
        <v>125</v>
      </c>
      <c r="H13386" t="s">
        <v>123</v>
      </c>
      <c r="I13386" t="s">
        <v>15</v>
      </c>
      <c r="J13386" s="10">
        <v>18.884532879999998</v>
      </c>
    </row>
    <row r="13387" spans="1:10" x14ac:dyDescent="0.35">
      <c r="A13387" t="s">
        <v>26</v>
      </c>
      <c r="B13387" t="s">
        <v>57</v>
      </c>
      <c r="C13387" t="s">
        <v>117</v>
      </c>
      <c r="D13387" t="s">
        <v>118</v>
      </c>
      <c r="E13387">
        <v>2013</v>
      </c>
      <c r="F13387">
        <v>2013</v>
      </c>
      <c r="G13387" t="s">
        <v>125</v>
      </c>
      <c r="H13387" t="s">
        <v>124</v>
      </c>
      <c r="I13387" t="s">
        <v>15</v>
      </c>
      <c r="J13387" s="10">
        <v>1.827058214</v>
      </c>
    </row>
    <row r="13388" spans="1:10" x14ac:dyDescent="0.35">
      <c r="A13388" t="s">
        <v>26</v>
      </c>
      <c r="B13388" t="s">
        <v>57</v>
      </c>
      <c r="C13388" t="s">
        <v>117</v>
      </c>
      <c r="D13388" t="s">
        <v>118</v>
      </c>
      <c r="E13388">
        <v>2013</v>
      </c>
      <c r="F13388">
        <v>2013</v>
      </c>
      <c r="G13388" t="s">
        <v>126</v>
      </c>
      <c r="H13388" t="s">
        <v>119</v>
      </c>
      <c r="I13388" t="s">
        <v>15</v>
      </c>
      <c r="J13388" s="10">
        <v>15.668899939999999</v>
      </c>
    </row>
    <row r="13389" spans="1:10" x14ac:dyDescent="0.35">
      <c r="A13389" t="s">
        <v>26</v>
      </c>
      <c r="B13389" t="s">
        <v>57</v>
      </c>
      <c r="C13389" t="s">
        <v>117</v>
      </c>
      <c r="D13389" t="s">
        <v>118</v>
      </c>
      <c r="E13389">
        <v>2013</v>
      </c>
      <c r="F13389">
        <v>2013</v>
      </c>
      <c r="G13389" t="s">
        <v>126</v>
      </c>
      <c r="H13389" t="s">
        <v>120</v>
      </c>
      <c r="I13389" t="s">
        <v>15</v>
      </c>
      <c r="J13389" s="10">
        <v>8.3711548160000007</v>
      </c>
    </row>
    <row r="13390" spans="1:10" x14ac:dyDescent="0.35">
      <c r="A13390" t="s">
        <v>26</v>
      </c>
      <c r="B13390" t="s">
        <v>57</v>
      </c>
      <c r="C13390" t="s">
        <v>117</v>
      </c>
      <c r="D13390" t="s">
        <v>118</v>
      </c>
      <c r="E13390">
        <v>2013</v>
      </c>
      <c r="F13390">
        <v>2013</v>
      </c>
      <c r="G13390" t="s">
        <v>126</v>
      </c>
      <c r="H13390" t="s">
        <v>121</v>
      </c>
      <c r="I13390" t="s">
        <v>15</v>
      </c>
      <c r="J13390" s="10">
        <v>29.205388660000001</v>
      </c>
    </row>
    <row r="13391" spans="1:10" x14ac:dyDescent="0.35">
      <c r="A13391" t="s">
        <v>26</v>
      </c>
      <c r="B13391" t="s">
        <v>57</v>
      </c>
      <c r="C13391" t="s">
        <v>117</v>
      </c>
      <c r="D13391" t="s">
        <v>118</v>
      </c>
      <c r="E13391">
        <v>2013</v>
      </c>
      <c r="F13391">
        <v>2013</v>
      </c>
      <c r="G13391" t="s">
        <v>126</v>
      </c>
      <c r="H13391" t="s">
        <v>122</v>
      </c>
      <c r="I13391" t="s">
        <v>15</v>
      </c>
      <c r="J13391" s="10">
        <v>21.756357609999998</v>
      </c>
    </row>
    <row r="13392" spans="1:10" x14ac:dyDescent="0.35">
      <c r="A13392" t="s">
        <v>26</v>
      </c>
      <c r="B13392" t="s">
        <v>57</v>
      </c>
      <c r="C13392" t="s">
        <v>117</v>
      </c>
      <c r="D13392" t="s">
        <v>118</v>
      </c>
      <c r="E13392">
        <v>2013</v>
      </c>
      <c r="F13392">
        <v>2013</v>
      </c>
      <c r="G13392" t="s">
        <v>126</v>
      </c>
      <c r="H13392" t="s">
        <v>123</v>
      </c>
      <c r="I13392" t="s">
        <v>15</v>
      </c>
      <c r="J13392" s="10">
        <v>21.028744329999999</v>
      </c>
    </row>
    <row r="13393" spans="1:10" x14ac:dyDescent="0.35">
      <c r="A13393" t="s">
        <v>26</v>
      </c>
      <c r="B13393" t="s">
        <v>57</v>
      </c>
      <c r="C13393" t="s">
        <v>117</v>
      </c>
      <c r="D13393" t="s">
        <v>118</v>
      </c>
      <c r="E13393">
        <v>2013</v>
      </c>
      <c r="F13393">
        <v>2013</v>
      </c>
      <c r="G13393" t="s">
        <v>126</v>
      </c>
      <c r="H13393" t="s">
        <v>124</v>
      </c>
      <c r="I13393" t="s">
        <v>15</v>
      </c>
      <c r="J13393" s="10">
        <v>3.9694546499999999</v>
      </c>
    </row>
    <row r="13394" spans="1:10" x14ac:dyDescent="0.35">
      <c r="A13394" t="s">
        <v>26</v>
      </c>
      <c r="B13394" t="s">
        <v>57</v>
      </c>
      <c r="C13394" t="s">
        <v>117</v>
      </c>
      <c r="D13394" t="s">
        <v>118</v>
      </c>
      <c r="E13394">
        <v>2012</v>
      </c>
      <c r="F13394">
        <v>2012</v>
      </c>
      <c r="G13394" t="s">
        <v>14</v>
      </c>
      <c r="H13394" t="s">
        <v>119</v>
      </c>
      <c r="I13394" t="s">
        <v>15</v>
      </c>
      <c r="J13394" s="10">
        <v>16.578374459999999</v>
      </c>
    </row>
    <row r="13395" spans="1:10" x14ac:dyDescent="0.35">
      <c r="A13395" t="s">
        <v>26</v>
      </c>
      <c r="B13395" t="s">
        <v>57</v>
      </c>
      <c r="C13395" t="s">
        <v>117</v>
      </c>
      <c r="D13395" t="s">
        <v>118</v>
      </c>
      <c r="E13395">
        <v>2012</v>
      </c>
      <c r="F13395">
        <v>2012</v>
      </c>
      <c r="G13395" t="s">
        <v>14</v>
      </c>
      <c r="H13395" t="s">
        <v>120</v>
      </c>
      <c r="I13395" t="s">
        <v>15</v>
      </c>
      <c r="J13395" s="10">
        <v>8.8534107399999993</v>
      </c>
    </row>
    <row r="13396" spans="1:10" x14ac:dyDescent="0.35">
      <c r="A13396" t="s">
        <v>26</v>
      </c>
      <c r="B13396" t="s">
        <v>57</v>
      </c>
      <c r="C13396" t="s">
        <v>117</v>
      </c>
      <c r="D13396" t="s">
        <v>118</v>
      </c>
      <c r="E13396">
        <v>2012</v>
      </c>
      <c r="F13396">
        <v>2012</v>
      </c>
      <c r="G13396" t="s">
        <v>14</v>
      </c>
      <c r="H13396" t="s">
        <v>121</v>
      </c>
      <c r="I13396" t="s">
        <v>15</v>
      </c>
      <c r="J13396" s="10">
        <v>29.822206099999999</v>
      </c>
    </row>
    <row r="13397" spans="1:10" x14ac:dyDescent="0.35">
      <c r="A13397" t="s">
        <v>26</v>
      </c>
      <c r="B13397" t="s">
        <v>57</v>
      </c>
      <c r="C13397" t="s">
        <v>117</v>
      </c>
      <c r="D13397" t="s">
        <v>118</v>
      </c>
      <c r="E13397">
        <v>2012</v>
      </c>
      <c r="F13397">
        <v>2012</v>
      </c>
      <c r="G13397" t="s">
        <v>14</v>
      </c>
      <c r="H13397" t="s">
        <v>122</v>
      </c>
      <c r="I13397" t="s">
        <v>15</v>
      </c>
      <c r="J13397" s="10">
        <v>22.33671988</v>
      </c>
    </row>
    <row r="13398" spans="1:10" x14ac:dyDescent="0.35">
      <c r="A13398" t="s">
        <v>26</v>
      </c>
      <c r="B13398" t="s">
        <v>57</v>
      </c>
      <c r="C13398" t="s">
        <v>117</v>
      </c>
      <c r="D13398" t="s">
        <v>118</v>
      </c>
      <c r="E13398">
        <v>2012</v>
      </c>
      <c r="F13398">
        <v>2012</v>
      </c>
      <c r="G13398" t="s">
        <v>14</v>
      </c>
      <c r="H13398" t="s">
        <v>123</v>
      </c>
      <c r="I13398" t="s">
        <v>15</v>
      </c>
      <c r="J13398" s="10">
        <v>19.528301890000002</v>
      </c>
    </row>
    <row r="13399" spans="1:10" x14ac:dyDescent="0.35">
      <c r="A13399" t="s">
        <v>26</v>
      </c>
      <c r="B13399" t="s">
        <v>57</v>
      </c>
      <c r="C13399" t="s">
        <v>117</v>
      </c>
      <c r="D13399" t="s">
        <v>118</v>
      </c>
      <c r="E13399">
        <v>2012</v>
      </c>
      <c r="F13399">
        <v>2012</v>
      </c>
      <c r="G13399" t="s">
        <v>14</v>
      </c>
      <c r="H13399" t="s">
        <v>124</v>
      </c>
      <c r="I13399" t="s">
        <v>15</v>
      </c>
      <c r="J13399" s="10">
        <v>2.8809869379999999</v>
      </c>
    </row>
    <row r="13400" spans="1:10" x14ac:dyDescent="0.35">
      <c r="A13400" t="s">
        <v>26</v>
      </c>
      <c r="B13400" t="s">
        <v>57</v>
      </c>
      <c r="C13400" t="s">
        <v>117</v>
      </c>
      <c r="D13400" t="s">
        <v>118</v>
      </c>
      <c r="E13400">
        <v>2012</v>
      </c>
      <c r="F13400">
        <v>2012</v>
      </c>
      <c r="G13400" t="s">
        <v>125</v>
      </c>
      <c r="H13400" t="s">
        <v>119</v>
      </c>
      <c r="I13400" t="s">
        <v>15</v>
      </c>
      <c r="J13400" s="10">
        <v>17.301190649999999</v>
      </c>
    </row>
    <row r="13401" spans="1:10" x14ac:dyDescent="0.35">
      <c r="A13401" t="s">
        <v>26</v>
      </c>
      <c r="B13401" t="s">
        <v>57</v>
      </c>
      <c r="C13401" t="s">
        <v>117</v>
      </c>
      <c r="D13401" t="s">
        <v>118</v>
      </c>
      <c r="E13401">
        <v>2012</v>
      </c>
      <c r="F13401">
        <v>2012</v>
      </c>
      <c r="G13401" t="s">
        <v>125</v>
      </c>
      <c r="H13401" t="s">
        <v>120</v>
      </c>
      <c r="I13401" t="s">
        <v>15</v>
      </c>
      <c r="J13401" s="10">
        <v>9.3635160959999997</v>
      </c>
    </row>
    <row r="13402" spans="1:10" x14ac:dyDescent="0.35">
      <c r="A13402" t="s">
        <v>26</v>
      </c>
      <c r="B13402" t="s">
        <v>57</v>
      </c>
      <c r="C13402" t="s">
        <v>117</v>
      </c>
      <c r="D13402" t="s">
        <v>118</v>
      </c>
      <c r="E13402">
        <v>2012</v>
      </c>
      <c r="F13402">
        <v>2012</v>
      </c>
      <c r="G13402" t="s">
        <v>125</v>
      </c>
      <c r="H13402" t="s">
        <v>121</v>
      </c>
      <c r="I13402" t="s">
        <v>15</v>
      </c>
      <c r="J13402" s="10">
        <v>30.2146112</v>
      </c>
    </row>
    <row r="13403" spans="1:10" x14ac:dyDescent="0.35">
      <c r="A13403" t="s">
        <v>26</v>
      </c>
      <c r="B13403" t="s">
        <v>57</v>
      </c>
      <c r="C13403" t="s">
        <v>117</v>
      </c>
      <c r="D13403" t="s">
        <v>118</v>
      </c>
      <c r="E13403">
        <v>2012</v>
      </c>
      <c r="F13403">
        <v>2012</v>
      </c>
      <c r="G13403" t="s">
        <v>125</v>
      </c>
      <c r="H13403" t="s">
        <v>122</v>
      </c>
      <c r="I13403" t="s">
        <v>15</v>
      </c>
      <c r="J13403" s="10">
        <v>23.20299868</v>
      </c>
    </row>
    <row r="13404" spans="1:10" x14ac:dyDescent="0.35">
      <c r="A13404" t="s">
        <v>26</v>
      </c>
      <c r="B13404" t="s">
        <v>57</v>
      </c>
      <c r="C13404" t="s">
        <v>117</v>
      </c>
      <c r="D13404" t="s">
        <v>118</v>
      </c>
      <c r="E13404">
        <v>2012</v>
      </c>
      <c r="F13404">
        <v>2012</v>
      </c>
      <c r="G13404" t="s">
        <v>125</v>
      </c>
      <c r="H13404" t="s">
        <v>123</v>
      </c>
      <c r="I13404" t="s">
        <v>15</v>
      </c>
      <c r="J13404" s="10">
        <v>18.227252679999999</v>
      </c>
    </row>
    <row r="13405" spans="1:10" x14ac:dyDescent="0.35">
      <c r="A13405" t="s">
        <v>26</v>
      </c>
      <c r="B13405" t="s">
        <v>57</v>
      </c>
      <c r="C13405" t="s">
        <v>117</v>
      </c>
      <c r="D13405" t="s">
        <v>118</v>
      </c>
      <c r="E13405">
        <v>2012</v>
      </c>
      <c r="F13405">
        <v>2012</v>
      </c>
      <c r="G13405" t="s">
        <v>125</v>
      </c>
      <c r="H13405" t="s">
        <v>124</v>
      </c>
      <c r="I13405" t="s">
        <v>15</v>
      </c>
      <c r="J13405" s="10">
        <v>1.6904306920000001</v>
      </c>
    </row>
    <row r="13406" spans="1:10" x14ac:dyDescent="0.35">
      <c r="A13406" t="s">
        <v>26</v>
      </c>
      <c r="B13406" t="s">
        <v>57</v>
      </c>
      <c r="C13406" t="s">
        <v>117</v>
      </c>
      <c r="D13406" t="s">
        <v>118</v>
      </c>
      <c r="E13406">
        <v>2012</v>
      </c>
      <c r="F13406">
        <v>2012</v>
      </c>
      <c r="G13406" t="s">
        <v>126</v>
      </c>
      <c r="H13406" t="s">
        <v>119</v>
      </c>
      <c r="I13406" t="s">
        <v>15</v>
      </c>
      <c r="J13406" s="10">
        <v>15.873584640000001</v>
      </c>
    </row>
    <row r="13407" spans="1:10" x14ac:dyDescent="0.35">
      <c r="A13407" t="s">
        <v>26</v>
      </c>
      <c r="B13407" t="s">
        <v>57</v>
      </c>
      <c r="C13407" t="s">
        <v>117</v>
      </c>
      <c r="D13407" t="s">
        <v>118</v>
      </c>
      <c r="E13407">
        <v>2012</v>
      </c>
      <c r="F13407">
        <v>2012</v>
      </c>
      <c r="G13407" t="s">
        <v>126</v>
      </c>
      <c r="H13407" t="s">
        <v>120</v>
      </c>
      <c r="I13407" t="s">
        <v>15</v>
      </c>
      <c r="J13407" s="10">
        <v>8.3560269460000001</v>
      </c>
    </row>
    <row r="13408" spans="1:10" x14ac:dyDescent="0.35">
      <c r="A13408" t="s">
        <v>26</v>
      </c>
      <c r="B13408" t="s">
        <v>57</v>
      </c>
      <c r="C13408" t="s">
        <v>117</v>
      </c>
      <c r="D13408" t="s">
        <v>118</v>
      </c>
      <c r="E13408">
        <v>2012</v>
      </c>
      <c r="F13408">
        <v>2012</v>
      </c>
      <c r="G13408" t="s">
        <v>126</v>
      </c>
      <c r="H13408" t="s">
        <v>121</v>
      </c>
      <c r="I13408" t="s">
        <v>15</v>
      </c>
      <c r="J13408" s="10">
        <v>29.43958722</v>
      </c>
    </row>
    <row r="13409" spans="1:10" x14ac:dyDescent="0.35">
      <c r="A13409" t="s">
        <v>26</v>
      </c>
      <c r="B13409" t="s">
        <v>57</v>
      </c>
      <c r="C13409" t="s">
        <v>117</v>
      </c>
      <c r="D13409" t="s">
        <v>118</v>
      </c>
      <c r="E13409">
        <v>2012</v>
      </c>
      <c r="F13409">
        <v>2012</v>
      </c>
      <c r="G13409" t="s">
        <v>126</v>
      </c>
      <c r="H13409" t="s">
        <v>122</v>
      </c>
      <c r="I13409" t="s">
        <v>15</v>
      </c>
      <c r="J13409" s="10">
        <v>21.49204529</v>
      </c>
    </row>
    <row r="13410" spans="1:10" x14ac:dyDescent="0.35">
      <c r="A13410" t="s">
        <v>26</v>
      </c>
      <c r="B13410" t="s">
        <v>57</v>
      </c>
      <c r="C13410" t="s">
        <v>117</v>
      </c>
      <c r="D13410" t="s">
        <v>118</v>
      </c>
      <c r="E13410">
        <v>2012</v>
      </c>
      <c r="F13410">
        <v>2012</v>
      </c>
      <c r="G13410" t="s">
        <v>126</v>
      </c>
      <c r="H13410" t="s">
        <v>123</v>
      </c>
      <c r="I13410" t="s">
        <v>15</v>
      </c>
      <c r="J13410" s="10">
        <v>20.79690411</v>
      </c>
    </row>
    <row r="13411" spans="1:10" x14ac:dyDescent="0.35">
      <c r="A13411" t="s">
        <v>26</v>
      </c>
      <c r="B13411" t="s">
        <v>57</v>
      </c>
      <c r="C13411" t="s">
        <v>117</v>
      </c>
      <c r="D13411" t="s">
        <v>118</v>
      </c>
      <c r="E13411">
        <v>2012</v>
      </c>
      <c r="F13411">
        <v>2012</v>
      </c>
      <c r="G13411" t="s">
        <v>126</v>
      </c>
      <c r="H13411" t="s">
        <v>124</v>
      </c>
      <c r="I13411" t="s">
        <v>15</v>
      </c>
      <c r="J13411" s="10">
        <v>4.0418517989999998</v>
      </c>
    </row>
    <row r="13412" spans="1:10" x14ac:dyDescent="0.35">
      <c r="A13412" t="s">
        <v>26</v>
      </c>
      <c r="B13412" t="s">
        <v>57</v>
      </c>
      <c r="C13412" t="s">
        <v>117</v>
      </c>
      <c r="D13412" t="s">
        <v>118</v>
      </c>
      <c r="E13412">
        <v>2011</v>
      </c>
      <c r="F13412">
        <v>2011</v>
      </c>
      <c r="G13412" t="s">
        <v>14</v>
      </c>
      <c r="H13412" t="s">
        <v>119</v>
      </c>
      <c r="I13412" t="s">
        <v>15</v>
      </c>
      <c r="J13412" s="10">
        <v>16.81112315</v>
      </c>
    </row>
    <row r="13413" spans="1:10" x14ac:dyDescent="0.35">
      <c r="A13413" t="s">
        <v>26</v>
      </c>
      <c r="B13413" t="s">
        <v>57</v>
      </c>
      <c r="C13413" t="s">
        <v>117</v>
      </c>
      <c r="D13413" t="s">
        <v>118</v>
      </c>
      <c r="E13413">
        <v>2011</v>
      </c>
      <c r="F13413">
        <v>2011</v>
      </c>
      <c r="G13413" t="s">
        <v>14</v>
      </c>
      <c r="H13413" t="s">
        <v>120</v>
      </c>
      <c r="I13413" t="s">
        <v>15</v>
      </c>
      <c r="J13413" s="10">
        <v>8.8624051999999995</v>
      </c>
    </row>
    <row r="13414" spans="1:10" x14ac:dyDescent="0.35">
      <c r="A13414" t="s">
        <v>26</v>
      </c>
      <c r="B13414" t="s">
        <v>57</v>
      </c>
      <c r="C13414" t="s">
        <v>117</v>
      </c>
      <c r="D13414" t="s">
        <v>118</v>
      </c>
      <c r="E13414">
        <v>2011</v>
      </c>
      <c r="F13414">
        <v>2011</v>
      </c>
      <c r="G13414" t="s">
        <v>14</v>
      </c>
      <c r="H13414" t="s">
        <v>121</v>
      </c>
      <c r="I13414" t="s">
        <v>15</v>
      </c>
      <c r="J13414" s="10">
        <v>30.314192850000001</v>
      </c>
    </row>
    <row r="13415" spans="1:10" x14ac:dyDescent="0.35">
      <c r="A13415" t="s">
        <v>26</v>
      </c>
      <c r="B13415" t="s">
        <v>57</v>
      </c>
      <c r="C13415" t="s">
        <v>117</v>
      </c>
      <c r="D13415" t="s">
        <v>118</v>
      </c>
      <c r="E13415">
        <v>2011</v>
      </c>
      <c r="F13415">
        <v>2011</v>
      </c>
      <c r="G13415" t="s">
        <v>14</v>
      </c>
      <c r="H13415" t="s">
        <v>122</v>
      </c>
      <c r="I13415" t="s">
        <v>15</v>
      </c>
      <c r="J13415" s="10">
        <v>22.267966779999998</v>
      </c>
    </row>
    <row r="13416" spans="1:10" x14ac:dyDescent="0.35">
      <c r="A13416" t="s">
        <v>26</v>
      </c>
      <c r="B13416" t="s">
        <v>57</v>
      </c>
      <c r="C13416" t="s">
        <v>117</v>
      </c>
      <c r="D13416" t="s">
        <v>118</v>
      </c>
      <c r="E13416">
        <v>2011</v>
      </c>
      <c r="F13416">
        <v>2011</v>
      </c>
      <c r="G13416" t="s">
        <v>14</v>
      </c>
      <c r="H13416" t="s">
        <v>123</v>
      </c>
      <c r="I13416" t="s">
        <v>15</v>
      </c>
      <c r="J13416" s="10">
        <v>18.887685080000001</v>
      </c>
    </row>
    <row r="13417" spans="1:10" x14ac:dyDescent="0.35">
      <c r="A13417" t="s">
        <v>26</v>
      </c>
      <c r="B13417" t="s">
        <v>57</v>
      </c>
      <c r="C13417" t="s">
        <v>117</v>
      </c>
      <c r="D13417" t="s">
        <v>118</v>
      </c>
      <c r="E13417">
        <v>2011</v>
      </c>
      <c r="F13417">
        <v>2011</v>
      </c>
      <c r="G13417" t="s">
        <v>14</v>
      </c>
      <c r="H13417" t="s">
        <v>124</v>
      </c>
      <c r="I13417" t="s">
        <v>15</v>
      </c>
      <c r="J13417" s="10">
        <v>2.856626941</v>
      </c>
    </row>
    <row r="13418" spans="1:10" x14ac:dyDescent="0.35">
      <c r="A13418" t="s">
        <v>26</v>
      </c>
      <c r="B13418" t="s">
        <v>57</v>
      </c>
      <c r="C13418" t="s">
        <v>117</v>
      </c>
      <c r="D13418" t="s">
        <v>118</v>
      </c>
      <c r="E13418">
        <v>2011</v>
      </c>
      <c r="F13418">
        <v>2011</v>
      </c>
      <c r="G13418" t="s">
        <v>125</v>
      </c>
      <c r="H13418" t="s">
        <v>119</v>
      </c>
      <c r="I13418" t="s">
        <v>15</v>
      </c>
      <c r="J13418" s="10">
        <v>17.39671843</v>
      </c>
    </row>
    <row r="13419" spans="1:10" x14ac:dyDescent="0.35">
      <c r="A13419" t="s">
        <v>26</v>
      </c>
      <c r="B13419" t="s">
        <v>57</v>
      </c>
      <c r="C13419" t="s">
        <v>117</v>
      </c>
      <c r="D13419" t="s">
        <v>118</v>
      </c>
      <c r="E13419">
        <v>2011</v>
      </c>
      <c r="F13419">
        <v>2011</v>
      </c>
      <c r="G13419" t="s">
        <v>125</v>
      </c>
      <c r="H13419" t="s">
        <v>120</v>
      </c>
      <c r="I13419" t="s">
        <v>15</v>
      </c>
      <c r="J13419" s="10">
        <v>9.5297392320000007</v>
      </c>
    </row>
    <row r="13420" spans="1:10" x14ac:dyDescent="0.35">
      <c r="A13420" t="s">
        <v>26</v>
      </c>
      <c r="B13420" t="s">
        <v>57</v>
      </c>
      <c r="C13420" t="s">
        <v>117</v>
      </c>
      <c r="D13420" t="s">
        <v>118</v>
      </c>
      <c r="E13420">
        <v>2011</v>
      </c>
      <c r="F13420">
        <v>2011</v>
      </c>
      <c r="G13420" t="s">
        <v>125</v>
      </c>
      <c r="H13420" t="s">
        <v>121</v>
      </c>
      <c r="I13420" t="s">
        <v>15</v>
      </c>
      <c r="J13420" s="10">
        <v>30.830647519999999</v>
      </c>
    </row>
    <row r="13421" spans="1:10" x14ac:dyDescent="0.35">
      <c r="A13421" t="s">
        <v>26</v>
      </c>
      <c r="B13421" t="s">
        <v>57</v>
      </c>
      <c r="C13421" t="s">
        <v>117</v>
      </c>
      <c r="D13421" t="s">
        <v>118</v>
      </c>
      <c r="E13421">
        <v>2011</v>
      </c>
      <c r="F13421">
        <v>2011</v>
      </c>
      <c r="G13421" t="s">
        <v>125</v>
      </c>
      <c r="H13421" t="s">
        <v>122</v>
      </c>
      <c r="I13421" t="s">
        <v>15</v>
      </c>
      <c r="J13421" s="10">
        <v>23.168766479999999</v>
      </c>
    </row>
    <row r="13422" spans="1:10" x14ac:dyDescent="0.35">
      <c r="A13422" t="s">
        <v>26</v>
      </c>
      <c r="B13422" t="s">
        <v>57</v>
      </c>
      <c r="C13422" t="s">
        <v>117</v>
      </c>
      <c r="D13422" t="s">
        <v>118</v>
      </c>
      <c r="E13422">
        <v>2011</v>
      </c>
      <c r="F13422">
        <v>2011</v>
      </c>
      <c r="G13422" t="s">
        <v>125</v>
      </c>
      <c r="H13422" t="s">
        <v>123</v>
      </c>
      <c r="I13422" t="s">
        <v>15</v>
      </c>
      <c r="J13422" s="10">
        <v>17.535892180000001</v>
      </c>
    </row>
    <row r="13423" spans="1:10" x14ac:dyDescent="0.35">
      <c r="A13423" t="s">
        <v>26</v>
      </c>
      <c r="B13423" t="s">
        <v>57</v>
      </c>
      <c r="C13423" t="s">
        <v>117</v>
      </c>
      <c r="D13423" t="s">
        <v>118</v>
      </c>
      <c r="E13423">
        <v>2011</v>
      </c>
      <c r="F13423">
        <v>2011</v>
      </c>
      <c r="G13423" t="s">
        <v>125</v>
      </c>
      <c r="H13423" t="s">
        <v>124</v>
      </c>
      <c r="I13423" t="s">
        <v>15</v>
      </c>
      <c r="J13423" s="10">
        <v>1.538236156</v>
      </c>
    </row>
    <row r="13424" spans="1:10" x14ac:dyDescent="0.35">
      <c r="A13424" t="s">
        <v>26</v>
      </c>
      <c r="B13424" t="s">
        <v>57</v>
      </c>
      <c r="C13424" t="s">
        <v>117</v>
      </c>
      <c r="D13424" t="s">
        <v>118</v>
      </c>
      <c r="E13424">
        <v>2011</v>
      </c>
      <c r="F13424">
        <v>2011</v>
      </c>
      <c r="G13424" t="s">
        <v>126</v>
      </c>
      <c r="H13424" t="s">
        <v>119</v>
      </c>
      <c r="I13424" t="s">
        <v>15</v>
      </c>
      <c r="J13424" s="10">
        <v>16.24162986</v>
      </c>
    </row>
    <row r="13425" spans="1:10" x14ac:dyDescent="0.35">
      <c r="A13425" t="s">
        <v>26</v>
      </c>
      <c r="B13425" t="s">
        <v>57</v>
      </c>
      <c r="C13425" t="s">
        <v>117</v>
      </c>
      <c r="D13425" t="s">
        <v>118</v>
      </c>
      <c r="E13425">
        <v>2011</v>
      </c>
      <c r="F13425">
        <v>2011</v>
      </c>
      <c r="G13425" t="s">
        <v>126</v>
      </c>
      <c r="H13425" t="s">
        <v>120</v>
      </c>
      <c r="I13425" t="s">
        <v>15</v>
      </c>
      <c r="J13425" s="10">
        <v>8.2134207149999998</v>
      </c>
    </row>
    <row r="13426" spans="1:10" x14ac:dyDescent="0.35">
      <c r="A13426" t="s">
        <v>26</v>
      </c>
      <c r="B13426" t="s">
        <v>57</v>
      </c>
      <c r="C13426" t="s">
        <v>117</v>
      </c>
      <c r="D13426" t="s">
        <v>118</v>
      </c>
      <c r="E13426">
        <v>2011</v>
      </c>
      <c r="F13426">
        <v>2011</v>
      </c>
      <c r="G13426" t="s">
        <v>126</v>
      </c>
      <c r="H13426" t="s">
        <v>121</v>
      </c>
      <c r="I13426" t="s">
        <v>15</v>
      </c>
      <c r="J13426" s="10">
        <v>29.811939020000001</v>
      </c>
    </row>
    <row r="13427" spans="1:10" x14ac:dyDescent="0.35">
      <c r="A13427" t="s">
        <v>26</v>
      </c>
      <c r="B13427" t="s">
        <v>57</v>
      </c>
      <c r="C13427" t="s">
        <v>117</v>
      </c>
      <c r="D13427" t="s">
        <v>118</v>
      </c>
      <c r="E13427">
        <v>2011</v>
      </c>
      <c r="F13427">
        <v>2011</v>
      </c>
      <c r="G13427" t="s">
        <v>126</v>
      </c>
      <c r="H13427" t="s">
        <v>122</v>
      </c>
      <c r="I13427" t="s">
        <v>15</v>
      </c>
      <c r="J13427" s="10">
        <v>21.391936170000001</v>
      </c>
    </row>
    <row r="13428" spans="1:10" x14ac:dyDescent="0.35">
      <c r="A13428" t="s">
        <v>26</v>
      </c>
      <c r="B13428" t="s">
        <v>57</v>
      </c>
      <c r="C13428" t="s">
        <v>117</v>
      </c>
      <c r="D13428" t="s">
        <v>118</v>
      </c>
      <c r="E13428">
        <v>2011</v>
      </c>
      <c r="F13428">
        <v>2011</v>
      </c>
      <c r="G13428" t="s">
        <v>126</v>
      </c>
      <c r="H13428" t="s">
        <v>123</v>
      </c>
      <c r="I13428" t="s">
        <v>15</v>
      </c>
      <c r="J13428" s="10">
        <v>20.20230802</v>
      </c>
    </row>
    <row r="13429" spans="1:10" x14ac:dyDescent="0.35">
      <c r="A13429" t="s">
        <v>26</v>
      </c>
      <c r="B13429" t="s">
        <v>57</v>
      </c>
      <c r="C13429" t="s">
        <v>117</v>
      </c>
      <c r="D13429" t="s">
        <v>118</v>
      </c>
      <c r="E13429">
        <v>2011</v>
      </c>
      <c r="F13429">
        <v>2011</v>
      </c>
      <c r="G13429" t="s">
        <v>126</v>
      </c>
      <c r="H13429" t="s">
        <v>124</v>
      </c>
      <c r="I13429" t="s">
        <v>15</v>
      </c>
      <c r="J13429" s="10">
        <v>4.1387662059999997</v>
      </c>
    </row>
    <row r="13430" spans="1:10" x14ac:dyDescent="0.35">
      <c r="A13430" t="s">
        <v>33</v>
      </c>
      <c r="B13430" t="s">
        <v>82</v>
      </c>
      <c r="C13430" t="s">
        <v>117</v>
      </c>
      <c r="D13430" t="s">
        <v>118</v>
      </c>
      <c r="E13430">
        <v>2020</v>
      </c>
      <c r="F13430">
        <v>2020</v>
      </c>
      <c r="G13430" t="s">
        <v>14</v>
      </c>
      <c r="H13430" t="s">
        <v>119</v>
      </c>
      <c r="I13430" t="s">
        <v>15</v>
      </c>
      <c r="J13430" s="10">
        <v>13.526211999999999</v>
      </c>
    </row>
    <row r="13431" spans="1:10" x14ac:dyDescent="0.35">
      <c r="A13431" t="s">
        <v>33</v>
      </c>
      <c r="B13431" t="s">
        <v>82</v>
      </c>
      <c r="C13431" t="s">
        <v>117</v>
      </c>
      <c r="D13431" t="s">
        <v>118</v>
      </c>
      <c r="E13431">
        <v>2020</v>
      </c>
      <c r="F13431">
        <v>2020</v>
      </c>
      <c r="G13431" t="s">
        <v>14</v>
      </c>
      <c r="H13431" t="s">
        <v>120</v>
      </c>
      <c r="I13431" t="s">
        <v>15</v>
      </c>
      <c r="J13431" s="10">
        <v>17.228052989999998</v>
      </c>
    </row>
    <row r="13432" spans="1:10" x14ac:dyDescent="0.35">
      <c r="A13432" t="s">
        <v>33</v>
      </c>
      <c r="B13432" t="s">
        <v>82</v>
      </c>
      <c r="C13432" t="s">
        <v>117</v>
      </c>
      <c r="D13432" t="s">
        <v>118</v>
      </c>
      <c r="E13432">
        <v>2020</v>
      </c>
      <c r="F13432">
        <v>2020</v>
      </c>
      <c r="G13432" t="s">
        <v>14</v>
      </c>
      <c r="H13432" t="s">
        <v>121</v>
      </c>
      <c r="I13432" t="s">
        <v>15</v>
      </c>
      <c r="J13432" s="10">
        <v>26.02670831</v>
      </c>
    </row>
    <row r="13433" spans="1:10" x14ac:dyDescent="0.35">
      <c r="A13433" t="s">
        <v>33</v>
      </c>
      <c r="B13433" t="s">
        <v>82</v>
      </c>
      <c r="C13433" t="s">
        <v>117</v>
      </c>
      <c r="D13433" t="s">
        <v>118</v>
      </c>
      <c r="E13433">
        <v>2020</v>
      </c>
      <c r="F13433">
        <v>2020</v>
      </c>
      <c r="G13433" t="s">
        <v>14</v>
      </c>
      <c r="H13433" t="s">
        <v>122</v>
      </c>
      <c r="I13433" t="s">
        <v>15</v>
      </c>
      <c r="J13433" s="10">
        <v>20.384610290000001</v>
      </c>
    </row>
    <row r="13434" spans="1:10" x14ac:dyDescent="0.35">
      <c r="A13434" t="s">
        <v>33</v>
      </c>
      <c r="B13434" t="s">
        <v>82</v>
      </c>
      <c r="C13434" t="s">
        <v>117</v>
      </c>
      <c r="D13434" t="s">
        <v>118</v>
      </c>
      <c r="E13434">
        <v>2020</v>
      </c>
      <c r="F13434">
        <v>2020</v>
      </c>
      <c r="G13434" t="s">
        <v>14</v>
      </c>
      <c r="H13434" t="s">
        <v>123</v>
      </c>
      <c r="I13434" t="s">
        <v>15</v>
      </c>
      <c r="J13434" s="10">
        <v>20.011382139999998</v>
      </c>
    </row>
    <row r="13435" spans="1:10" x14ac:dyDescent="0.35">
      <c r="A13435" t="s">
        <v>33</v>
      </c>
      <c r="B13435" t="s">
        <v>82</v>
      </c>
      <c r="C13435" t="s">
        <v>117</v>
      </c>
      <c r="D13435" t="s">
        <v>118</v>
      </c>
      <c r="E13435">
        <v>2020</v>
      </c>
      <c r="F13435">
        <v>2020</v>
      </c>
      <c r="G13435" t="s">
        <v>14</v>
      </c>
      <c r="H13435" t="s">
        <v>124</v>
      </c>
      <c r="I13435" t="s">
        <v>15</v>
      </c>
      <c r="J13435" s="10">
        <v>2.8230342660000001</v>
      </c>
    </row>
    <row r="13436" spans="1:10" x14ac:dyDescent="0.35">
      <c r="A13436" t="s">
        <v>33</v>
      </c>
      <c r="B13436" t="s">
        <v>82</v>
      </c>
      <c r="C13436" t="s">
        <v>117</v>
      </c>
      <c r="D13436" t="s">
        <v>118</v>
      </c>
      <c r="E13436">
        <v>2020</v>
      </c>
      <c r="F13436">
        <v>2020</v>
      </c>
      <c r="G13436" t="s">
        <v>125</v>
      </c>
      <c r="H13436" t="s">
        <v>119</v>
      </c>
      <c r="I13436" t="s">
        <v>15</v>
      </c>
      <c r="J13436" s="10">
        <v>14.111641690000001</v>
      </c>
    </row>
    <row r="13437" spans="1:10" x14ac:dyDescent="0.35">
      <c r="A13437" t="s">
        <v>33</v>
      </c>
      <c r="B13437" t="s">
        <v>82</v>
      </c>
      <c r="C13437" t="s">
        <v>117</v>
      </c>
      <c r="D13437" t="s">
        <v>118</v>
      </c>
      <c r="E13437">
        <v>2020</v>
      </c>
      <c r="F13437">
        <v>2020</v>
      </c>
      <c r="G13437" t="s">
        <v>125</v>
      </c>
      <c r="H13437" t="s">
        <v>120</v>
      </c>
      <c r="I13437" t="s">
        <v>15</v>
      </c>
      <c r="J13437" s="10">
        <v>17.468027880000001</v>
      </c>
    </row>
    <row r="13438" spans="1:10" x14ac:dyDescent="0.35">
      <c r="A13438" t="s">
        <v>33</v>
      </c>
      <c r="B13438" t="s">
        <v>82</v>
      </c>
      <c r="C13438" t="s">
        <v>117</v>
      </c>
      <c r="D13438" t="s">
        <v>118</v>
      </c>
      <c r="E13438">
        <v>2020</v>
      </c>
      <c r="F13438">
        <v>2020</v>
      </c>
      <c r="G13438" t="s">
        <v>125</v>
      </c>
      <c r="H13438" t="s">
        <v>121</v>
      </c>
      <c r="I13438" t="s">
        <v>15</v>
      </c>
      <c r="J13438" s="10">
        <v>26.579395139999999</v>
      </c>
    </row>
    <row r="13439" spans="1:10" x14ac:dyDescent="0.35">
      <c r="A13439" t="s">
        <v>33</v>
      </c>
      <c r="B13439" t="s">
        <v>82</v>
      </c>
      <c r="C13439" t="s">
        <v>117</v>
      </c>
      <c r="D13439" t="s">
        <v>118</v>
      </c>
      <c r="E13439">
        <v>2020</v>
      </c>
      <c r="F13439">
        <v>2020</v>
      </c>
      <c r="G13439" t="s">
        <v>125</v>
      </c>
      <c r="H13439" t="s">
        <v>122</v>
      </c>
      <c r="I13439" t="s">
        <v>15</v>
      </c>
      <c r="J13439" s="10">
        <v>20.2810253</v>
      </c>
    </row>
    <row r="13440" spans="1:10" x14ac:dyDescent="0.35">
      <c r="A13440" t="s">
        <v>33</v>
      </c>
      <c r="B13440" t="s">
        <v>82</v>
      </c>
      <c r="C13440" t="s">
        <v>117</v>
      </c>
      <c r="D13440" t="s">
        <v>118</v>
      </c>
      <c r="E13440">
        <v>2020</v>
      </c>
      <c r="F13440">
        <v>2020</v>
      </c>
      <c r="G13440" t="s">
        <v>125</v>
      </c>
      <c r="H13440" t="s">
        <v>123</v>
      </c>
      <c r="I13440" t="s">
        <v>15</v>
      </c>
      <c r="J13440" s="10">
        <v>19.4769197</v>
      </c>
    </row>
    <row r="13441" spans="1:10" x14ac:dyDescent="0.35">
      <c r="A13441" t="s">
        <v>33</v>
      </c>
      <c r="B13441" t="s">
        <v>82</v>
      </c>
      <c r="C13441" t="s">
        <v>117</v>
      </c>
      <c r="D13441" t="s">
        <v>118</v>
      </c>
      <c r="E13441">
        <v>2020</v>
      </c>
      <c r="F13441">
        <v>2020</v>
      </c>
      <c r="G13441" t="s">
        <v>125</v>
      </c>
      <c r="H13441" t="s">
        <v>124</v>
      </c>
      <c r="I13441" t="s">
        <v>15</v>
      </c>
      <c r="J13441" s="10">
        <v>2.0829902850000002</v>
      </c>
    </row>
    <row r="13442" spans="1:10" x14ac:dyDescent="0.35">
      <c r="A13442" t="s">
        <v>33</v>
      </c>
      <c r="B13442" t="s">
        <v>82</v>
      </c>
      <c r="C13442" t="s">
        <v>117</v>
      </c>
      <c r="D13442" t="s">
        <v>118</v>
      </c>
      <c r="E13442">
        <v>2020</v>
      </c>
      <c r="F13442">
        <v>2020</v>
      </c>
      <c r="G13442" t="s">
        <v>126</v>
      </c>
      <c r="H13442" t="s">
        <v>119</v>
      </c>
      <c r="I13442" t="s">
        <v>15</v>
      </c>
      <c r="J13442" s="10">
        <v>12.98090442</v>
      </c>
    </row>
    <row r="13443" spans="1:10" x14ac:dyDescent="0.35">
      <c r="A13443" t="s">
        <v>33</v>
      </c>
      <c r="B13443" t="s">
        <v>82</v>
      </c>
      <c r="C13443" t="s">
        <v>117</v>
      </c>
      <c r="D13443" t="s">
        <v>118</v>
      </c>
      <c r="E13443">
        <v>2020</v>
      </c>
      <c r="F13443">
        <v>2020</v>
      </c>
      <c r="G13443" t="s">
        <v>126</v>
      </c>
      <c r="H13443" t="s">
        <v>120</v>
      </c>
      <c r="I13443" t="s">
        <v>15</v>
      </c>
      <c r="J13443" s="10">
        <v>17.004524660000001</v>
      </c>
    </row>
    <row r="13444" spans="1:10" x14ac:dyDescent="0.35">
      <c r="A13444" t="s">
        <v>33</v>
      </c>
      <c r="B13444" t="s">
        <v>82</v>
      </c>
      <c r="C13444" t="s">
        <v>117</v>
      </c>
      <c r="D13444" t="s">
        <v>118</v>
      </c>
      <c r="E13444">
        <v>2020</v>
      </c>
      <c r="F13444">
        <v>2020</v>
      </c>
      <c r="G13444" t="s">
        <v>126</v>
      </c>
      <c r="H13444" t="s">
        <v>121</v>
      </c>
      <c r="I13444" t="s">
        <v>15</v>
      </c>
      <c r="J13444" s="10">
        <v>25.511899589999999</v>
      </c>
    </row>
    <row r="13445" spans="1:10" x14ac:dyDescent="0.35">
      <c r="A13445" t="s">
        <v>33</v>
      </c>
      <c r="B13445" t="s">
        <v>82</v>
      </c>
      <c r="C13445" t="s">
        <v>117</v>
      </c>
      <c r="D13445" t="s">
        <v>118</v>
      </c>
      <c r="E13445">
        <v>2020</v>
      </c>
      <c r="F13445">
        <v>2020</v>
      </c>
      <c r="G13445" t="s">
        <v>126</v>
      </c>
      <c r="H13445" t="s">
        <v>122</v>
      </c>
      <c r="I13445" t="s">
        <v>15</v>
      </c>
      <c r="J13445" s="10">
        <v>20.481096139999998</v>
      </c>
    </row>
    <row r="13446" spans="1:10" x14ac:dyDescent="0.35">
      <c r="A13446" t="s">
        <v>33</v>
      </c>
      <c r="B13446" t="s">
        <v>82</v>
      </c>
      <c r="C13446" t="s">
        <v>117</v>
      </c>
      <c r="D13446" t="s">
        <v>118</v>
      </c>
      <c r="E13446">
        <v>2020</v>
      </c>
      <c r="F13446">
        <v>2020</v>
      </c>
      <c r="G13446" t="s">
        <v>126</v>
      </c>
      <c r="H13446" t="s">
        <v>123</v>
      </c>
      <c r="I13446" t="s">
        <v>15</v>
      </c>
      <c r="J13446" s="10">
        <v>20.509215470000001</v>
      </c>
    </row>
    <row r="13447" spans="1:10" x14ac:dyDescent="0.35">
      <c r="A13447" t="s">
        <v>33</v>
      </c>
      <c r="B13447" t="s">
        <v>82</v>
      </c>
      <c r="C13447" t="s">
        <v>117</v>
      </c>
      <c r="D13447" t="s">
        <v>118</v>
      </c>
      <c r="E13447">
        <v>2020</v>
      </c>
      <c r="F13447">
        <v>2020</v>
      </c>
      <c r="G13447" t="s">
        <v>126</v>
      </c>
      <c r="H13447" t="s">
        <v>124</v>
      </c>
      <c r="I13447" t="s">
        <v>15</v>
      </c>
      <c r="J13447" s="10">
        <v>3.5123597229999999</v>
      </c>
    </row>
    <row r="13448" spans="1:10" x14ac:dyDescent="0.35">
      <c r="A13448" t="s">
        <v>33</v>
      </c>
      <c r="B13448" t="s">
        <v>82</v>
      </c>
      <c r="C13448" t="s">
        <v>117</v>
      </c>
      <c r="D13448" t="s">
        <v>118</v>
      </c>
      <c r="E13448">
        <v>2019</v>
      </c>
      <c r="F13448">
        <v>2019</v>
      </c>
      <c r="G13448" t="s">
        <v>14</v>
      </c>
      <c r="H13448" t="s">
        <v>119</v>
      </c>
      <c r="I13448" t="s">
        <v>15</v>
      </c>
      <c r="J13448" s="10">
        <v>13.73007692</v>
      </c>
    </row>
    <row r="13449" spans="1:10" x14ac:dyDescent="0.35">
      <c r="A13449" t="s">
        <v>33</v>
      </c>
      <c r="B13449" t="s">
        <v>82</v>
      </c>
      <c r="C13449" t="s">
        <v>117</v>
      </c>
      <c r="D13449" t="s">
        <v>118</v>
      </c>
      <c r="E13449">
        <v>2019</v>
      </c>
      <c r="F13449">
        <v>2019</v>
      </c>
      <c r="G13449" t="s">
        <v>14</v>
      </c>
      <c r="H13449" t="s">
        <v>120</v>
      </c>
      <c r="I13449" t="s">
        <v>15</v>
      </c>
      <c r="J13449" s="10">
        <v>17.242883200000001</v>
      </c>
    </row>
    <row r="13450" spans="1:10" x14ac:dyDescent="0.35">
      <c r="A13450" t="s">
        <v>33</v>
      </c>
      <c r="B13450" t="s">
        <v>82</v>
      </c>
      <c r="C13450" t="s">
        <v>117</v>
      </c>
      <c r="D13450" t="s">
        <v>118</v>
      </c>
      <c r="E13450">
        <v>2019</v>
      </c>
      <c r="F13450">
        <v>2019</v>
      </c>
      <c r="G13450" t="s">
        <v>14</v>
      </c>
      <c r="H13450" t="s">
        <v>121</v>
      </c>
      <c r="I13450" t="s">
        <v>15</v>
      </c>
      <c r="J13450" s="10">
        <v>26.191420189999999</v>
      </c>
    </row>
    <row r="13451" spans="1:10" x14ac:dyDescent="0.35">
      <c r="A13451" t="s">
        <v>33</v>
      </c>
      <c r="B13451" t="s">
        <v>82</v>
      </c>
      <c r="C13451" t="s">
        <v>117</v>
      </c>
      <c r="D13451" t="s">
        <v>118</v>
      </c>
      <c r="E13451">
        <v>2019</v>
      </c>
      <c r="F13451">
        <v>2019</v>
      </c>
      <c r="G13451" t="s">
        <v>14</v>
      </c>
      <c r="H13451" t="s">
        <v>122</v>
      </c>
      <c r="I13451" t="s">
        <v>15</v>
      </c>
      <c r="J13451" s="10">
        <v>20.30898951</v>
      </c>
    </row>
    <row r="13452" spans="1:10" x14ac:dyDescent="0.35">
      <c r="A13452" t="s">
        <v>33</v>
      </c>
      <c r="B13452" t="s">
        <v>82</v>
      </c>
      <c r="C13452" t="s">
        <v>117</v>
      </c>
      <c r="D13452" t="s">
        <v>118</v>
      </c>
      <c r="E13452">
        <v>2019</v>
      </c>
      <c r="F13452">
        <v>2019</v>
      </c>
      <c r="G13452" t="s">
        <v>14</v>
      </c>
      <c r="H13452" t="s">
        <v>123</v>
      </c>
      <c r="I13452" t="s">
        <v>15</v>
      </c>
      <c r="J13452" s="10">
        <v>19.788280069999999</v>
      </c>
    </row>
    <row r="13453" spans="1:10" x14ac:dyDescent="0.35">
      <c r="A13453" t="s">
        <v>33</v>
      </c>
      <c r="B13453" t="s">
        <v>82</v>
      </c>
      <c r="C13453" t="s">
        <v>117</v>
      </c>
      <c r="D13453" t="s">
        <v>118</v>
      </c>
      <c r="E13453">
        <v>2019</v>
      </c>
      <c r="F13453">
        <v>2019</v>
      </c>
      <c r="G13453" t="s">
        <v>14</v>
      </c>
      <c r="H13453" t="s">
        <v>124</v>
      </c>
      <c r="I13453" t="s">
        <v>15</v>
      </c>
      <c r="J13453" s="10">
        <v>2.7383501180000001</v>
      </c>
    </row>
    <row r="13454" spans="1:10" x14ac:dyDescent="0.35">
      <c r="A13454" t="s">
        <v>33</v>
      </c>
      <c r="B13454" t="s">
        <v>82</v>
      </c>
      <c r="C13454" t="s">
        <v>117</v>
      </c>
      <c r="D13454" t="s">
        <v>118</v>
      </c>
      <c r="E13454">
        <v>2019</v>
      </c>
      <c r="F13454">
        <v>2019</v>
      </c>
      <c r="G13454" t="s">
        <v>125</v>
      </c>
      <c r="H13454" t="s">
        <v>119</v>
      </c>
      <c r="I13454" t="s">
        <v>15</v>
      </c>
      <c r="J13454" s="10">
        <v>14.28258128</v>
      </c>
    </row>
    <row r="13455" spans="1:10" x14ac:dyDescent="0.35">
      <c r="A13455" t="s">
        <v>33</v>
      </c>
      <c r="B13455" t="s">
        <v>82</v>
      </c>
      <c r="C13455" t="s">
        <v>117</v>
      </c>
      <c r="D13455" t="s">
        <v>118</v>
      </c>
      <c r="E13455">
        <v>2019</v>
      </c>
      <c r="F13455">
        <v>2019</v>
      </c>
      <c r="G13455" t="s">
        <v>125</v>
      </c>
      <c r="H13455" t="s">
        <v>120</v>
      </c>
      <c r="I13455" t="s">
        <v>15</v>
      </c>
      <c r="J13455" s="10">
        <v>17.396787100000001</v>
      </c>
    </row>
    <row r="13456" spans="1:10" x14ac:dyDescent="0.35">
      <c r="A13456" t="s">
        <v>33</v>
      </c>
      <c r="B13456" t="s">
        <v>82</v>
      </c>
      <c r="C13456" t="s">
        <v>117</v>
      </c>
      <c r="D13456" t="s">
        <v>118</v>
      </c>
      <c r="E13456">
        <v>2019</v>
      </c>
      <c r="F13456">
        <v>2019</v>
      </c>
      <c r="G13456" t="s">
        <v>125</v>
      </c>
      <c r="H13456" t="s">
        <v>121</v>
      </c>
      <c r="I13456" t="s">
        <v>15</v>
      </c>
      <c r="J13456" s="10">
        <v>26.747628710000001</v>
      </c>
    </row>
    <row r="13457" spans="1:10" x14ac:dyDescent="0.35">
      <c r="A13457" t="s">
        <v>33</v>
      </c>
      <c r="B13457" t="s">
        <v>82</v>
      </c>
      <c r="C13457" t="s">
        <v>117</v>
      </c>
      <c r="D13457" t="s">
        <v>118</v>
      </c>
      <c r="E13457">
        <v>2019</v>
      </c>
      <c r="F13457">
        <v>2019</v>
      </c>
      <c r="G13457" t="s">
        <v>125</v>
      </c>
      <c r="H13457" t="s">
        <v>122</v>
      </c>
      <c r="I13457" t="s">
        <v>15</v>
      </c>
      <c r="J13457" s="10">
        <v>20.247820600000001</v>
      </c>
    </row>
    <row r="13458" spans="1:10" x14ac:dyDescent="0.35">
      <c r="A13458" t="s">
        <v>33</v>
      </c>
      <c r="B13458" t="s">
        <v>82</v>
      </c>
      <c r="C13458" t="s">
        <v>117</v>
      </c>
      <c r="D13458" t="s">
        <v>118</v>
      </c>
      <c r="E13458">
        <v>2019</v>
      </c>
      <c r="F13458">
        <v>2019</v>
      </c>
      <c r="G13458" t="s">
        <v>125</v>
      </c>
      <c r="H13458" t="s">
        <v>123</v>
      </c>
      <c r="I13458" t="s">
        <v>15</v>
      </c>
      <c r="J13458" s="10">
        <v>19.351389879999999</v>
      </c>
    </row>
    <row r="13459" spans="1:10" x14ac:dyDescent="0.35">
      <c r="A13459" t="s">
        <v>33</v>
      </c>
      <c r="B13459" t="s">
        <v>82</v>
      </c>
      <c r="C13459" t="s">
        <v>117</v>
      </c>
      <c r="D13459" t="s">
        <v>118</v>
      </c>
      <c r="E13459">
        <v>2019</v>
      </c>
      <c r="F13459">
        <v>2019</v>
      </c>
      <c r="G13459" t="s">
        <v>125</v>
      </c>
      <c r="H13459" t="s">
        <v>124</v>
      </c>
      <c r="I13459" t="s">
        <v>15</v>
      </c>
      <c r="J13459" s="10">
        <v>1.9737924229999999</v>
      </c>
    </row>
    <row r="13460" spans="1:10" x14ac:dyDescent="0.35">
      <c r="A13460" t="s">
        <v>33</v>
      </c>
      <c r="B13460" t="s">
        <v>82</v>
      </c>
      <c r="C13460" t="s">
        <v>117</v>
      </c>
      <c r="D13460" t="s">
        <v>118</v>
      </c>
      <c r="E13460">
        <v>2019</v>
      </c>
      <c r="F13460">
        <v>2019</v>
      </c>
      <c r="G13460" t="s">
        <v>126</v>
      </c>
      <c r="H13460" t="s">
        <v>119</v>
      </c>
      <c r="I13460" t="s">
        <v>15</v>
      </c>
      <c r="J13460" s="10">
        <v>13.21578034</v>
      </c>
    </row>
    <row r="13461" spans="1:10" x14ac:dyDescent="0.35">
      <c r="A13461" t="s">
        <v>33</v>
      </c>
      <c r="B13461" t="s">
        <v>82</v>
      </c>
      <c r="C13461" t="s">
        <v>117</v>
      </c>
      <c r="D13461" t="s">
        <v>118</v>
      </c>
      <c r="E13461">
        <v>2019</v>
      </c>
      <c r="F13461">
        <v>2019</v>
      </c>
      <c r="G13461" t="s">
        <v>126</v>
      </c>
      <c r="H13461" t="s">
        <v>120</v>
      </c>
      <c r="I13461" t="s">
        <v>15</v>
      </c>
      <c r="J13461" s="10">
        <v>17.099622329999999</v>
      </c>
    </row>
    <row r="13462" spans="1:10" x14ac:dyDescent="0.35">
      <c r="A13462" t="s">
        <v>33</v>
      </c>
      <c r="B13462" t="s">
        <v>82</v>
      </c>
      <c r="C13462" t="s">
        <v>117</v>
      </c>
      <c r="D13462" t="s">
        <v>118</v>
      </c>
      <c r="E13462">
        <v>2019</v>
      </c>
      <c r="F13462">
        <v>2019</v>
      </c>
      <c r="G13462" t="s">
        <v>126</v>
      </c>
      <c r="H13462" t="s">
        <v>121</v>
      </c>
      <c r="I13462" t="s">
        <v>15</v>
      </c>
      <c r="J13462" s="10">
        <v>25.67367561</v>
      </c>
    </row>
    <row r="13463" spans="1:10" x14ac:dyDescent="0.35">
      <c r="A13463" t="s">
        <v>33</v>
      </c>
      <c r="B13463" t="s">
        <v>82</v>
      </c>
      <c r="C13463" t="s">
        <v>117</v>
      </c>
      <c r="D13463" t="s">
        <v>118</v>
      </c>
      <c r="E13463">
        <v>2019</v>
      </c>
      <c r="F13463">
        <v>2019</v>
      </c>
      <c r="G13463" t="s">
        <v>126</v>
      </c>
      <c r="H13463" t="s">
        <v>122</v>
      </c>
      <c r="I13463" t="s">
        <v>15</v>
      </c>
      <c r="J13463" s="10">
        <v>20.365928350000001</v>
      </c>
    </row>
    <row r="13464" spans="1:10" x14ac:dyDescent="0.35">
      <c r="A13464" t="s">
        <v>33</v>
      </c>
      <c r="B13464" t="s">
        <v>82</v>
      </c>
      <c r="C13464" t="s">
        <v>117</v>
      </c>
      <c r="D13464" t="s">
        <v>118</v>
      </c>
      <c r="E13464">
        <v>2019</v>
      </c>
      <c r="F13464">
        <v>2019</v>
      </c>
      <c r="G13464" t="s">
        <v>126</v>
      </c>
      <c r="H13464" t="s">
        <v>123</v>
      </c>
      <c r="I13464" t="s">
        <v>15</v>
      </c>
      <c r="J13464" s="10">
        <v>20.194957639999998</v>
      </c>
    </row>
    <row r="13465" spans="1:10" x14ac:dyDescent="0.35">
      <c r="A13465" t="s">
        <v>33</v>
      </c>
      <c r="B13465" t="s">
        <v>82</v>
      </c>
      <c r="C13465" t="s">
        <v>117</v>
      </c>
      <c r="D13465" t="s">
        <v>118</v>
      </c>
      <c r="E13465">
        <v>2019</v>
      </c>
      <c r="F13465">
        <v>2019</v>
      </c>
      <c r="G13465" t="s">
        <v>126</v>
      </c>
      <c r="H13465" t="s">
        <v>124</v>
      </c>
      <c r="I13465" t="s">
        <v>15</v>
      </c>
      <c r="J13465" s="10">
        <v>3.4500357250000002</v>
      </c>
    </row>
    <row r="13466" spans="1:10" x14ac:dyDescent="0.35">
      <c r="A13466" t="s">
        <v>33</v>
      </c>
      <c r="B13466" t="s">
        <v>82</v>
      </c>
      <c r="C13466" t="s">
        <v>117</v>
      </c>
      <c r="D13466" t="s">
        <v>118</v>
      </c>
      <c r="E13466">
        <v>2018</v>
      </c>
      <c r="F13466">
        <v>2018</v>
      </c>
      <c r="G13466" t="s">
        <v>14</v>
      </c>
      <c r="H13466" t="s">
        <v>119</v>
      </c>
      <c r="I13466" t="s">
        <v>15</v>
      </c>
      <c r="J13466" s="10">
        <v>13.80107941</v>
      </c>
    </row>
    <row r="13467" spans="1:10" x14ac:dyDescent="0.35">
      <c r="A13467" t="s">
        <v>33</v>
      </c>
      <c r="B13467" t="s">
        <v>82</v>
      </c>
      <c r="C13467" t="s">
        <v>117</v>
      </c>
      <c r="D13467" t="s">
        <v>118</v>
      </c>
      <c r="E13467">
        <v>2018</v>
      </c>
      <c r="F13467">
        <v>2018</v>
      </c>
      <c r="G13467" t="s">
        <v>14</v>
      </c>
      <c r="H13467" t="s">
        <v>120</v>
      </c>
      <c r="I13467" t="s">
        <v>15</v>
      </c>
      <c r="J13467" s="10">
        <v>17.204158140000001</v>
      </c>
    </row>
    <row r="13468" spans="1:10" x14ac:dyDescent="0.35">
      <c r="A13468" t="s">
        <v>33</v>
      </c>
      <c r="B13468" t="s">
        <v>82</v>
      </c>
      <c r="C13468" t="s">
        <v>117</v>
      </c>
      <c r="D13468" t="s">
        <v>118</v>
      </c>
      <c r="E13468">
        <v>2018</v>
      </c>
      <c r="F13468">
        <v>2018</v>
      </c>
      <c r="G13468" t="s">
        <v>14</v>
      </c>
      <c r="H13468" t="s">
        <v>121</v>
      </c>
      <c r="I13468" t="s">
        <v>15</v>
      </c>
      <c r="J13468" s="10">
        <v>26.57458857</v>
      </c>
    </row>
    <row r="13469" spans="1:10" x14ac:dyDescent="0.35">
      <c r="A13469" t="s">
        <v>33</v>
      </c>
      <c r="B13469" t="s">
        <v>82</v>
      </c>
      <c r="C13469" t="s">
        <v>117</v>
      </c>
      <c r="D13469" t="s">
        <v>118</v>
      </c>
      <c r="E13469">
        <v>2018</v>
      </c>
      <c r="F13469">
        <v>2018</v>
      </c>
      <c r="G13469" t="s">
        <v>14</v>
      </c>
      <c r="H13469" t="s">
        <v>122</v>
      </c>
      <c r="I13469" t="s">
        <v>15</v>
      </c>
      <c r="J13469" s="10">
        <v>20.277563610000001</v>
      </c>
    </row>
    <row r="13470" spans="1:10" x14ac:dyDescent="0.35">
      <c r="A13470" t="s">
        <v>33</v>
      </c>
      <c r="B13470" t="s">
        <v>82</v>
      </c>
      <c r="C13470" t="s">
        <v>117</v>
      </c>
      <c r="D13470" t="s">
        <v>118</v>
      </c>
      <c r="E13470">
        <v>2018</v>
      </c>
      <c r="F13470">
        <v>2018</v>
      </c>
      <c r="G13470" t="s">
        <v>14</v>
      </c>
      <c r="H13470" t="s">
        <v>123</v>
      </c>
      <c r="I13470" t="s">
        <v>15</v>
      </c>
      <c r="J13470" s="10">
        <v>19.386914099999998</v>
      </c>
    </row>
    <row r="13471" spans="1:10" x14ac:dyDescent="0.35">
      <c r="A13471" t="s">
        <v>33</v>
      </c>
      <c r="B13471" t="s">
        <v>82</v>
      </c>
      <c r="C13471" t="s">
        <v>117</v>
      </c>
      <c r="D13471" t="s">
        <v>118</v>
      </c>
      <c r="E13471">
        <v>2018</v>
      </c>
      <c r="F13471">
        <v>2018</v>
      </c>
      <c r="G13471" t="s">
        <v>14</v>
      </c>
      <c r="H13471" t="s">
        <v>124</v>
      </c>
      <c r="I13471" t="s">
        <v>15</v>
      </c>
      <c r="J13471" s="10">
        <v>2.7556961690000001</v>
      </c>
    </row>
    <row r="13472" spans="1:10" x14ac:dyDescent="0.35">
      <c r="A13472" t="s">
        <v>33</v>
      </c>
      <c r="B13472" t="s">
        <v>82</v>
      </c>
      <c r="C13472" t="s">
        <v>117</v>
      </c>
      <c r="D13472" t="s">
        <v>118</v>
      </c>
      <c r="E13472">
        <v>2018</v>
      </c>
      <c r="F13472">
        <v>2018</v>
      </c>
      <c r="G13472" t="s">
        <v>125</v>
      </c>
      <c r="H13472" t="s">
        <v>119</v>
      </c>
      <c r="I13472" t="s">
        <v>15</v>
      </c>
      <c r="J13472" s="10">
        <v>14.508343679999999</v>
      </c>
    </row>
    <row r="13473" spans="1:10" x14ac:dyDescent="0.35">
      <c r="A13473" t="s">
        <v>33</v>
      </c>
      <c r="B13473" t="s">
        <v>82</v>
      </c>
      <c r="C13473" t="s">
        <v>117</v>
      </c>
      <c r="D13473" t="s">
        <v>118</v>
      </c>
      <c r="E13473">
        <v>2018</v>
      </c>
      <c r="F13473">
        <v>2018</v>
      </c>
      <c r="G13473" t="s">
        <v>125</v>
      </c>
      <c r="H13473" t="s">
        <v>120</v>
      </c>
      <c r="I13473" t="s">
        <v>15</v>
      </c>
      <c r="J13473" s="10">
        <v>17.294166319999999</v>
      </c>
    </row>
    <row r="13474" spans="1:10" x14ac:dyDescent="0.35">
      <c r="A13474" t="s">
        <v>33</v>
      </c>
      <c r="B13474" t="s">
        <v>82</v>
      </c>
      <c r="C13474" t="s">
        <v>117</v>
      </c>
      <c r="D13474" t="s">
        <v>118</v>
      </c>
      <c r="E13474">
        <v>2018</v>
      </c>
      <c r="F13474">
        <v>2018</v>
      </c>
      <c r="G13474" t="s">
        <v>125</v>
      </c>
      <c r="H13474" t="s">
        <v>121</v>
      </c>
      <c r="I13474" t="s">
        <v>15</v>
      </c>
      <c r="J13474" s="10">
        <v>27.121776310000001</v>
      </c>
    </row>
    <row r="13475" spans="1:10" x14ac:dyDescent="0.35">
      <c r="A13475" t="s">
        <v>33</v>
      </c>
      <c r="B13475" t="s">
        <v>82</v>
      </c>
      <c r="C13475" t="s">
        <v>117</v>
      </c>
      <c r="D13475" t="s">
        <v>118</v>
      </c>
      <c r="E13475">
        <v>2018</v>
      </c>
      <c r="F13475">
        <v>2018</v>
      </c>
      <c r="G13475" t="s">
        <v>125</v>
      </c>
      <c r="H13475" t="s">
        <v>122</v>
      </c>
      <c r="I13475" t="s">
        <v>15</v>
      </c>
      <c r="J13475" s="10">
        <v>20.19583506</v>
      </c>
    </row>
    <row r="13476" spans="1:10" x14ac:dyDescent="0.35">
      <c r="A13476" t="s">
        <v>33</v>
      </c>
      <c r="B13476" t="s">
        <v>82</v>
      </c>
      <c r="C13476" t="s">
        <v>117</v>
      </c>
      <c r="D13476" t="s">
        <v>118</v>
      </c>
      <c r="E13476">
        <v>2018</v>
      </c>
      <c r="F13476">
        <v>2018</v>
      </c>
      <c r="G13476" t="s">
        <v>125</v>
      </c>
      <c r="H13476" t="s">
        <v>123</v>
      </c>
      <c r="I13476" t="s">
        <v>15</v>
      </c>
      <c r="J13476" s="10">
        <v>18.874637979999999</v>
      </c>
    </row>
    <row r="13477" spans="1:10" x14ac:dyDescent="0.35">
      <c r="A13477" t="s">
        <v>33</v>
      </c>
      <c r="B13477" t="s">
        <v>82</v>
      </c>
      <c r="C13477" t="s">
        <v>117</v>
      </c>
      <c r="D13477" t="s">
        <v>118</v>
      </c>
      <c r="E13477">
        <v>2018</v>
      </c>
      <c r="F13477">
        <v>2018</v>
      </c>
      <c r="G13477" t="s">
        <v>125</v>
      </c>
      <c r="H13477" t="s">
        <v>124</v>
      </c>
      <c r="I13477" t="s">
        <v>15</v>
      </c>
      <c r="J13477" s="10">
        <v>2.0052406559999998</v>
      </c>
    </row>
    <row r="13478" spans="1:10" x14ac:dyDescent="0.35">
      <c r="A13478" t="s">
        <v>33</v>
      </c>
      <c r="B13478" t="s">
        <v>82</v>
      </c>
      <c r="C13478" t="s">
        <v>117</v>
      </c>
      <c r="D13478" t="s">
        <v>118</v>
      </c>
      <c r="E13478">
        <v>2018</v>
      </c>
      <c r="F13478">
        <v>2018</v>
      </c>
      <c r="G13478" t="s">
        <v>126</v>
      </c>
      <c r="H13478" t="s">
        <v>119</v>
      </c>
      <c r="I13478" t="s">
        <v>15</v>
      </c>
      <c r="J13478" s="10">
        <v>13.14310641</v>
      </c>
    </row>
    <row r="13479" spans="1:10" x14ac:dyDescent="0.35">
      <c r="A13479" t="s">
        <v>33</v>
      </c>
      <c r="B13479" t="s">
        <v>82</v>
      </c>
      <c r="C13479" t="s">
        <v>117</v>
      </c>
      <c r="D13479" t="s">
        <v>118</v>
      </c>
      <c r="E13479">
        <v>2018</v>
      </c>
      <c r="F13479">
        <v>2018</v>
      </c>
      <c r="G13479" t="s">
        <v>126</v>
      </c>
      <c r="H13479" t="s">
        <v>120</v>
      </c>
      <c r="I13479" t="s">
        <v>15</v>
      </c>
      <c r="J13479" s="10">
        <v>17.12042288</v>
      </c>
    </row>
    <row r="13480" spans="1:10" x14ac:dyDescent="0.35">
      <c r="A13480" t="s">
        <v>33</v>
      </c>
      <c r="B13480" t="s">
        <v>82</v>
      </c>
      <c r="C13480" t="s">
        <v>117</v>
      </c>
      <c r="D13480" t="s">
        <v>118</v>
      </c>
      <c r="E13480">
        <v>2018</v>
      </c>
      <c r="F13480">
        <v>2018</v>
      </c>
      <c r="G13480" t="s">
        <v>126</v>
      </c>
      <c r="H13480" t="s">
        <v>121</v>
      </c>
      <c r="I13480" t="s">
        <v>15</v>
      </c>
      <c r="J13480" s="10">
        <v>26.065535910000001</v>
      </c>
    </row>
    <row r="13481" spans="1:10" x14ac:dyDescent="0.35">
      <c r="A13481" t="s">
        <v>33</v>
      </c>
      <c r="B13481" t="s">
        <v>82</v>
      </c>
      <c r="C13481" t="s">
        <v>117</v>
      </c>
      <c r="D13481" t="s">
        <v>118</v>
      </c>
      <c r="E13481">
        <v>2018</v>
      </c>
      <c r="F13481">
        <v>2018</v>
      </c>
      <c r="G13481" t="s">
        <v>126</v>
      </c>
      <c r="H13481" t="s">
        <v>122</v>
      </c>
      <c r="I13481" t="s">
        <v>15</v>
      </c>
      <c r="J13481" s="10">
        <v>20.35359626</v>
      </c>
    </row>
    <row r="13482" spans="1:10" x14ac:dyDescent="0.35">
      <c r="A13482" t="s">
        <v>33</v>
      </c>
      <c r="B13482" t="s">
        <v>82</v>
      </c>
      <c r="C13482" t="s">
        <v>117</v>
      </c>
      <c r="D13482" t="s">
        <v>118</v>
      </c>
      <c r="E13482">
        <v>2018</v>
      </c>
      <c r="F13482">
        <v>2018</v>
      </c>
      <c r="G13482" t="s">
        <v>126</v>
      </c>
      <c r="H13482" t="s">
        <v>123</v>
      </c>
      <c r="I13482" t="s">
        <v>15</v>
      </c>
      <c r="J13482" s="10">
        <v>19.863488230000002</v>
      </c>
    </row>
    <row r="13483" spans="1:10" x14ac:dyDescent="0.35">
      <c r="A13483" t="s">
        <v>33</v>
      </c>
      <c r="B13483" t="s">
        <v>82</v>
      </c>
      <c r="C13483" t="s">
        <v>117</v>
      </c>
      <c r="D13483" t="s">
        <v>118</v>
      </c>
      <c r="E13483">
        <v>2018</v>
      </c>
      <c r="F13483">
        <v>2018</v>
      </c>
      <c r="G13483" t="s">
        <v>126</v>
      </c>
      <c r="H13483" t="s">
        <v>124</v>
      </c>
      <c r="I13483" t="s">
        <v>15</v>
      </c>
      <c r="J13483" s="10">
        <v>3.453850299</v>
      </c>
    </row>
    <row r="13484" spans="1:10" x14ac:dyDescent="0.35">
      <c r="A13484" t="s">
        <v>33</v>
      </c>
      <c r="B13484" t="s">
        <v>82</v>
      </c>
      <c r="C13484" t="s">
        <v>117</v>
      </c>
      <c r="D13484" t="s">
        <v>118</v>
      </c>
      <c r="E13484">
        <v>2017</v>
      </c>
      <c r="F13484">
        <v>2017</v>
      </c>
      <c r="G13484" t="s">
        <v>14</v>
      </c>
      <c r="H13484" t="s">
        <v>119</v>
      </c>
      <c r="I13484" t="s">
        <v>15</v>
      </c>
      <c r="J13484" s="10">
        <v>13.87529262</v>
      </c>
    </row>
    <row r="13485" spans="1:10" x14ac:dyDescent="0.35">
      <c r="A13485" t="s">
        <v>33</v>
      </c>
      <c r="B13485" t="s">
        <v>82</v>
      </c>
      <c r="C13485" t="s">
        <v>117</v>
      </c>
      <c r="D13485" t="s">
        <v>118</v>
      </c>
      <c r="E13485">
        <v>2017</v>
      </c>
      <c r="F13485">
        <v>2017</v>
      </c>
      <c r="G13485" t="s">
        <v>14</v>
      </c>
      <c r="H13485" t="s">
        <v>120</v>
      </c>
      <c r="I13485" t="s">
        <v>15</v>
      </c>
      <c r="J13485" s="10">
        <v>17.475792720000001</v>
      </c>
    </row>
    <row r="13486" spans="1:10" x14ac:dyDescent="0.35">
      <c r="A13486" t="s">
        <v>33</v>
      </c>
      <c r="B13486" t="s">
        <v>82</v>
      </c>
      <c r="C13486" t="s">
        <v>117</v>
      </c>
      <c r="D13486" t="s">
        <v>118</v>
      </c>
      <c r="E13486">
        <v>2017</v>
      </c>
      <c r="F13486">
        <v>2017</v>
      </c>
      <c r="G13486" t="s">
        <v>14</v>
      </c>
      <c r="H13486" t="s">
        <v>121</v>
      </c>
      <c r="I13486" t="s">
        <v>15</v>
      </c>
      <c r="J13486" s="10">
        <v>26.742391999999999</v>
      </c>
    </row>
    <row r="13487" spans="1:10" x14ac:dyDescent="0.35">
      <c r="A13487" t="s">
        <v>33</v>
      </c>
      <c r="B13487" t="s">
        <v>82</v>
      </c>
      <c r="C13487" t="s">
        <v>117</v>
      </c>
      <c r="D13487" t="s">
        <v>118</v>
      </c>
      <c r="E13487">
        <v>2017</v>
      </c>
      <c r="F13487">
        <v>2017</v>
      </c>
      <c r="G13487" t="s">
        <v>14</v>
      </c>
      <c r="H13487" t="s">
        <v>122</v>
      </c>
      <c r="I13487" t="s">
        <v>15</v>
      </c>
      <c r="J13487" s="10">
        <v>20.098691209999998</v>
      </c>
    </row>
    <row r="13488" spans="1:10" x14ac:dyDescent="0.35">
      <c r="A13488" t="s">
        <v>33</v>
      </c>
      <c r="B13488" t="s">
        <v>82</v>
      </c>
      <c r="C13488" t="s">
        <v>117</v>
      </c>
      <c r="D13488" t="s">
        <v>118</v>
      </c>
      <c r="E13488">
        <v>2017</v>
      </c>
      <c r="F13488">
        <v>2017</v>
      </c>
      <c r="G13488" t="s">
        <v>14</v>
      </c>
      <c r="H13488" t="s">
        <v>123</v>
      </c>
      <c r="I13488" t="s">
        <v>15</v>
      </c>
      <c r="J13488" s="10">
        <v>19.101138540000001</v>
      </c>
    </row>
    <row r="13489" spans="1:10" x14ac:dyDescent="0.35">
      <c r="A13489" t="s">
        <v>33</v>
      </c>
      <c r="B13489" t="s">
        <v>82</v>
      </c>
      <c r="C13489" t="s">
        <v>117</v>
      </c>
      <c r="D13489" t="s">
        <v>118</v>
      </c>
      <c r="E13489">
        <v>2017</v>
      </c>
      <c r="F13489">
        <v>2017</v>
      </c>
      <c r="G13489" t="s">
        <v>14</v>
      </c>
      <c r="H13489" t="s">
        <v>124</v>
      </c>
      <c r="I13489" t="s">
        <v>15</v>
      </c>
      <c r="J13489" s="10">
        <v>2.7066929129999999</v>
      </c>
    </row>
    <row r="13490" spans="1:10" x14ac:dyDescent="0.35">
      <c r="A13490" t="s">
        <v>33</v>
      </c>
      <c r="B13490" t="s">
        <v>82</v>
      </c>
      <c r="C13490" t="s">
        <v>117</v>
      </c>
      <c r="D13490" t="s">
        <v>118</v>
      </c>
      <c r="E13490">
        <v>2017</v>
      </c>
      <c r="F13490">
        <v>2017</v>
      </c>
      <c r="G13490" t="s">
        <v>125</v>
      </c>
      <c r="H13490" t="s">
        <v>119</v>
      </c>
      <c r="I13490" t="s">
        <v>15</v>
      </c>
      <c r="J13490" s="10">
        <v>14.58777886</v>
      </c>
    </row>
    <row r="13491" spans="1:10" x14ac:dyDescent="0.35">
      <c r="A13491" t="s">
        <v>33</v>
      </c>
      <c r="B13491" t="s">
        <v>82</v>
      </c>
      <c r="C13491" t="s">
        <v>117</v>
      </c>
      <c r="D13491" t="s">
        <v>118</v>
      </c>
      <c r="E13491">
        <v>2017</v>
      </c>
      <c r="F13491">
        <v>2017</v>
      </c>
      <c r="G13491" t="s">
        <v>125</v>
      </c>
      <c r="H13491" t="s">
        <v>120</v>
      </c>
      <c r="I13491" t="s">
        <v>15</v>
      </c>
      <c r="J13491" s="10">
        <v>17.32852986</v>
      </c>
    </row>
    <row r="13492" spans="1:10" x14ac:dyDescent="0.35">
      <c r="A13492" t="s">
        <v>33</v>
      </c>
      <c r="B13492" t="s">
        <v>82</v>
      </c>
      <c r="C13492" t="s">
        <v>117</v>
      </c>
      <c r="D13492" t="s">
        <v>118</v>
      </c>
      <c r="E13492">
        <v>2017</v>
      </c>
      <c r="F13492">
        <v>2017</v>
      </c>
      <c r="G13492" t="s">
        <v>125</v>
      </c>
      <c r="H13492" t="s">
        <v>121</v>
      </c>
      <c r="I13492" t="s">
        <v>15</v>
      </c>
      <c r="J13492" s="10">
        <v>27.321601770000001</v>
      </c>
    </row>
    <row r="13493" spans="1:10" x14ac:dyDescent="0.35">
      <c r="A13493" t="s">
        <v>33</v>
      </c>
      <c r="B13493" t="s">
        <v>82</v>
      </c>
      <c r="C13493" t="s">
        <v>117</v>
      </c>
      <c r="D13493" t="s">
        <v>118</v>
      </c>
      <c r="E13493">
        <v>2017</v>
      </c>
      <c r="F13493">
        <v>2017</v>
      </c>
      <c r="G13493" t="s">
        <v>125</v>
      </c>
      <c r="H13493" t="s">
        <v>122</v>
      </c>
      <c r="I13493" t="s">
        <v>15</v>
      </c>
      <c r="J13493" s="10">
        <v>20.14133296</v>
      </c>
    </row>
    <row r="13494" spans="1:10" x14ac:dyDescent="0.35">
      <c r="A13494" t="s">
        <v>33</v>
      </c>
      <c r="B13494" t="s">
        <v>82</v>
      </c>
      <c r="C13494" t="s">
        <v>117</v>
      </c>
      <c r="D13494" t="s">
        <v>118</v>
      </c>
      <c r="E13494">
        <v>2017</v>
      </c>
      <c r="F13494">
        <v>2017</v>
      </c>
      <c r="G13494" t="s">
        <v>125</v>
      </c>
      <c r="H13494" t="s">
        <v>123</v>
      </c>
      <c r="I13494" t="s">
        <v>15</v>
      </c>
      <c r="J13494" s="10">
        <v>18.617153940000001</v>
      </c>
    </row>
    <row r="13495" spans="1:10" x14ac:dyDescent="0.35">
      <c r="A13495" t="s">
        <v>33</v>
      </c>
      <c r="B13495" t="s">
        <v>82</v>
      </c>
      <c r="C13495" t="s">
        <v>117</v>
      </c>
      <c r="D13495" t="s">
        <v>118</v>
      </c>
      <c r="E13495">
        <v>2017</v>
      </c>
      <c r="F13495">
        <v>2017</v>
      </c>
      <c r="G13495" t="s">
        <v>125</v>
      </c>
      <c r="H13495" t="s">
        <v>124</v>
      </c>
      <c r="I13495" t="s">
        <v>15</v>
      </c>
      <c r="J13495" s="10">
        <v>2.0036026050000002</v>
      </c>
    </row>
    <row r="13496" spans="1:10" x14ac:dyDescent="0.35">
      <c r="A13496" t="s">
        <v>33</v>
      </c>
      <c r="B13496" t="s">
        <v>82</v>
      </c>
      <c r="C13496" t="s">
        <v>117</v>
      </c>
      <c r="D13496" t="s">
        <v>118</v>
      </c>
      <c r="E13496">
        <v>2017</v>
      </c>
      <c r="F13496">
        <v>2017</v>
      </c>
      <c r="G13496" t="s">
        <v>126</v>
      </c>
      <c r="H13496" t="s">
        <v>119</v>
      </c>
      <c r="I13496" t="s">
        <v>15</v>
      </c>
      <c r="J13496" s="10">
        <v>13.217729350000001</v>
      </c>
    </row>
    <row r="13497" spans="1:10" x14ac:dyDescent="0.35">
      <c r="A13497" t="s">
        <v>33</v>
      </c>
      <c r="B13497" t="s">
        <v>82</v>
      </c>
      <c r="C13497" t="s">
        <v>117</v>
      </c>
      <c r="D13497" t="s">
        <v>118</v>
      </c>
      <c r="E13497">
        <v>2017</v>
      </c>
      <c r="F13497">
        <v>2017</v>
      </c>
      <c r="G13497" t="s">
        <v>126</v>
      </c>
      <c r="H13497" t="s">
        <v>120</v>
      </c>
      <c r="I13497" t="s">
        <v>15</v>
      </c>
      <c r="J13497" s="10">
        <v>17.61170362</v>
      </c>
    </row>
    <row r="13498" spans="1:10" x14ac:dyDescent="0.35">
      <c r="A13498" t="s">
        <v>33</v>
      </c>
      <c r="B13498" t="s">
        <v>82</v>
      </c>
      <c r="C13498" t="s">
        <v>117</v>
      </c>
      <c r="D13498" t="s">
        <v>118</v>
      </c>
      <c r="E13498">
        <v>2017</v>
      </c>
      <c r="F13498">
        <v>2017</v>
      </c>
      <c r="G13498" t="s">
        <v>126</v>
      </c>
      <c r="H13498" t="s">
        <v>121</v>
      </c>
      <c r="I13498" t="s">
        <v>15</v>
      </c>
      <c r="J13498" s="10">
        <v>26.2078314</v>
      </c>
    </row>
    <row r="13499" spans="1:10" x14ac:dyDescent="0.35">
      <c r="A13499" t="s">
        <v>33</v>
      </c>
      <c r="B13499" t="s">
        <v>82</v>
      </c>
      <c r="C13499" t="s">
        <v>117</v>
      </c>
      <c r="D13499" t="s">
        <v>118</v>
      </c>
      <c r="E13499">
        <v>2017</v>
      </c>
      <c r="F13499">
        <v>2017</v>
      </c>
      <c r="G13499" t="s">
        <v>126</v>
      </c>
      <c r="H13499" t="s">
        <v>122</v>
      </c>
      <c r="I13499" t="s">
        <v>15</v>
      </c>
      <c r="J13499" s="10">
        <v>20.059336559999998</v>
      </c>
    </row>
    <row r="13500" spans="1:10" x14ac:dyDescent="0.35">
      <c r="A13500" t="s">
        <v>33</v>
      </c>
      <c r="B13500" t="s">
        <v>82</v>
      </c>
      <c r="C13500" t="s">
        <v>117</v>
      </c>
      <c r="D13500" t="s">
        <v>118</v>
      </c>
      <c r="E13500">
        <v>2017</v>
      </c>
      <c r="F13500">
        <v>2017</v>
      </c>
      <c r="G13500" t="s">
        <v>126</v>
      </c>
      <c r="H13500" t="s">
        <v>123</v>
      </c>
      <c r="I13500" t="s">
        <v>15</v>
      </c>
      <c r="J13500" s="10">
        <v>19.547814519999999</v>
      </c>
    </row>
    <row r="13501" spans="1:10" x14ac:dyDescent="0.35">
      <c r="A13501" t="s">
        <v>33</v>
      </c>
      <c r="B13501" t="s">
        <v>82</v>
      </c>
      <c r="C13501" t="s">
        <v>117</v>
      </c>
      <c r="D13501" t="s">
        <v>118</v>
      </c>
      <c r="E13501">
        <v>2017</v>
      </c>
      <c r="F13501">
        <v>2017</v>
      </c>
      <c r="G13501" t="s">
        <v>126</v>
      </c>
      <c r="H13501" t="s">
        <v>124</v>
      </c>
      <c r="I13501" t="s">
        <v>15</v>
      </c>
      <c r="J13501" s="10">
        <v>3.3555845419999999</v>
      </c>
    </row>
    <row r="13502" spans="1:10" x14ac:dyDescent="0.35">
      <c r="A13502" t="s">
        <v>33</v>
      </c>
      <c r="B13502" t="s">
        <v>82</v>
      </c>
      <c r="C13502" t="s">
        <v>117</v>
      </c>
      <c r="D13502" t="s">
        <v>118</v>
      </c>
      <c r="E13502">
        <v>2016</v>
      </c>
      <c r="F13502">
        <v>2016</v>
      </c>
      <c r="G13502" t="s">
        <v>14</v>
      </c>
      <c r="H13502" t="s">
        <v>119</v>
      </c>
      <c r="I13502" t="s">
        <v>15</v>
      </c>
      <c r="J13502" s="10">
        <v>14.00889198</v>
      </c>
    </row>
    <row r="13503" spans="1:10" x14ac:dyDescent="0.35">
      <c r="A13503" t="s">
        <v>33</v>
      </c>
      <c r="B13503" t="s">
        <v>82</v>
      </c>
      <c r="C13503" t="s">
        <v>117</v>
      </c>
      <c r="D13503" t="s">
        <v>118</v>
      </c>
      <c r="E13503">
        <v>2016</v>
      </c>
      <c r="F13503">
        <v>2016</v>
      </c>
      <c r="G13503" t="s">
        <v>14</v>
      </c>
      <c r="H13503" t="s">
        <v>120</v>
      </c>
      <c r="I13503" t="s">
        <v>15</v>
      </c>
      <c r="J13503" s="10">
        <v>17.40766532</v>
      </c>
    </row>
    <row r="13504" spans="1:10" x14ac:dyDescent="0.35">
      <c r="A13504" t="s">
        <v>33</v>
      </c>
      <c r="B13504" t="s">
        <v>82</v>
      </c>
      <c r="C13504" t="s">
        <v>117</v>
      </c>
      <c r="D13504" t="s">
        <v>118</v>
      </c>
      <c r="E13504">
        <v>2016</v>
      </c>
      <c r="F13504">
        <v>2016</v>
      </c>
      <c r="G13504" t="s">
        <v>14</v>
      </c>
      <c r="H13504" t="s">
        <v>121</v>
      </c>
      <c r="I13504" t="s">
        <v>15</v>
      </c>
      <c r="J13504" s="10">
        <v>26.866111360000001</v>
      </c>
    </row>
    <row r="13505" spans="1:10" x14ac:dyDescent="0.35">
      <c r="A13505" t="s">
        <v>33</v>
      </c>
      <c r="B13505" t="s">
        <v>82</v>
      </c>
      <c r="C13505" t="s">
        <v>117</v>
      </c>
      <c r="D13505" t="s">
        <v>118</v>
      </c>
      <c r="E13505">
        <v>2016</v>
      </c>
      <c r="F13505">
        <v>2016</v>
      </c>
      <c r="G13505" t="s">
        <v>14</v>
      </c>
      <c r="H13505" t="s">
        <v>122</v>
      </c>
      <c r="I13505" t="s">
        <v>15</v>
      </c>
      <c r="J13505" s="10">
        <v>20.052494840000001</v>
      </c>
    </row>
    <row r="13506" spans="1:10" x14ac:dyDescent="0.35">
      <c r="A13506" t="s">
        <v>33</v>
      </c>
      <c r="B13506" t="s">
        <v>82</v>
      </c>
      <c r="C13506" t="s">
        <v>117</v>
      </c>
      <c r="D13506" t="s">
        <v>118</v>
      </c>
      <c r="E13506">
        <v>2016</v>
      </c>
      <c r="F13506">
        <v>2016</v>
      </c>
      <c r="G13506" t="s">
        <v>14</v>
      </c>
      <c r="H13506" t="s">
        <v>123</v>
      </c>
      <c r="I13506" t="s">
        <v>15</v>
      </c>
      <c r="J13506" s="10">
        <v>18.96510164</v>
      </c>
    </row>
    <row r="13507" spans="1:10" x14ac:dyDescent="0.35">
      <c r="A13507" t="s">
        <v>33</v>
      </c>
      <c r="B13507" t="s">
        <v>82</v>
      </c>
      <c r="C13507" t="s">
        <v>117</v>
      </c>
      <c r="D13507" t="s">
        <v>118</v>
      </c>
      <c r="E13507">
        <v>2016</v>
      </c>
      <c r="F13507">
        <v>2016</v>
      </c>
      <c r="G13507" t="s">
        <v>14</v>
      </c>
      <c r="H13507" t="s">
        <v>124</v>
      </c>
      <c r="I13507" t="s">
        <v>15</v>
      </c>
      <c r="J13507" s="10">
        <v>2.6997348470000002</v>
      </c>
    </row>
    <row r="13508" spans="1:10" x14ac:dyDescent="0.35">
      <c r="A13508" t="s">
        <v>33</v>
      </c>
      <c r="B13508" t="s">
        <v>82</v>
      </c>
      <c r="C13508" t="s">
        <v>117</v>
      </c>
      <c r="D13508" t="s">
        <v>118</v>
      </c>
      <c r="E13508">
        <v>2016</v>
      </c>
      <c r="F13508">
        <v>2016</v>
      </c>
      <c r="G13508" t="s">
        <v>125</v>
      </c>
      <c r="H13508" t="s">
        <v>119</v>
      </c>
      <c r="I13508" t="s">
        <v>15</v>
      </c>
      <c r="J13508" s="10">
        <v>14.827036550000001</v>
      </c>
    </row>
    <row r="13509" spans="1:10" x14ac:dyDescent="0.35">
      <c r="A13509" t="s">
        <v>33</v>
      </c>
      <c r="B13509" t="s">
        <v>82</v>
      </c>
      <c r="C13509" t="s">
        <v>117</v>
      </c>
      <c r="D13509" t="s">
        <v>118</v>
      </c>
      <c r="E13509">
        <v>2016</v>
      </c>
      <c r="F13509">
        <v>2016</v>
      </c>
      <c r="G13509" t="s">
        <v>125</v>
      </c>
      <c r="H13509" t="s">
        <v>120</v>
      </c>
      <c r="I13509" t="s">
        <v>15</v>
      </c>
      <c r="J13509" s="10">
        <v>17.05304958</v>
      </c>
    </row>
    <row r="13510" spans="1:10" x14ac:dyDescent="0.35">
      <c r="A13510" t="s">
        <v>33</v>
      </c>
      <c r="B13510" t="s">
        <v>82</v>
      </c>
      <c r="C13510" t="s">
        <v>117</v>
      </c>
      <c r="D13510" t="s">
        <v>118</v>
      </c>
      <c r="E13510">
        <v>2016</v>
      </c>
      <c r="F13510">
        <v>2016</v>
      </c>
      <c r="G13510" t="s">
        <v>125</v>
      </c>
      <c r="H13510" t="s">
        <v>121</v>
      </c>
      <c r="I13510" t="s">
        <v>15</v>
      </c>
      <c r="J13510" s="10">
        <v>27.509158530000001</v>
      </c>
    </row>
    <row r="13511" spans="1:10" x14ac:dyDescent="0.35">
      <c r="A13511" t="s">
        <v>33</v>
      </c>
      <c r="B13511" t="s">
        <v>82</v>
      </c>
      <c r="C13511" t="s">
        <v>117</v>
      </c>
      <c r="D13511" t="s">
        <v>118</v>
      </c>
      <c r="E13511">
        <v>2016</v>
      </c>
      <c r="F13511">
        <v>2016</v>
      </c>
      <c r="G13511" t="s">
        <v>125</v>
      </c>
      <c r="H13511" t="s">
        <v>122</v>
      </c>
      <c r="I13511" t="s">
        <v>15</v>
      </c>
      <c r="J13511" s="10">
        <v>20.070471770000001</v>
      </c>
    </row>
    <row r="13512" spans="1:10" x14ac:dyDescent="0.35">
      <c r="A13512" t="s">
        <v>33</v>
      </c>
      <c r="B13512" t="s">
        <v>82</v>
      </c>
      <c r="C13512" t="s">
        <v>117</v>
      </c>
      <c r="D13512" t="s">
        <v>118</v>
      </c>
      <c r="E13512">
        <v>2016</v>
      </c>
      <c r="F13512">
        <v>2016</v>
      </c>
      <c r="G13512" t="s">
        <v>125</v>
      </c>
      <c r="H13512" t="s">
        <v>123</v>
      </c>
      <c r="I13512" t="s">
        <v>15</v>
      </c>
      <c r="J13512" s="10">
        <v>18.610699400000001</v>
      </c>
    </row>
    <row r="13513" spans="1:10" x14ac:dyDescent="0.35">
      <c r="A13513" t="s">
        <v>33</v>
      </c>
      <c r="B13513" t="s">
        <v>82</v>
      </c>
      <c r="C13513" t="s">
        <v>117</v>
      </c>
      <c r="D13513" t="s">
        <v>118</v>
      </c>
      <c r="E13513">
        <v>2016</v>
      </c>
      <c r="F13513">
        <v>2016</v>
      </c>
      <c r="G13513" t="s">
        <v>125</v>
      </c>
      <c r="H13513" t="s">
        <v>124</v>
      </c>
      <c r="I13513" t="s">
        <v>15</v>
      </c>
      <c r="J13513" s="10">
        <v>1.929584161</v>
      </c>
    </row>
    <row r="13514" spans="1:10" x14ac:dyDescent="0.35">
      <c r="A13514" t="s">
        <v>33</v>
      </c>
      <c r="B13514" t="s">
        <v>82</v>
      </c>
      <c r="C13514" t="s">
        <v>117</v>
      </c>
      <c r="D13514" t="s">
        <v>118</v>
      </c>
      <c r="E13514">
        <v>2016</v>
      </c>
      <c r="F13514">
        <v>2016</v>
      </c>
      <c r="G13514" t="s">
        <v>126</v>
      </c>
      <c r="H13514" t="s">
        <v>119</v>
      </c>
      <c r="I13514" t="s">
        <v>15</v>
      </c>
      <c r="J13514" s="10">
        <v>13.25709881</v>
      </c>
    </row>
    <row r="13515" spans="1:10" x14ac:dyDescent="0.35">
      <c r="A13515" t="s">
        <v>33</v>
      </c>
      <c r="B13515" t="s">
        <v>82</v>
      </c>
      <c r="C13515" t="s">
        <v>117</v>
      </c>
      <c r="D13515" t="s">
        <v>118</v>
      </c>
      <c r="E13515">
        <v>2016</v>
      </c>
      <c r="F13515">
        <v>2016</v>
      </c>
      <c r="G13515" t="s">
        <v>126</v>
      </c>
      <c r="H13515" t="s">
        <v>120</v>
      </c>
      <c r="I13515" t="s">
        <v>15</v>
      </c>
      <c r="J13515" s="10">
        <v>17.73352178</v>
      </c>
    </row>
    <row r="13516" spans="1:10" x14ac:dyDescent="0.35">
      <c r="A13516" t="s">
        <v>33</v>
      </c>
      <c r="B13516" t="s">
        <v>82</v>
      </c>
      <c r="C13516" t="s">
        <v>117</v>
      </c>
      <c r="D13516" t="s">
        <v>118</v>
      </c>
      <c r="E13516">
        <v>2016</v>
      </c>
      <c r="F13516">
        <v>2016</v>
      </c>
      <c r="G13516" t="s">
        <v>126</v>
      </c>
      <c r="H13516" t="s">
        <v>121</v>
      </c>
      <c r="I13516" t="s">
        <v>15</v>
      </c>
      <c r="J13516" s="10">
        <v>26.275215209999999</v>
      </c>
    </row>
    <row r="13517" spans="1:10" x14ac:dyDescent="0.35">
      <c r="A13517" t="s">
        <v>33</v>
      </c>
      <c r="B13517" t="s">
        <v>82</v>
      </c>
      <c r="C13517" t="s">
        <v>117</v>
      </c>
      <c r="D13517" t="s">
        <v>118</v>
      </c>
      <c r="E13517">
        <v>2016</v>
      </c>
      <c r="F13517">
        <v>2016</v>
      </c>
      <c r="G13517" t="s">
        <v>126</v>
      </c>
      <c r="H13517" t="s">
        <v>122</v>
      </c>
      <c r="I13517" t="s">
        <v>15</v>
      </c>
      <c r="J13517" s="10">
        <v>20.035975839999999</v>
      </c>
    </row>
    <row r="13518" spans="1:10" x14ac:dyDescent="0.35">
      <c r="A13518" t="s">
        <v>33</v>
      </c>
      <c r="B13518" t="s">
        <v>82</v>
      </c>
      <c r="C13518" t="s">
        <v>117</v>
      </c>
      <c r="D13518" t="s">
        <v>118</v>
      </c>
      <c r="E13518">
        <v>2016</v>
      </c>
      <c r="F13518">
        <v>2016</v>
      </c>
      <c r="G13518" t="s">
        <v>126</v>
      </c>
      <c r="H13518" t="s">
        <v>123</v>
      </c>
      <c r="I13518" t="s">
        <v>15</v>
      </c>
      <c r="J13518" s="10">
        <v>19.290761920000001</v>
      </c>
    </row>
    <row r="13519" spans="1:10" x14ac:dyDescent="0.35">
      <c r="A13519" t="s">
        <v>33</v>
      </c>
      <c r="B13519" t="s">
        <v>82</v>
      </c>
      <c r="C13519" t="s">
        <v>117</v>
      </c>
      <c r="D13519" t="s">
        <v>118</v>
      </c>
      <c r="E13519">
        <v>2016</v>
      </c>
      <c r="F13519">
        <v>2016</v>
      </c>
      <c r="G13519" t="s">
        <v>126</v>
      </c>
      <c r="H13519" t="s">
        <v>124</v>
      </c>
      <c r="I13519" t="s">
        <v>15</v>
      </c>
      <c r="J13519" s="10">
        <v>3.4074264420000002</v>
      </c>
    </row>
    <row r="13520" spans="1:10" x14ac:dyDescent="0.35">
      <c r="A13520" t="s">
        <v>33</v>
      </c>
      <c r="B13520" t="s">
        <v>82</v>
      </c>
      <c r="C13520" t="s">
        <v>117</v>
      </c>
      <c r="D13520" t="s">
        <v>118</v>
      </c>
      <c r="E13520">
        <v>2015</v>
      </c>
      <c r="F13520">
        <v>2015</v>
      </c>
      <c r="G13520" t="s">
        <v>14</v>
      </c>
      <c r="H13520" t="s">
        <v>119</v>
      </c>
      <c r="I13520" t="s">
        <v>15</v>
      </c>
      <c r="J13520" s="10">
        <v>14.15081503</v>
      </c>
    </row>
    <row r="13521" spans="1:10" x14ac:dyDescent="0.35">
      <c r="A13521" t="s">
        <v>33</v>
      </c>
      <c r="B13521" t="s">
        <v>82</v>
      </c>
      <c r="C13521" t="s">
        <v>117</v>
      </c>
      <c r="D13521" t="s">
        <v>118</v>
      </c>
      <c r="E13521">
        <v>2015</v>
      </c>
      <c r="F13521">
        <v>2015</v>
      </c>
      <c r="G13521" t="s">
        <v>14</v>
      </c>
      <c r="H13521" t="s">
        <v>120</v>
      </c>
      <c r="I13521" t="s">
        <v>15</v>
      </c>
      <c r="J13521" s="10">
        <v>17.374207420000001</v>
      </c>
    </row>
    <row r="13522" spans="1:10" x14ac:dyDescent="0.35">
      <c r="A13522" t="s">
        <v>33</v>
      </c>
      <c r="B13522" t="s">
        <v>82</v>
      </c>
      <c r="C13522" t="s">
        <v>117</v>
      </c>
      <c r="D13522" t="s">
        <v>118</v>
      </c>
      <c r="E13522">
        <v>2015</v>
      </c>
      <c r="F13522">
        <v>2015</v>
      </c>
      <c r="G13522" t="s">
        <v>14</v>
      </c>
      <c r="H13522" t="s">
        <v>121</v>
      </c>
      <c r="I13522" t="s">
        <v>15</v>
      </c>
      <c r="J13522" s="10">
        <v>26.67700765</v>
      </c>
    </row>
    <row r="13523" spans="1:10" x14ac:dyDescent="0.35">
      <c r="A13523" t="s">
        <v>33</v>
      </c>
      <c r="B13523" t="s">
        <v>82</v>
      </c>
      <c r="C13523" t="s">
        <v>117</v>
      </c>
      <c r="D13523" t="s">
        <v>118</v>
      </c>
      <c r="E13523">
        <v>2015</v>
      </c>
      <c r="F13523">
        <v>2015</v>
      </c>
      <c r="G13523" t="s">
        <v>14</v>
      </c>
      <c r="H13523" t="s">
        <v>122</v>
      </c>
      <c r="I13523" t="s">
        <v>15</v>
      </c>
      <c r="J13523" s="10">
        <v>20.03973113</v>
      </c>
    </row>
    <row r="13524" spans="1:10" x14ac:dyDescent="0.35">
      <c r="A13524" t="s">
        <v>33</v>
      </c>
      <c r="B13524" t="s">
        <v>82</v>
      </c>
      <c r="C13524" t="s">
        <v>117</v>
      </c>
      <c r="D13524" t="s">
        <v>118</v>
      </c>
      <c r="E13524">
        <v>2015</v>
      </c>
      <c r="F13524">
        <v>2015</v>
      </c>
      <c r="G13524" t="s">
        <v>14</v>
      </c>
      <c r="H13524" t="s">
        <v>123</v>
      </c>
      <c r="I13524" t="s">
        <v>15</v>
      </c>
      <c r="J13524" s="10">
        <v>19.04509212</v>
      </c>
    </row>
    <row r="13525" spans="1:10" x14ac:dyDescent="0.35">
      <c r="A13525" t="s">
        <v>33</v>
      </c>
      <c r="B13525" t="s">
        <v>82</v>
      </c>
      <c r="C13525" t="s">
        <v>117</v>
      </c>
      <c r="D13525" t="s">
        <v>118</v>
      </c>
      <c r="E13525">
        <v>2015</v>
      </c>
      <c r="F13525">
        <v>2015</v>
      </c>
      <c r="G13525" t="s">
        <v>14</v>
      </c>
      <c r="H13525" t="s">
        <v>124</v>
      </c>
      <c r="I13525" t="s">
        <v>15</v>
      </c>
      <c r="J13525" s="10">
        <v>2.7131466510000002</v>
      </c>
    </row>
    <row r="13526" spans="1:10" x14ac:dyDescent="0.35">
      <c r="A13526" t="s">
        <v>33</v>
      </c>
      <c r="B13526" t="s">
        <v>82</v>
      </c>
      <c r="C13526" t="s">
        <v>117</v>
      </c>
      <c r="D13526" t="s">
        <v>118</v>
      </c>
      <c r="E13526">
        <v>2015</v>
      </c>
      <c r="F13526">
        <v>2015</v>
      </c>
      <c r="G13526" t="s">
        <v>125</v>
      </c>
      <c r="H13526" t="s">
        <v>119</v>
      </c>
      <c r="I13526" t="s">
        <v>15</v>
      </c>
      <c r="J13526" s="10">
        <v>15.0971984</v>
      </c>
    </row>
    <row r="13527" spans="1:10" x14ac:dyDescent="0.35">
      <c r="A13527" t="s">
        <v>33</v>
      </c>
      <c r="B13527" t="s">
        <v>82</v>
      </c>
      <c r="C13527" t="s">
        <v>117</v>
      </c>
      <c r="D13527" t="s">
        <v>118</v>
      </c>
      <c r="E13527">
        <v>2015</v>
      </c>
      <c r="F13527">
        <v>2015</v>
      </c>
      <c r="G13527" t="s">
        <v>125</v>
      </c>
      <c r="H13527" t="s">
        <v>120</v>
      </c>
      <c r="I13527" t="s">
        <v>15</v>
      </c>
      <c r="J13527" s="10">
        <v>17.024013719999999</v>
      </c>
    </row>
    <row r="13528" spans="1:10" x14ac:dyDescent="0.35">
      <c r="A13528" t="s">
        <v>33</v>
      </c>
      <c r="B13528" t="s">
        <v>82</v>
      </c>
      <c r="C13528" t="s">
        <v>117</v>
      </c>
      <c r="D13528" t="s">
        <v>118</v>
      </c>
      <c r="E13528">
        <v>2015</v>
      </c>
      <c r="F13528">
        <v>2015</v>
      </c>
      <c r="G13528" t="s">
        <v>125</v>
      </c>
      <c r="H13528" t="s">
        <v>121</v>
      </c>
      <c r="I13528" t="s">
        <v>15</v>
      </c>
      <c r="J13528" s="10">
        <v>26.93539165</v>
      </c>
    </row>
    <row r="13529" spans="1:10" x14ac:dyDescent="0.35">
      <c r="A13529" t="s">
        <v>33</v>
      </c>
      <c r="B13529" t="s">
        <v>82</v>
      </c>
      <c r="C13529" t="s">
        <v>117</v>
      </c>
      <c r="D13529" t="s">
        <v>118</v>
      </c>
      <c r="E13529">
        <v>2015</v>
      </c>
      <c r="F13529">
        <v>2015</v>
      </c>
      <c r="G13529" t="s">
        <v>125</v>
      </c>
      <c r="H13529" t="s">
        <v>122</v>
      </c>
      <c r="I13529" t="s">
        <v>15</v>
      </c>
      <c r="J13529" s="10">
        <v>20.3030303</v>
      </c>
    </row>
    <row r="13530" spans="1:10" x14ac:dyDescent="0.35">
      <c r="A13530" t="s">
        <v>33</v>
      </c>
      <c r="B13530" t="s">
        <v>82</v>
      </c>
      <c r="C13530" t="s">
        <v>117</v>
      </c>
      <c r="D13530" t="s">
        <v>118</v>
      </c>
      <c r="E13530">
        <v>2015</v>
      </c>
      <c r="F13530">
        <v>2015</v>
      </c>
      <c r="G13530" t="s">
        <v>125</v>
      </c>
      <c r="H13530" t="s">
        <v>123</v>
      </c>
      <c r="I13530" t="s">
        <v>15</v>
      </c>
      <c r="J13530" s="10">
        <v>18.662092619999999</v>
      </c>
    </row>
    <row r="13531" spans="1:10" x14ac:dyDescent="0.35">
      <c r="A13531" t="s">
        <v>33</v>
      </c>
      <c r="B13531" t="s">
        <v>82</v>
      </c>
      <c r="C13531" t="s">
        <v>117</v>
      </c>
      <c r="D13531" t="s">
        <v>118</v>
      </c>
      <c r="E13531">
        <v>2015</v>
      </c>
      <c r="F13531">
        <v>2015</v>
      </c>
      <c r="G13531" t="s">
        <v>125</v>
      </c>
      <c r="H13531" t="s">
        <v>124</v>
      </c>
      <c r="I13531" t="s">
        <v>15</v>
      </c>
      <c r="J13531" s="10">
        <v>1.978273299</v>
      </c>
    </row>
    <row r="13532" spans="1:10" x14ac:dyDescent="0.35">
      <c r="A13532" t="s">
        <v>33</v>
      </c>
      <c r="B13532" t="s">
        <v>82</v>
      </c>
      <c r="C13532" t="s">
        <v>117</v>
      </c>
      <c r="D13532" t="s">
        <v>118</v>
      </c>
      <c r="E13532">
        <v>2015</v>
      </c>
      <c r="F13532">
        <v>2015</v>
      </c>
      <c r="G13532" t="s">
        <v>126</v>
      </c>
      <c r="H13532" t="s">
        <v>119</v>
      </c>
      <c r="I13532" t="s">
        <v>15</v>
      </c>
      <c r="J13532" s="10">
        <v>13.291270709999999</v>
      </c>
    </row>
    <row r="13533" spans="1:10" x14ac:dyDescent="0.35">
      <c r="A13533" t="s">
        <v>33</v>
      </c>
      <c r="B13533" t="s">
        <v>82</v>
      </c>
      <c r="C13533" t="s">
        <v>117</v>
      </c>
      <c r="D13533" t="s">
        <v>118</v>
      </c>
      <c r="E13533">
        <v>2015</v>
      </c>
      <c r="F13533">
        <v>2015</v>
      </c>
      <c r="G13533" t="s">
        <v>126</v>
      </c>
      <c r="H13533" t="s">
        <v>120</v>
      </c>
      <c r="I13533" t="s">
        <v>15</v>
      </c>
      <c r="J13533" s="10">
        <v>17.692267749999999</v>
      </c>
    </row>
    <row r="13534" spans="1:10" x14ac:dyDescent="0.35">
      <c r="A13534" t="s">
        <v>33</v>
      </c>
      <c r="B13534" t="s">
        <v>82</v>
      </c>
      <c r="C13534" t="s">
        <v>117</v>
      </c>
      <c r="D13534" t="s">
        <v>118</v>
      </c>
      <c r="E13534">
        <v>2015</v>
      </c>
      <c r="F13534">
        <v>2015</v>
      </c>
      <c r="G13534" t="s">
        <v>126</v>
      </c>
      <c r="H13534" t="s">
        <v>121</v>
      </c>
      <c r="I13534" t="s">
        <v>15</v>
      </c>
      <c r="J13534" s="10">
        <v>26.442332660000002</v>
      </c>
    </row>
    <row r="13535" spans="1:10" x14ac:dyDescent="0.35">
      <c r="A13535" t="s">
        <v>33</v>
      </c>
      <c r="B13535" t="s">
        <v>82</v>
      </c>
      <c r="C13535" t="s">
        <v>117</v>
      </c>
      <c r="D13535" t="s">
        <v>118</v>
      </c>
      <c r="E13535">
        <v>2015</v>
      </c>
      <c r="F13535">
        <v>2015</v>
      </c>
      <c r="G13535" t="s">
        <v>126</v>
      </c>
      <c r="H13535" t="s">
        <v>122</v>
      </c>
      <c r="I13535" t="s">
        <v>15</v>
      </c>
      <c r="J13535" s="10">
        <v>19.800591990000001</v>
      </c>
    </row>
    <row r="13536" spans="1:10" x14ac:dyDescent="0.35">
      <c r="A13536" t="s">
        <v>33</v>
      </c>
      <c r="B13536" t="s">
        <v>82</v>
      </c>
      <c r="C13536" t="s">
        <v>117</v>
      </c>
      <c r="D13536" t="s">
        <v>118</v>
      </c>
      <c r="E13536">
        <v>2015</v>
      </c>
      <c r="F13536">
        <v>2015</v>
      </c>
      <c r="G13536" t="s">
        <v>126</v>
      </c>
      <c r="H13536" t="s">
        <v>123</v>
      </c>
      <c r="I13536" t="s">
        <v>15</v>
      </c>
      <c r="J13536" s="10">
        <v>19.392948019999999</v>
      </c>
    </row>
    <row r="13537" spans="1:10" x14ac:dyDescent="0.35">
      <c r="A13537" t="s">
        <v>33</v>
      </c>
      <c r="B13537" t="s">
        <v>82</v>
      </c>
      <c r="C13537" t="s">
        <v>117</v>
      </c>
      <c r="D13537" t="s">
        <v>118</v>
      </c>
      <c r="E13537">
        <v>2015</v>
      </c>
      <c r="F13537">
        <v>2015</v>
      </c>
      <c r="G13537" t="s">
        <v>126</v>
      </c>
      <c r="H13537" t="s">
        <v>124</v>
      </c>
      <c r="I13537" t="s">
        <v>15</v>
      </c>
      <c r="J13537" s="10">
        <v>3.3805888770000001</v>
      </c>
    </row>
    <row r="13538" spans="1:10" x14ac:dyDescent="0.35">
      <c r="A13538" t="s">
        <v>33</v>
      </c>
      <c r="B13538" t="s">
        <v>82</v>
      </c>
      <c r="C13538" t="s">
        <v>117</v>
      </c>
      <c r="D13538" t="s">
        <v>118</v>
      </c>
      <c r="E13538">
        <v>2014</v>
      </c>
      <c r="F13538">
        <v>2014</v>
      </c>
      <c r="G13538" t="s">
        <v>14</v>
      </c>
      <c r="H13538" t="s">
        <v>119</v>
      </c>
      <c r="I13538" t="s">
        <v>15</v>
      </c>
      <c r="J13538" s="10">
        <v>14.25146438</v>
      </c>
    </row>
    <row r="13539" spans="1:10" x14ac:dyDescent="0.35">
      <c r="A13539" t="s">
        <v>33</v>
      </c>
      <c r="B13539" t="s">
        <v>82</v>
      </c>
      <c r="C13539" t="s">
        <v>117</v>
      </c>
      <c r="D13539" t="s">
        <v>118</v>
      </c>
      <c r="E13539">
        <v>2014</v>
      </c>
      <c r="F13539">
        <v>2014</v>
      </c>
      <c r="G13539" t="s">
        <v>14</v>
      </c>
      <c r="H13539" t="s">
        <v>120</v>
      </c>
      <c r="I13539" t="s">
        <v>15</v>
      </c>
      <c r="J13539" s="10">
        <v>17.11483449</v>
      </c>
    </row>
    <row r="13540" spans="1:10" x14ac:dyDescent="0.35">
      <c r="A13540" t="s">
        <v>33</v>
      </c>
      <c r="B13540" t="s">
        <v>82</v>
      </c>
      <c r="C13540" t="s">
        <v>117</v>
      </c>
      <c r="D13540" t="s">
        <v>118</v>
      </c>
      <c r="E13540">
        <v>2014</v>
      </c>
      <c r="F13540">
        <v>2014</v>
      </c>
      <c r="G13540" t="s">
        <v>14</v>
      </c>
      <c r="H13540" t="s">
        <v>121</v>
      </c>
      <c r="I13540" t="s">
        <v>15</v>
      </c>
      <c r="J13540" s="10">
        <v>27.231984740000001</v>
      </c>
    </row>
    <row r="13541" spans="1:10" x14ac:dyDescent="0.35">
      <c r="A13541" t="s">
        <v>33</v>
      </c>
      <c r="B13541" t="s">
        <v>82</v>
      </c>
      <c r="C13541" t="s">
        <v>117</v>
      </c>
      <c r="D13541" t="s">
        <v>118</v>
      </c>
      <c r="E13541">
        <v>2014</v>
      </c>
      <c r="F13541">
        <v>2014</v>
      </c>
      <c r="G13541" t="s">
        <v>14</v>
      </c>
      <c r="H13541" t="s">
        <v>122</v>
      </c>
      <c r="I13541" t="s">
        <v>15</v>
      </c>
      <c r="J13541" s="10">
        <v>19.878763110000001</v>
      </c>
    </row>
    <row r="13542" spans="1:10" x14ac:dyDescent="0.35">
      <c r="A13542" t="s">
        <v>33</v>
      </c>
      <c r="B13542" t="s">
        <v>82</v>
      </c>
      <c r="C13542" t="s">
        <v>117</v>
      </c>
      <c r="D13542" t="s">
        <v>118</v>
      </c>
      <c r="E13542">
        <v>2014</v>
      </c>
      <c r="F13542">
        <v>2014</v>
      </c>
      <c r="G13542" t="s">
        <v>14</v>
      </c>
      <c r="H13542" t="s">
        <v>123</v>
      </c>
      <c r="I13542" t="s">
        <v>15</v>
      </c>
      <c r="J13542" s="10">
        <v>18.79444217</v>
      </c>
    </row>
    <row r="13543" spans="1:10" x14ac:dyDescent="0.35">
      <c r="A13543" t="s">
        <v>33</v>
      </c>
      <c r="B13543" t="s">
        <v>82</v>
      </c>
      <c r="C13543" t="s">
        <v>117</v>
      </c>
      <c r="D13543" t="s">
        <v>118</v>
      </c>
      <c r="E13543">
        <v>2014</v>
      </c>
      <c r="F13543">
        <v>2014</v>
      </c>
      <c r="G13543" t="s">
        <v>14</v>
      </c>
      <c r="H13543" t="s">
        <v>124</v>
      </c>
      <c r="I13543" t="s">
        <v>15</v>
      </c>
      <c r="J13543" s="10">
        <v>2.7285111020000001</v>
      </c>
    </row>
    <row r="13544" spans="1:10" x14ac:dyDescent="0.35">
      <c r="A13544" t="s">
        <v>33</v>
      </c>
      <c r="B13544" t="s">
        <v>82</v>
      </c>
      <c r="C13544" t="s">
        <v>117</v>
      </c>
      <c r="D13544" t="s">
        <v>118</v>
      </c>
      <c r="E13544">
        <v>2014</v>
      </c>
      <c r="F13544">
        <v>2014</v>
      </c>
      <c r="G13544" t="s">
        <v>125</v>
      </c>
      <c r="H13544" t="s">
        <v>119</v>
      </c>
      <c r="I13544" t="s">
        <v>15</v>
      </c>
      <c r="J13544" s="10">
        <v>15.277975870000001</v>
      </c>
    </row>
    <row r="13545" spans="1:10" x14ac:dyDescent="0.35">
      <c r="A13545" t="s">
        <v>33</v>
      </c>
      <c r="B13545" t="s">
        <v>82</v>
      </c>
      <c r="C13545" t="s">
        <v>117</v>
      </c>
      <c r="D13545" t="s">
        <v>118</v>
      </c>
      <c r="E13545">
        <v>2014</v>
      </c>
      <c r="F13545">
        <v>2014</v>
      </c>
      <c r="G13545" t="s">
        <v>125</v>
      </c>
      <c r="H13545" t="s">
        <v>120</v>
      </c>
      <c r="I13545" t="s">
        <v>15</v>
      </c>
      <c r="J13545" s="10">
        <v>16.727044530000001</v>
      </c>
    </row>
    <row r="13546" spans="1:10" x14ac:dyDescent="0.35">
      <c r="A13546" t="s">
        <v>33</v>
      </c>
      <c r="B13546" t="s">
        <v>82</v>
      </c>
      <c r="C13546" t="s">
        <v>117</v>
      </c>
      <c r="D13546" t="s">
        <v>118</v>
      </c>
      <c r="E13546">
        <v>2014</v>
      </c>
      <c r="F13546">
        <v>2014</v>
      </c>
      <c r="G13546" t="s">
        <v>125</v>
      </c>
      <c r="H13546" t="s">
        <v>121</v>
      </c>
      <c r="I13546" t="s">
        <v>15</v>
      </c>
      <c r="J13546" s="10">
        <v>27.615026960000002</v>
      </c>
    </row>
    <row r="13547" spans="1:10" x14ac:dyDescent="0.35">
      <c r="A13547" t="s">
        <v>33</v>
      </c>
      <c r="B13547" t="s">
        <v>82</v>
      </c>
      <c r="C13547" t="s">
        <v>117</v>
      </c>
      <c r="D13547" t="s">
        <v>118</v>
      </c>
      <c r="E13547">
        <v>2014</v>
      </c>
      <c r="F13547">
        <v>2014</v>
      </c>
      <c r="G13547" t="s">
        <v>125</v>
      </c>
      <c r="H13547" t="s">
        <v>122</v>
      </c>
      <c r="I13547" t="s">
        <v>15</v>
      </c>
      <c r="J13547" s="10">
        <v>20.061613940000001</v>
      </c>
    </row>
    <row r="13548" spans="1:10" x14ac:dyDescent="0.35">
      <c r="A13548" t="s">
        <v>33</v>
      </c>
      <c r="B13548" t="s">
        <v>82</v>
      </c>
      <c r="C13548" t="s">
        <v>117</v>
      </c>
      <c r="D13548" t="s">
        <v>118</v>
      </c>
      <c r="E13548">
        <v>2014</v>
      </c>
      <c r="F13548">
        <v>2014</v>
      </c>
      <c r="G13548" t="s">
        <v>125</v>
      </c>
      <c r="H13548" t="s">
        <v>123</v>
      </c>
      <c r="I13548" t="s">
        <v>15</v>
      </c>
      <c r="J13548" s="10">
        <v>18.355820520000002</v>
      </c>
    </row>
    <row r="13549" spans="1:10" x14ac:dyDescent="0.35">
      <c r="A13549" t="s">
        <v>33</v>
      </c>
      <c r="B13549" t="s">
        <v>82</v>
      </c>
      <c r="C13549" t="s">
        <v>117</v>
      </c>
      <c r="D13549" t="s">
        <v>118</v>
      </c>
      <c r="E13549">
        <v>2014</v>
      </c>
      <c r="F13549">
        <v>2014</v>
      </c>
      <c r="G13549" t="s">
        <v>125</v>
      </c>
      <c r="H13549" t="s">
        <v>124</v>
      </c>
      <c r="I13549" t="s">
        <v>15</v>
      </c>
      <c r="J13549" s="10">
        <v>1.962518185</v>
      </c>
    </row>
    <row r="13550" spans="1:10" x14ac:dyDescent="0.35">
      <c r="A13550" t="s">
        <v>33</v>
      </c>
      <c r="B13550" t="s">
        <v>82</v>
      </c>
      <c r="C13550" t="s">
        <v>117</v>
      </c>
      <c r="D13550" t="s">
        <v>118</v>
      </c>
      <c r="E13550">
        <v>2014</v>
      </c>
      <c r="F13550">
        <v>2014</v>
      </c>
      <c r="G13550" t="s">
        <v>126</v>
      </c>
      <c r="H13550" t="s">
        <v>119</v>
      </c>
      <c r="I13550" t="s">
        <v>15</v>
      </c>
      <c r="J13550" s="10">
        <v>13.31316977</v>
      </c>
    </row>
    <row r="13551" spans="1:10" x14ac:dyDescent="0.35">
      <c r="A13551" t="s">
        <v>33</v>
      </c>
      <c r="B13551" t="s">
        <v>82</v>
      </c>
      <c r="C13551" t="s">
        <v>117</v>
      </c>
      <c r="D13551" t="s">
        <v>118</v>
      </c>
      <c r="E13551">
        <v>2014</v>
      </c>
      <c r="F13551">
        <v>2014</v>
      </c>
      <c r="G13551" t="s">
        <v>126</v>
      </c>
      <c r="H13551" t="s">
        <v>120</v>
      </c>
      <c r="I13551" t="s">
        <v>15</v>
      </c>
      <c r="J13551" s="10">
        <v>17.46929836</v>
      </c>
    </row>
    <row r="13552" spans="1:10" x14ac:dyDescent="0.35">
      <c r="A13552" t="s">
        <v>33</v>
      </c>
      <c r="B13552" t="s">
        <v>82</v>
      </c>
      <c r="C13552" t="s">
        <v>117</v>
      </c>
      <c r="D13552" t="s">
        <v>118</v>
      </c>
      <c r="E13552">
        <v>2014</v>
      </c>
      <c r="F13552">
        <v>2014</v>
      </c>
      <c r="G13552" t="s">
        <v>126</v>
      </c>
      <c r="H13552" t="s">
        <v>121</v>
      </c>
      <c r="I13552" t="s">
        <v>15</v>
      </c>
      <c r="J13552" s="10">
        <v>26.88186061</v>
      </c>
    </row>
    <row r="13553" spans="1:10" x14ac:dyDescent="0.35">
      <c r="A13553" t="s">
        <v>33</v>
      </c>
      <c r="B13553" t="s">
        <v>82</v>
      </c>
      <c r="C13553" t="s">
        <v>117</v>
      </c>
      <c r="D13553" t="s">
        <v>118</v>
      </c>
      <c r="E13553">
        <v>2014</v>
      </c>
      <c r="F13553">
        <v>2014</v>
      </c>
      <c r="G13553" t="s">
        <v>126</v>
      </c>
      <c r="H13553" t="s">
        <v>122</v>
      </c>
      <c r="I13553" t="s">
        <v>15</v>
      </c>
      <c r="J13553" s="10">
        <v>19.711626209999999</v>
      </c>
    </row>
    <row r="13554" spans="1:10" x14ac:dyDescent="0.35">
      <c r="A13554" t="s">
        <v>33</v>
      </c>
      <c r="B13554" t="s">
        <v>82</v>
      </c>
      <c r="C13554" t="s">
        <v>117</v>
      </c>
      <c r="D13554" t="s">
        <v>118</v>
      </c>
      <c r="E13554">
        <v>2014</v>
      </c>
      <c r="F13554">
        <v>2014</v>
      </c>
      <c r="G13554" t="s">
        <v>126</v>
      </c>
      <c r="H13554" t="s">
        <v>123</v>
      </c>
      <c r="I13554" t="s">
        <v>15</v>
      </c>
      <c r="J13554" s="10">
        <v>19.195369329999998</v>
      </c>
    </row>
    <row r="13555" spans="1:10" x14ac:dyDescent="0.35">
      <c r="A13555" t="s">
        <v>33</v>
      </c>
      <c r="B13555" t="s">
        <v>82</v>
      </c>
      <c r="C13555" t="s">
        <v>117</v>
      </c>
      <c r="D13555" t="s">
        <v>118</v>
      </c>
      <c r="E13555">
        <v>2014</v>
      </c>
      <c r="F13555">
        <v>2014</v>
      </c>
      <c r="G13555" t="s">
        <v>126</v>
      </c>
      <c r="H13555" t="s">
        <v>124</v>
      </c>
      <c r="I13555" t="s">
        <v>15</v>
      </c>
      <c r="J13555" s="10">
        <v>3.428675723</v>
      </c>
    </row>
    <row r="13556" spans="1:10" x14ac:dyDescent="0.35">
      <c r="A13556" t="s">
        <v>33</v>
      </c>
      <c r="B13556" t="s">
        <v>82</v>
      </c>
      <c r="C13556" t="s">
        <v>117</v>
      </c>
      <c r="D13556" t="s">
        <v>118</v>
      </c>
      <c r="E13556">
        <v>2013</v>
      </c>
      <c r="F13556">
        <v>2013</v>
      </c>
      <c r="G13556" t="s">
        <v>14</v>
      </c>
      <c r="H13556" t="s">
        <v>119</v>
      </c>
      <c r="I13556" t="s">
        <v>15</v>
      </c>
      <c r="J13556" s="10">
        <v>14.34154285</v>
      </c>
    </row>
    <row r="13557" spans="1:10" x14ac:dyDescent="0.35">
      <c r="A13557" t="s">
        <v>33</v>
      </c>
      <c r="B13557" t="s">
        <v>82</v>
      </c>
      <c r="C13557" t="s">
        <v>117</v>
      </c>
      <c r="D13557" t="s">
        <v>118</v>
      </c>
      <c r="E13557">
        <v>2013</v>
      </c>
      <c r="F13557">
        <v>2013</v>
      </c>
      <c r="G13557" t="s">
        <v>14</v>
      </c>
      <c r="H13557" t="s">
        <v>120</v>
      </c>
      <c r="I13557" t="s">
        <v>15</v>
      </c>
      <c r="J13557" s="10">
        <v>17.351244999999999</v>
      </c>
    </row>
    <row r="13558" spans="1:10" x14ac:dyDescent="0.35">
      <c r="A13558" t="s">
        <v>33</v>
      </c>
      <c r="B13558" t="s">
        <v>82</v>
      </c>
      <c r="C13558" t="s">
        <v>117</v>
      </c>
      <c r="D13558" t="s">
        <v>118</v>
      </c>
      <c r="E13558">
        <v>2013</v>
      </c>
      <c r="F13558">
        <v>2013</v>
      </c>
      <c r="G13558" t="s">
        <v>14</v>
      </c>
      <c r="H13558" t="s">
        <v>121</v>
      </c>
      <c r="I13558" t="s">
        <v>15</v>
      </c>
      <c r="J13558" s="10">
        <v>27.66402063</v>
      </c>
    </row>
    <row r="13559" spans="1:10" x14ac:dyDescent="0.35">
      <c r="A13559" t="s">
        <v>33</v>
      </c>
      <c r="B13559" t="s">
        <v>82</v>
      </c>
      <c r="C13559" t="s">
        <v>117</v>
      </c>
      <c r="D13559" t="s">
        <v>118</v>
      </c>
      <c r="E13559">
        <v>2013</v>
      </c>
      <c r="F13559">
        <v>2013</v>
      </c>
      <c r="G13559" t="s">
        <v>14</v>
      </c>
      <c r="H13559" t="s">
        <v>122</v>
      </c>
      <c r="I13559" t="s">
        <v>15</v>
      </c>
      <c r="J13559" s="10">
        <v>19.76389172</v>
      </c>
    </row>
    <row r="13560" spans="1:10" x14ac:dyDescent="0.35">
      <c r="A13560" t="s">
        <v>33</v>
      </c>
      <c r="B13560" t="s">
        <v>82</v>
      </c>
      <c r="C13560" t="s">
        <v>117</v>
      </c>
      <c r="D13560" t="s">
        <v>118</v>
      </c>
      <c r="E13560">
        <v>2013</v>
      </c>
      <c r="F13560">
        <v>2013</v>
      </c>
      <c r="G13560" t="s">
        <v>14</v>
      </c>
      <c r="H13560" t="s">
        <v>123</v>
      </c>
      <c r="I13560" t="s">
        <v>15</v>
      </c>
      <c r="J13560" s="10">
        <v>18.242757309999998</v>
      </c>
    </row>
    <row r="13561" spans="1:10" x14ac:dyDescent="0.35">
      <c r="A13561" t="s">
        <v>33</v>
      </c>
      <c r="B13561" t="s">
        <v>82</v>
      </c>
      <c r="C13561" t="s">
        <v>117</v>
      </c>
      <c r="D13561" t="s">
        <v>118</v>
      </c>
      <c r="E13561">
        <v>2013</v>
      </c>
      <c r="F13561">
        <v>2013</v>
      </c>
      <c r="G13561" t="s">
        <v>14</v>
      </c>
      <c r="H13561" t="s">
        <v>124</v>
      </c>
      <c r="I13561" t="s">
        <v>15</v>
      </c>
      <c r="J13561" s="10">
        <v>2.6365425060000001</v>
      </c>
    </row>
    <row r="13562" spans="1:10" x14ac:dyDescent="0.35">
      <c r="A13562" t="s">
        <v>33</v>
      </c>
      <c r="B13562" t="s">
        <v>82</v>
      </c>
      <c r="C13562" t="s">
        <v>117</v>
      </c>
      <c r="D13562" t="s">
        <v>118</v>
      </c>
      <c r="E13562">
        <v>2013</v>
      </c>
      <c r="F13562">
        <v>2013</v>
      </c>
      <c r="G13562" t="s">
        <v>125</v>
      </c>
      <c r="H13562" t="s">
        <v>119</v>
      </c>
      <c r="I13562" t="s">
        <v>15</v>
      </c>
      <c r="J13562" s="10">
        <v>15.194126779999999</v>
      </c>
    </row>
    <row r="13563" spans="1:10" x14ac:dyDescent="0.35">
      <c r="A13563" t="s">
        <v>33</v>
      </c>
      <c r="B13563" t="s">
        <v>82</v>
      </c>
      <c r="C13563" t="s">
        <v>117</v>
      </c>
      <c r="D13563" t="s">
        <v>118</v>
      </c>
      <c r="E13563">
        <v>2013</v>
      </c>
      <c r="F13563">
        <v>2013</v>
      </c>
      <c r="G13563" t="s">
        <v>125</v>
      </c>
      <c r="H13563" t="s">
        <v>120</v>
      </c>
      <c r="I13563" t="s">
        <v>15</v>
      </c>
      <c r="J13563" s="10">
        <v>17.224339969999999</v>
      </c>
    </row>
    <row r="13564" spans="1:10" x14ac:dyDescent="0.35">
      <c r="A13564" t="s">
        <v>33</v>
      </c>
      <c r="B13564" t="s">
        <v>82</v>
      </c>
      <c r="C13564" t="s">
        <v>117</v>
      </c>
      <c r="D13564" t="s">
        <v>118</v>
      </c>
      <c r="E13564">
        <v>2013</v>
      </c>
      <c r="F13564">
        <v>2013</v>
      </c>
      <c r="G13564" t="s">
        <v>125</v>
      </c>
      <c r="H13564" t="s">
        <v>121</v>
      </c>
      <c r="I13564" t="s">
        <v>15</v>
      </c>
      <c r="J13564" s="10">
        <v>28.078497809999998</v>
      </c>
    </row>
    <row r="13565" spans="1:10" x14ac:dyDescent="0.35">
      <c r="A13565" t="s">
        <v>33</v>
      </c>
      <c r="B13565" t="s">
        <v>82</v>
      </c>
      <c r="C13565" t="s">
        <v>117</v>
      </c>
      <c r="D13565" t="s">
        <v>118</v>
      </c>
      <c r="E13565">
        <v>2013</v>
      </c>
      <c r="F13565">
        <v>2013</v>
      </c>
      <c r="G13565" t="s">
        <v>125</v>
      </c>
      <c r="H13565" t="s">
        <v>122</v>
      </c>
      <c r="I13565" t="s">
        <v>15</v>
      </c>
      <c r="J13565" s="10">
        <v>19.91811379</v>
      </c>
    </row>
    <row r="13566" spans="1:10" x14ac:dyDescent="0.35">
      <c r="A13566" t="s">
        <v>33</v>
      </c>
      <c r="B13566" t="s">
        <v>82</v>
      </c>
      <c r="C13566" t="s">
        <v>117</v>
      </c>
      <c r="D13566" t="s">
        <v>118</v>
      </c>
      <c r="E13566">
        <v>2013</v>
      </c>
      <c r="F13566">
        <v>2013</v>
      </c>
      <c r="G13566" t="s">
        <v>125</v>
      </c>
      <c r="H13566" t="s">
        <v>123</v>
      </c>
      <c r="I13566" t="s">
        <v>15</v>
      </c>
      <c r="J13566" s="10">
        <v>17.721304530000001</v>
      </c>
    </row>
    <row r="13567" spans="1:10" x14ac:dyDescent="0.35">
      <c r="A13567" t="s">
        <v>33</v>
      </c>
      <c r="B13567" t="s">
        <v>82</v>
      </c>
      <c r="C13567" t="s">
        <v>117</v>
      </c>
      <c r="D13567" t="s">
        <v>118</v>
      </c>
      <c r="E13567">
        <v>2013</v>
      </c>
      <c r="F13567">
        <v>2013</v>
      </c>
      <c r="G13567" t="s">
        <v>125</v>
      </c>
      <c r="H13567" t="s">
        <v>124</v>
      </c>
      <c r="I13567" t="s">
        <v>15</v>
      </c>
      <c r="J13567" s="10">
        <v>1.8636171109999999</v>
      </c>
    </row>
    <row r="13568" spans="1:10" x14ac:dyDescent="0.35">
      <c r="A13568" t="s">
        <v>33</v>
      </c>
      <c r="B13568" t="s">
        <v>82</v>
      </c>
      <c r="C13568" t="s">
        <v>117</v>
      </c>
      <c r="D13568" t="s">
        <v>118</v>
      </c>
      <c r="E13568">
        <v>2013</v>
      </c>
      <c r="F13568">
        <v>2013</v>
      </c>
      <c r="G13568" t="s">
        <v>126</v>
      </c>
      <c r="H13568" t="s">
        <v>119</v>
      </c>
      <c r="I13568" t="s">
        <v>15</v>
      </c>
      <c r="J13568" s="10">
        <v>13.55276907</v>
      </c>
    </row>
    <row r="13569" spans="1:10" x14ac:dyDescent="0.35">
      <c r="A13569" t="s">
        <v>33</v>
      </c>
      <c r="B13569" t="s">
        <v>82</v>
      </c>
      <c r="C13569" t="s">
        <v>117</v>
      </c>
      <c r="D13569" t="s">
        <v>118</v>
      </c>
      <c r="E13569">
        <v>2013</v>
      </c>
      <c r="F13569">
        <v>2013</v>
      </c>
      <c r="G13569" t="s">
        <v>126</v>
      </c>
      <c r="H13569" t="s">
        <v>120</v>
      </c>
      <c r="I13569" t="s">
        <v>15</v>
      </c>
      <c r="J13569" s="10">
        <v>17.468652039999998</v>
      </c>
    </row>
    <row r="13570" spans="1:10" x14ac:dyDescent="0.35">
      <c r="A13570" t="s">
        <v>33</v>
      </c>
      <c r="B13570" t="s">
        <v>82</v>
      </c>
      <c r="C13570" t="s">
        <v>117</v>
      </c>
      <c r="D13570" t="s">
        <v>118</v>
      </c>
      <c r="E13570">
        <v>2013</v>
      </c>
      <c r="F13570">
        <v>2013</v>
      </c>
      <c r="G13570" t="s">
        <v>126</v>
      </c>
      <c r="H13570" t="s">
        <v>121</v>
      </c>
      <c r="I13570" t="s">
        <v>15</v>
      </c>
      <c r="J13570" s="10">
        <v>27.280564259999998</v>
      </c>
    </row>
    <row r="13571" spans="1:10" x14ac:dyDescent="0.35">
      <c r="A13571" t="s">
        <v>33</v>
      </c>
      <c r="B13571" t="s">
        <v>82</v>
      </c>
      <c r="C13571" t="s">
        <v>117</v>
      </c>
      <c r="D13571" t="s">
        <v>118</v>
      </c>
      <c r="E13571">
        <v>2013</v>
      </c>
      <c r="F13571">
        <v>2013</v>
      </c>
      <c r="G13571" t="s">
        <v>126</v>
      </c>
      <c r="H13571" t="s">
        <v>122</v>
      </c>
      <c r="I13571" t="s">
        <v>15</v>
      </c>
      <c r="J13571" s="10">
        <v>19.621212119999999</v>
      </c>
    </row>
    <row r="13572" spans="1:10" x14ac:dyDescent="0.35">
      <c r="A13572" t="s">
        <v>33</v>
      </c>
      <c r="B13572" t="s">
        <v>82</v>
      </c>
      <c r="C13572" t="s">
        <v>117</v>
      </c>
      <c r="D13572" t="s">
        <v>118</v>
      </c>
      <c r="E13572">
        <v>2013</v>
      </c>
      <c r="F13572">
        <v>2013</v>
      </c>
      <c r="G13572" t="s">
        <v>126</v>
      </c>
      <c r="H13572" t="s">
        <v>123</v>
      </c>
      <c r="I13572" t="s">
        <v>15</v>
      </c>
      <c r="J13572" s="10">
        <v>18.72518286</v>
      </c>
    </row>
    <row r="13573" spans="1:10" x14ac:dyDescent="0.35">
      <c r="A13573" t="s">
        <v>33</v>
      </c>
      <c r="B13573" t="s">
        <v>82</v>
      </c>
      <c r="C13573" t="s">
        <v>117</v>
      </c>
      <c r="D13573" t="s">
        <v>118</v>
      </c>
      <c r="E13573">
        <v>2013</v>
      </c>
      <c r="F13573">
        <v>2013</v>
      </c>
      <c r="G13573" t="s">
        <v>126</v>
      </c>
      <c r="H13573" t="s">
        <v>124</v>
      </c>
      <c r="I13573" t="s">
        <v>15</v>
      </c>
      <c r="J13573" s="10">
        <v>3.351619645</v>
      </c>
    </row>
    <row r="13574" spans="1:10" x14ac:dyDescent="0.35">
      <c r="A13574" t="s">
        <v>33</v>
      </c>
      <c r="B13574" t="s">
        <v>82</v>
      </c>
      <c r="C13574" t="s">
        <v>117</v>
      </c>
      <c r="D13574" t="s">
        <v>118</v>
      </c>
      <c r="E13574">
        <v>2012</v>
      </c>
      <c r="F13574">
        <v>2012</v>
      </c>
      <c r="G13574" t="s">
        <v>14</v>
      </c>
      <c r="H13574" t="s">
        <v>119</v>
      </c>
      <c r="I13574" t="s">
        <v>15</v>
      </c>
      <c r="J13574" s="10">
        <v>14.494098380000001</v>
      </c>
    </row>
    <row r="13575" spans="1:10" x14ac:dyDescent="0.35">
      <c r="A13575" t="s">
        <v>33</v>
      </c>
      <c r="B13575" t="s">
        <v>82</v>
      </c>
      <c r="C13575" t="s">
        <v>117</v>
      </c>
      <c r="D13575" t="s">
        <v>118</v>
      </c>
      <c r="E13575">
        <v>2012</v>
      </c>
      <c r="F13575">
        <v>2012</v>
      </c>
      <c r="G13575" t="s">
        <v>14</v>
      </c>
      <c r="H13575" t="s">
        <v>120</v>
      </c>
      <c r="I13575" t="s">
        <v>15</v>
      </c>
      <c r="J13575" s="10">
        <v>17.384185030000001</v>
      </c>
    </row>
    <row r="13576" spans="1:10" x14ac:dyDescent="0.35">
      <c r="A13576" t="s">
        <v>33</v>
      </c>
      <c r="B13576" t="s">
        <v>82</v>
      </c>
      <c r="C13576" t="s">
        <v>117</v>
      </c>
      <c r="D13576" t="s">
        <v>118</v>
      </c>
      <c r="E13576">
        <v>2012</v>
      </c>
      <c r="F13576">
        <v>2012</v>
      </c>
      <c r="G13576" t="s">
        <v>14</v>
      </c>
      <c r="H13576" t="s">
        <v>121</v>
      </c>
      <c r="I13576" t="s">
        <v>15</v>
      </c>
      <c r="J13576" s="10">
        <v>27.869277480000001</v>
      </c>
    </row>
    <row r="13577" spans="1:10" x14ac:dyDescent="0.35">
      <c r="A13577" t="s">
        <v>33</v>
      </c>
      <c r="B13577" t="s">
        <v>82</v>
      </c>
      <c r="C13577" t="s">
        <v>117</v>
      </c>
      <c r="D13577" t="s">
        <v>118</v>
      </c>
      <c r="E13577">
        <v>2012</v>
      </c>
      <c r="F13577">
        <v>2012</v>
      </c>
      <c r="G13577" t="s">
        <v>14</v>
      </c>
      <c r="H13577" t="s">
        <v>122</v>
      </c>
      <c r="I13577" t="s">
        <v>15</v>
      </c>
      <c r="J13577" s="10">
        <v>19.746196359999999</v>
      </c>
    </row>
    <row r="13578" spans="1:10" x14ac:dyDescent="0.35">
      <c r="A13578" t="s">
        <v>33</v>
      </c>
      <c r="B13578" t="s">
        <v>82</v>
      </c>
      <c r="C13578" t="s">
        <v>117</v>
      </c>
      <c r="D13578" t="s">
        <v>118</v>
      </c>
      <c r="E13578">
        <v>2012</v>
      </c>
      <c r="F13578">
        <v>2012</v>
      </c>
      <c r="G13578" t="s">
        <v>14</v>
      </c>
      <c r="H13578" t="s">
        <v>123</v>
      </c>
      <c r="I13578" t="s">
        <v>15</v>
      </c>
      <c r="J13578" s="10">
        <v>17.844033570000001</v>
      </c>
    </row>
    <row r="13579" spans="1:10" x14ac:dyDescent="0.35">
      <c r="A13579" t="s">
        <v>33</v>
      </c>
      <c r="B13579" t="s">
        <v>82</v>
      </c>
      <c r="C13579" t="s">
        <v>117</v>
      </c>
      <c r="D13579" t="s">
        <v>118</v>
      </c>
      <c r="E13579">
        <v>2012</v>
      </c>
      <c r="F13579">
        <v>2012</v>
      </c>
      <c r="G13579" t="s">
        <v>14</v>
      </c>
      <c r="H13579" t="s">
        <v>124</v>
      </c>
      <c r="I13579" t="s">
        <v>15</v>
      </c>
      <c r="J13579" s="10">
        <v>2.6622091829999999</v>
      </c>
    </row>
    <row r="13580" spans="1:10" x14ac:dyDescent="0.35">
      <c r="A13580" t="s">
        <v>33</v>
      </c>
      <c r="B13580" t="s">
        <v>82</v>
      </c>
      <c r="C13580" t="s">
        <v>117</v>
      </c>
      <c r="D13580" t="s">
        <v>118</v>
      </c>
      <c r="E13580">
        <v>2012</v>
      </c>
      <c r="F13580">
        <v>2012</v>
      </c>
      <c r="G13580" t="s">
        <v>125</v>
      </c>
      <c r="H13580" t="s">
        <v>119</v>
      </c>
      <c r="I13580" t="s">
        <v>15</v>
      </c>
      <c r="J13580" s="10">
        <v>15.406464809999999</v>
      </c>
    </row>
    <row r="13581" spans="1:10" x14ac:dyDescent="0.35">
      <c r="A13581" t="s">
        <v>33</v>
      </c>
      <c r="B13581" t="s">
        <v>82</v>
      </c>
      <c r="C13581" t="s">
        <v>117</v>
      </c>
      <c r="D13581" t="s">
        <v>118</v>
      </c>
      <c r="E13581">
        <v>2012</v>
      </c>
      <c r="F13581">
        <v>2012</v>
      </c>
      <c r="G13581" t="s">
        <v>125</v>
      </c>
      <c r="H13581" t="s">
        <v>120</v>
      </c>
      <c r="I13581" t="s">
        <v>15</v>
      </c>
      <c r="J13581" s="10">
        <v>17.187411239999999</v>
      </c>
    </row>
    <row r="13582" spans="1:10" x14ac:dyDescent="0.35">
      <c r="A13582" t="s">
        <v>33</v>
      </c>
      <c r="B13582" t="s">
        <v>82</v>
      </c>
      <c r="C13582" t="s">
        <v>117</v>
      </c>
      <c r="D13582" t="s">
        <v>118</v>
      </c>
      <c r="E13582">
        <v>2012</v>
      </c>
      <c r="F13582">
        <v>2012</v>
      </c>
      <c r="G13582" t="s">
        <v>125</v>
      </c>
      <c r="H13582" t="s">
        <v>121</v>
      </c>
      <c r="I13582" t="s">
        <v>15</v>
      </c>
      <c r="J13582" s="10">
        <v>28.338919499999999</v>
      </c>
    </row>
    <row r="13583" spans="1:10" x14ac:dyDescent="0.35">
      <c r="A13583" t="s">
        <v>33</v>
      </c>
      <c r="B13583" t="s">
        <v>82</v>
      </c>
      <c r="C13583" t="s">
        <v>117</v>
      </c>
      <c r="D13583" t="s">
        <v>118</v>
      </c>
      <c r="E13583">
        <v>2012</v>
      </c>
      <c r="F13583">
        <v>2012</v>
      </c>
      <c r="G13583" t="s">
        <v>125</v>
      </c>
      <c r="H13583" t="s">
        <v>122</v>
      </c>
      <c r="I13583" t="s">
        <v>15</v>
      </c>
      <c r="J13583" s="10">
        <v>19.95114469</v>
      </c>
    </row>
    <row r="13584" spans="1:10" x14ac:dyDescent="0.35">
      <c r="A13584" t="s">
        <v>33</v>
      </c>
      <c r="B13584" t="s">
        <v>82</v>
      </c>
      <c r="C13584" t="s">
        <v>117</v>
      </c>
      <c r="D13584" t="s">
        <v>118</v>
      </c>
      <c r="E13584">
        <v>2012</v>
      </c>
      <c r="F13584">
        <v>2012</v>
      </c>
      <c r="G13584" t="s">
        <v>125</v>
      </c>
      <c r="H13584" t="s">
        <v>123</v>
      </c>
      <c r="I13584" t="s">
        <v>15</v>
      </c>
      <c r="J13584" s="10">
        <v>17.283985680000001</v>
      </c>
    </row>
    <row r="13585" spans="1:10" x14ac:dyDescent="0.35">
      <c r="A13585" t="s">
        <v>33</v>
      </c>
      <c r="B13585" t="s">
        <v>82</v>
      </c>
      <c r="C13585" t="s">
        <v>117</v>
      </c>
      <c r="D13585" t="s">
        <v>118</v>
      </c>
      <c r="E13585">
        <v>2012</v>
      </c>
      <c r="F13585">
        <v>2012</v>
      </c>
      <c r="G13585" t="s">
        <v>125</v>
      </c>
      <c r="H13585" t="s">
        <v>124</v>
      </c>
      <c r="I13585" t="s">
        <v>15</v>
      </c>
      <c r="J13585" s="10">
        <v>1.832074078</v>
      </c>
    </row>
    <row r="13586" spans="1:10" x14ac:dyDescent="0.35">
      <c r="A13586" t="s">
        <v>33</v>
      </c>
      <c r="B13586" t="s">
        <v>82</v>
      </c>
      <c r="C13586" t="s">
        <v>117</v>
      </c>
      <c r="D13586" t="s">
        <v>118</v>
      </c>
      <c r="E13586">
        <v>2012</v>
      </c>
      <c r="F13586">
        <v>2012</v>
      </c>
      <c r="G13586" t="s">
        <v>126</v>
      </c>
      <c r="H13586" t="s">
        <v>119</v>
      </c>
      <c r="I13586" t="s">
        <v>15</v>
      </c>
      <c r="J13586" s="10">
        <v>13.650568549999999</v>
      </c>
    </row>
    <row r="13587" spans="1:10" x14ac:dyDescent="0.35">
      <c r="A13587" t="s">
        <v>33</v>
      </c>
      <c r="B13587" t="s">
        <v>82</v>
      </c>
      <c r="C13587" t="s">
        <v>117</v>
      </c>
      <c r="D13587" t="s">
        <v>118</v>
      </c>
      <c r="E13587">
        <v>2012</v>
      </c>
      <c r="F13587">
        <v>2012</v>
      </c>
      <c r="G13587" t="s">
        <v>126</v>
      </c>
      <c r="H13587" t="s">
        <v>120</v>
      </c>
      <c r="I13587" t="s">
        <v>15</v>
      </c>
      <c r="J13587" s="10">
        <v>17.566112560000001</v>
      </c>
    </row>
    <row r="13588" spans="1:10" x14ac:dyDescent="0.35">
      <c r="A13588" t="s">
        <v>33</v>
      </c>
      <c r="B13588" t="s">
        <v>82</v>
      </c>
      <c r="C13588" t="s">
        <v>117</v>
      </c>
      <c r="D13588" t="s">
        <v>118</v>
      </c>
      <c r="E13588">
        <v>2012</v>
      </c>
      <c r="F13588">
        <v>2012</v>
      </c>
      <c r="G13588" t="s">
        <v>126</v>
      </c>
      <c r="H13588" t="s">
        <v>121</v>
      </c>
      <c r="I13588" t="s">
        <v>15</v>
      </c>
      <c r="J13588" s="10">
        <v>27.435069200000001</v>
      </c>
    </row>
    <row r="13589" spans="1:10" x14ac:dyDescent="0.35">
      <c r="A13589" t="s">
        <v>33</v>
      </c>
      <c r="B13589" t="s">
        <v>82</v>
      </c>
      <c r="C13589" t="s">
        <v>117</v>
      </c>
      <c r="D13589" t="s">
        <v>118</v>
      </c>
      <c r="E13589">
        <v>2012</v>
      </c>
      <c r="F13589">
        <v>2012</v>
      </c>
      <c r="G13589" t="s">
        <v>126</v>
      </c>
      <c r="H13589" t="s">
        <v>122</v>
      </c>
      <c r="I13589" t="s">
        <v>15</v>
      </c>
      <c r="J13589" s="10">
        <v>19.556711050000001</v>
      </c>
    </row>
    <row r="13590" spans="1:10" x14ac:dyDescent="0.35">
      <c r="A13590" t="s">
        <v>33</v>
      </c>
      <c r="B13590" t="s">
        <v>82</v>
      </c>
      <c r="C13590" t="s">
        <v>117</v>
      </c>
      <c r="D13590" t="s">
        <v>118</v>
      </c>
      <c r="E13590">
        <v>2012</v>
      </c>
      <c r="F13590">
        <v>2012</v>
      </c>
      <c r="G13590" t="s">
        <v>126</v>
      </c>
      <c r="H13590" t="s">
        <v>123</v>
      </c>
      <c r="I13590" t="s">
        <v>15</v>
      </c>
      <c r="J13590" s="10">
        <v>18.361826730000001</v>
      </c>
    </row>
    <row r="13591" spans="1:10" x14ac:dyDescent="0.35">
      <c r="A13591" t="s">
        <v>33</v>
      </c>
      <c r="B13591" t="s">
        <v>82</v>
      </c>
      <c r="C13591" t="s">
        <v>117</v>
      </c>
      <c r="D13591" t="s">
        <v>118</v>
      </c>
      <c r="E13591">
        <v>2012</v>
      </c>
      <c r="F13591">
        <v>2012</v>
      </c>
      <c r="G13591" t="s">
        <v>126</v>
      </c>
      <c r="H13591" t="s">
        <v>124</v>
      </c>
      <c r="I13591" t="s">
        <v>15</v>
      </c>
      <c r="J13591" s="10">
        <v>3.4297119149999999</v>
      </c>
    </row>
    <row r="13592" spans="1:10" x14ac:dyDescent="0.35">
      <c r="A13592" t="s">
        <v>33</v>
      </c>
      <c r="B13592" t="s">
        <v>82</v>
      </c>
      <c r="C13592" t="s">
        <v>117</v>
      </c>
      <c r="D13592" t="s">
        <v>118</v>
      </c>
      <c r="E13592">
        <v>2011</v>
      </c>
      <c r="F13592">
        <v>2011</v>
      </c>
      <c r="G13592" t="s">
        <v>14</v>
      </c>
      <c r="H13592" t="s">
        <v>119</v>
      </c>
      <c r="I13592" t="s">
        <v>15</v>
      </c>
      <c r="J13592" s="10">
        <v>14.62364412</v>
      </c>
    </row>
    <row r="13593" spans="1:10" x14ac:dyDescent="0.35">
      <c r="A13593" t="s">
        <v>33</v>
      </c>
      <c r="B13593" t="s">
        <v>82</v>
      </c>
      <c r="C13593" t="s">
        <v>117</v>
      </c>
      <c r="D13593" t="s">
        <v>118</v>
      </c>
      <c r="E13593">
        <v>2011</v>
      </c>
      <c r="F13593">
        <v>2011</v>
      </c>
      <c r="G13593" t="s">
        <v>14</v>
      </c>
      <c r="H13593" t="s">
        <v>120</v>
      </c>
      <c r="I13593" t="s">
        <v>15</v>
      </c>
      <c r="J13593" s="10">
        <v>17.000123420000001</v>
      </c>
    </row>
    <row r="13594" spans="1:10" x14ac:dyDescent="0.35">
      <c r="A13594" t="s">
        <v>33</v>
      </c>
      <c r="B13594" t="s">
        <v>82</v>
      </c>
      <c r="C13594" t="s">
        <v>117</v>
      </c>
      <c r="D13594" t="s">
        <v>118</v>
      </c>
      <c r="E13594">
        <v>2011</v>
      </c>
      <c r="F13594">
        <v>2011</v>
      </c>
      <c r="G13594" t="s">
        <v>14</v>
      </c>
      <c r="H13594" t="s">
        <v>121</v>
      </c>
      <c r="I13594" t="s">
        <v>15</v>
      </c>
      <c r="J13594" s="10">
        <v>28.469755769999999</v>
      </c>
    </row>
    <row r="13595" spans="1:10" x14ac:dyDescent="0.35">
      <c r="A13595" t="s">
        <v>33</v>
      </c>
      <c r="B13595" t="s">
        <v>82</v>
      </c>
      <c r="C13595" t="s">
        <v>117</v>
      </c>
      <c r="D13595" t="s">
        <v>118</v>
      </c>
      <c r="E13595">
        <v>2011</v>
      </c>
      <c r="F13595">
        <v>2011</v>
      </c>
      <c r="G13595" t="s">
        <v>14</v>
      </c>
      <c r="H13595" t="s">
        <v>122</v>
      </c>
      <c r="I13595" t="s">
        <v>15</v>
      </c>
      <c r="J13595" s="10">
        <v>20.03620257</v>
      </c>
    </row>
    <row r="13596" spans="1:10" x14ac:dyDescent="0.35">
      <c r="A13596" t="s">
        <v>33</v>
      </c>
      <c r="B13596" t="s">
        <v>82</v>
      </c>
      <c r="C13596" t="s">
        <v>117</v>
      </c>
      <c r="D13596" t="s">
        <v>118</v>
      </c>
      <c r="E13596">
        <v>2011</v>
      </c>
      <c r="F13596">
        <v>2011</v>
      </c>
      <c r="G13596" t="s">
        <v>14</v>
      </c>
      <c r="H13596" t="s">
        <v>123</v>
      </c>
      <c r="I13596" t="s">
        <v>15</v>
      </c>
      <c r="J13596" s="10">
        <v>17.214047690000001</v>
      </c>
    </row>
    <row r="13597" spans="1:10" x14ac:dyDescent="0.35">
      <c r="A13597" t="s">
        <v>33</v>
      </c>
      <c r="B13597" t="s">
        <v>82</v>
      </c>
      <c r="C13597" t="s">
        <v>117</v>
      </c>
      <c r="D13597" t="s">
        <v>118</v>
      </c>
      <c r="E13597">
        <v>2011</v>
      </c>
      <c r="F13597">
        <v>2011</v>
      </c>
      <c r="G13597" t="s">
        <v>14</v>
      </c>
      <c r="H13597" t="s">
        <v>124</v>
      </c>
      <c r="I13597" t="s">
        <v>15</v>
      </c>
      <c r="J13597" s="10">
        <v>2.6562264309999999</v>
      </c>
    </row>
    <row r="13598" spans="1:10" x14ac:dyDescent="0.35">
      <c r="A13598" t="s">
        <v>33</v>
      </c>
      <c r="B13598" t="s">
        <v>82</v>
      </c>
      <c r="C13598" t="s">
        <v>117</v>
      </c>
      <c r="D13598" t="s">
        <v>118</v>
      </c>
      <c r="E13598">
        <v>2011</v>
      </c>
      <c r="F13598">
        <v>2011</v>
      </c>
      <c r="G13598" t="s">
        <v>125</v>
      </c>
      <c r="H13598" t="s">
        <v>119</v>
      </c>
      <c r="I13598" t="s">
        <v>15</v>
      </c>
      <c r="J13598" s="10">
        <v>15.57056929</v>
      </c>
    </row>
    <row r="13599" spans="1:10" x14ac:dyDescent="0.35">
      <c r="A13599" t="s">
        <v>33</v>
      </c>
      <c r="B13599" t="s">
        <v>82</v>
      </c>
      <c r="C13599" t="s">
        <v>117</v>
      </c>
      <c r="D13599" t="s">
        <v>118</v>
      </c>
      <c r="E13599">
        <v>2011</v>
      </c>
      <c r="F13599">
        <v>2011</v>
      </c>
      <c r="G13599" t="s">
        <v>125</v>
      </c>
      <c r="H13599" t="s">
        <v>120</v>
      </c>
      <c r="I13599" t="s">
        <v>15</v>
      </c>
      <c r="J13599" s="10">
        <v>16.80207532</v>
      </c>
    </row>
    <row r="13600" spans="1:10" x14ac:dyDescent="0.35">
      <c r="A13600" t="s">
        <v>33</v>
      </c>
      <c r="B13600" t="s">
        <v>82</v>
      </c>
      <c r="C13600" t="s">
        <v>117</v>
      </c>
      <c r="D13600" t="s">
        <v>118</v>
      </c>
      <c r="E13600">
        <v>2011</v>
      </c>
      <c r="F13600">
        <v>2011</v>
      </c>
      <c r="G13600" t="s">
        <v>125</v>
      </c>
      <c r="H13600" t="s">
        <v>121</v>
      </c>
      <c r="I13600" t="s">
        <v>15</v>
      </c>
      <c r="J13600" s="10">
        <v>29.048718610000002</v>
      </c>
    </row>
    <row r="13601" spans="1:10" x14ac:dyDescent="0.35">
      <c r="A13601" t="s">
        <v>33</v>
      </c>
      <c r="B13601" t="s">
        <v>82</v>
      </c>
      <c r="C13601" t="s">
        <v>117</v>
      </c>
      <c r="D13601" t="s">
        <v>118</v>
      </c>
      <c r="E13601">
        <v>2011</v>
      </c>
      <c r="F13601">
        <v>2011</v>
      </c>
      <c r="G13601" t="s">
        <v>125</v>
      </c>
      <c r="H13601" t="s">
        <v>122</v>
      </c>
      <c r="I13601" t="s">
        <v>15</v>
      </c>
      <c r="J13601" s="10">
        <v>20.220074690000001</v>
      </c>
    </row>
    <row r="13602" spans="1:10" x14ac:dyDescent="0.35">
      <c r="A13602" t="s">
        <v>33</v>
      </c>
      <c r="B13602" t="s">
        <v>82</v>
      </c>
      <c r="C13602" t="s">
        <v>117</v>
      </c>
      <c r="D13602" t="s">
        <v>118</v>
      </c>
      <c r="E13602">
        <v>2011</v>
      </c>
      <c r="F13602">
        <v>2011</v>
      </c>
      <c r="G13602" t="s">
        <v>125</v>
      </c>
      <c r="H13602" t="s">
        <v>123</v>
      </c>
      <c r="I13602" t="s">
        <v>15</v>
      </c>
      <c r="J13602" s="10">
        <v>16.51415377</v>
      </c>
    </row>
    <row r="13603" spans="1:10" x14ac:dyDescent="0.35">
      <c r="A13603" t="s">
        <v>33</v>
      </c>
      <c r="B13603" t="s">
        <v>82</v>
      </c>
      <c r="C13603" t="s">
        <v>117</v>
      </c>
      <c r="D13603" t="s">
        <v>118</v>
      </c>
      <c r="E13603">
        <v>2011</v>
      </c>
      <c r="F13603">
        <v>2011</v>
      </c>
      <c r="G13603" t="s">
        <v>125</v>
      </c>
      <c r="H13603" t="s">
        <v>124</v>
      </c>
      <c r="I13603" t="s">
        <v>15</v>
      </c>
      <c r="J13603" s="10">
        <v>1.844408335</v>
      </c>
    </row>
    <row r="13604" spans="1:10" x14ac:dyDescent="0.35">
      <c r="A13604" t="s">
        <v>33</v>
      </c>
      <c r="B13604" t="s">
        <v>82</v>
      </c>
      <c r="C13604" t="s">
        <v>117</v>
      </c>
      <c r="D13604" t="s">
        <v>118</v>
      </c>
      <c r="E13604">
        <v>2011</v>
      </c>
      <c r="F13604">
        <v>2011</v>
      </c>
      <c r="G13604" t="s">
        <v>126</v>
      </c>
      <c r="H13604" t="s">
        <v>119</v>
      </c>
      <c r="I13604" t="s">
        <v>15</v>
      </c>
      <c r="J13604" s="10">
        <v>13.74590424</v>
      </c>
    </row>
    <row r="13605" spans="1:10" x14ac:dyDescent="0.35">
      <c r="A13605" t="s">
        <v>33</v>
      </c>
      <c r="B13605" t="s">
        <v>82</v>
      </c>
      <c r="C13605" t="s">
        <v>117</v>
      </c>
      <c r="D13605" t="s">
        <v>118</v>
      </c>
      <c r="E13605">
        <v>2011</v>
      </c>
      <c r="F13605">
        <v>2011</v>
      </c>
      <c r="G13605" t="s">
        <v>126</v>
      </c>
      <c r="H13605" t="s">
        <v>120</v>
      </c>
      <c r="I13605" t="s">
        <v>15</v>
      </c>
      <c r="J13605" s="10">
        <v>17.183701509999999</v>
      </c>
    </row>
    <row r="13606" spans="1:10" x14ac:dyDescent="0.35">
      <c r="A13606" t="s">
        <v>33</v>
      </c>
      <c r="B13606" t="s">
        <v>82</v>
      </c>
      <c r="C13606" t="s">
        <v>117</v>
      </c>
      <c r="D13606" t="s">
        <v>118</v>
      </c>
      <c r="E13606">
        <v>2011</v>
      </c>
      <c r="F13606">
        <v>2011</v>
      </c>
      <c r="G13606" t="s">
        <v>126</v>
      </c>
      <c r="H13606" t="s">
        <v>121</v>
      </c>
      <c r="I13606" t="s">
        <v>15</v>
      </c>
      <c r="J13606" s="10">
        <v>27.933093750000001</v>
      </c>
    </row>
    <row r="13607" spans="1:10" x14ac:dyDescent="0.35">
      <c r="A13607" t="s">
        <v>33</v>
      </c>
      <c r="B13607" t="s">
        <v>82</v>
      </c>
      <c r="C13607" t="s">
        <v>117</v>
      </c>
      <c r="D13607" t="s">
        <v>118</v>
      </c>
      <c r="E13607">
        <v>2011</v>
      </c>
      <c r="F13607">
        <v>2011</v>
      </c>
      <c r="G13607" t="s">
        <v>126</v>
      </c>
      <c r="H13607" t="s">
        <v>122</v>
      </c>
      <c r="I13607" t="s">
        <v>15</v>
      </c>
      <c r="J13607" s="10">
        <v>19.865764720000001</v>
      </c>
    </row>
    <row r="13608" spans="1:10" x14ac:dyDescent="0.35">
      <c r="A13608" t="s">
        <v>33</v>
      </c>
      <c r="B13608" t="s">
        <v>82</v>
      </c>
      <c r="C13608" t="s">
        <v>117</v>
      </c>
      <c r="D13608" t="s">
        <v>118</v>
      </c>
      <c r="E13608">
        <v>2011</v>
      </c>
      <c r="F13608">
        <v>2011</v>
      </c>
      <c r="G13608" t="s">
        <v>126</v>
      </c>
      <c r="H13608" t="s">
        <v>123</v>
      </c>
      <c r="I13608" t="s">
        <v>15</v>
      </c>
      <c r="J13608" s="10">
        <v>17.8628052</v>
      </c>
    </row>
    <row r="13609" spans="1:10" x14ac:dyDescent="0.35">
      <c r="A13609" t="s">
        <v>33</v>
      </c>
      <c r="B13609" t="s">
        <v>82</v>
      </c>
      <c r="C13609" t="s">
        <v>117</v>
      </c>
      <c r="D13609" t="s">
        <v>118</v>
      </c>
      <c r="E13609">
        <v>2011</v>
      </c>
      <c r="F13609">
        <v>2011</v>
      </c>
      <c r="G13609" t="s">
        <v>126</v>
      </c>
      <c r="H13609" t="s">
        <v>124</v>
      </c>
      <c r="I13609" t="s">
        <v>15</v>
      </c>
      <c r="J13609" s="10">
        <v>3.4087305780000001</v>
      </c>
    </row>
    <row r="13610" spans="1:10" x14ac:dyDescent="0.35">
      <c r="A13610" t="s">
        <v>26</v>
      </c>
      <c r="B13610" t="s">
        <v>83</v>
      </c>
      <c r="C13610" t="s">
        <v>117</v>
      </c>
      <c r="D13610" t="s">
        <v>118</v>
      </c>
      <c r="E13610">
        <v>2020</v>
      </c>
      <c r="F13610">
        <v>2020</v>
      </c>
      <c r="G13610" t="s">
        <v>14</v>
      </c>
      <c r="H13610" t="s">
        <v>119</v>
      </c>
      <c r="I13610" t="s">
        <v>15</v>
      </c>
      <c r="J13610" s="10">
        <v>15.94196429</v>
      </c>
    </row>
    <row r="13611" spans="1:10" x14ac:dyDescent="0.35">
      <c r="A13611" t="s">
        <v>26</v>
      </c>
      <c r="B13611" t="s">
        <v>83</v>
      </c>
      <c r="C13611" t="s">
        <v>117</v>
      </c>
      <c r="D13611" t="s">
        <v>118</v>
      </c>
      <c r="E13611">
        <v>2020</v>
      </c>
      <c r="F13611">
        <v>2020</v>
      </c>
      <c r="G13611" t="s">
        <v>14</v>
      </c>
      <c r="H13611" t="s">
        <v>120</v>
      </c>
      <c r="I13611" t="s">
        <v>15</v>
      </c>
      <c r="J13611" s="10">
        <v>8.0044642859999993</v>
      </c>
    </row>
    <row r="13612" spans="1:10" x14ac:dyDescent="0.35">
      <c r="A13612" t="s">
        <v>26</v>
      </c>
      <c r="B13612" t="s">
        <v>83</v>
      </c>
      <c r="C13612" t="s">
        <v>117</v>
      </c>
      <c r="D13612" t="s">
        <v>118</v>
      </c>
      <c r="E13612">
        <v>2020</v>
      </c>
      <c r="F13612">
        <v>2020</v>
      </c>
      <c r="G13612" t="s">
        <v>14</v>
      </c>
      <c r="H13612" t="s">
        <v>121</v>
      </c>
      <c r="I13612" t="s">
        <v>15</v>
      </c>
      <c r="J13612" s="10">
        <v>28.39285714</v>
      </c>
    </row>
    <row r="13613" spans="1:10" x14ac:dyDescent="0.35">
      <c r="A13613" t="s">
        <v>26</v>
      </c>
      <c r="B13613" t="s">
        <v>83</v>
      </c>
      <c r="C13613" t="s">
        <v>117</v>
      </c>
      <c r="D13613" t="s">
        <v>118</v>
      </c>
      <c r="E13613">
        <v>2020</v>
      </c>
      <c r="F13613">
        <v>2020</v>
      </c>
      <c r="G13613" t="s">
        <v>14</v>
      </c>
      <c r="H13613" t="s">
        <v>122</v>
      </c>
      <c r="I13613" t="s">
        <v>15</v>
      </c>
      <c r="J13613" s="10">
        <v>23.36160714</v>
      </c>
    </row>
    <row r="13614" spans="1:10" x14ac:dyDescent="0.35">
      <c r="A13614" t="s">
        <v>26</v>
      </c>
      <c r="B13614" t="s">
        <v>83</v>
      </c>
      <c r="C13614" t="s">
        <v>117</v>
      </c>
      <c r="D13614" t="s">
        <v>118</v>
      </c>
      <c r="E13614">
        <v>2020</v>
      </c>
      <c r="F13614">
        <v>2020</v>
      </c>
      <c r="G13614" t="s">
        <v>14</v>
      </c>
      <c r="H13614" t="s">
        <v>123</v>
      </c>
      <c r="I13614" t="s">
        <v>15</v>
      </c>
      <c r="J13614" s="10">
        <v>21.428571430000002</v>
      </c>
    </row>
    <row r="13615" spans="1:10" x14ac:dyDescent="0.35">
      <c r="A13615" t="s">
        <v>26</v>
      </c>
      <c r="B13615" t="s">
        <v>83</v>
      </c>
      <c r="C13615" t="s">
        <v>117</v>
      </c>
      <c r="D13615" t="s">
        <v>118</v>
      </c>
      <c r="E13615">
        <v>2020</v>
      </c>
      <c r="F13615">
        <v>2020</v>
      </c>
      <c r="G13615" t="s">
        <v>14</v>
      </c>
      <c r="H13615" t="s">
        <v>124</v>
      </c>
      <c r="I13615" t="s">
        <v>15</v>
      </c>
      <c r="J13615" s="10">
        <v>2.8705357139999998</v>
      </c>
    </row>
    <row r="13616" spans="1:10" x14ac:dyDescent="0.35">
      <c r="A13616" t="s">
        <v>26</v>
      </c>
      <c r="B13616" t="s">
        <v>83</v>
      </c>
      <c r="C13616" t="s">
        <v>117</v>
      </c>
      <c r="D13616" t="s">
        <v>118</v>
      </c>
      <c r="E13616">
        <v>2020</v>
      </c>
      <c r="F13616">
        <v>2020</v>
      </c>
      <c r="G13616" t="s">
        <v>125</v>
      </c>
      <c r="H13616" t="s">
        <v>119</v>
      </c>
      <c r="I13616" t="s">
        <v>15</v>
      </c>
      <c r="J13616" s="10">
        <v>16.533739579999999</v>
      </c>
    </row>
    <row r="13617" spans="1:10" x14ac:dyDescent="0.35">
      <c r="A13617" t="s">
        <v>26</v>
      </c>
      <c r="B13617" t="s">
        <v>83</v>
      </c>
      <c r="C13617" t="s">
        <v>117</v>
      </c>
      <c r="D13617" t="s">
        <v>118</v>
      </c>
      <c r="E13617">
        <v>2020</v>
      </c>
      <c r="F13617">
        <v>2020</v>
      </c>
      <c r="G13617" t="s">
        <v>125</v>
      </c>
      <c r="H13617" t="s">
        <v>120</v>
      </c>
      <c r="I13617" t="s">
        <v>15</v>
      </c>
      <c r="J13617" s="10">
        <v>8.8807240790000002</v>
      </c>
    </row>
    <row r="13618" spans="1:10" x14ac:dyDescent="0.35">
      <c r="A13618" t="s">
        <v>26</v>
      </c>
      <c r="B13618" t="s">
        <v>83</v>
      </c>
      <c r="C13618" t="s">
        <v>117</v>
      </c>
      <c r="D13618" t="s">
        <v>118</v>
      </c>
      <c r="E13618">
        <v>2020</v>
      </c>
      <c r="F13618">
        <v>2020</v>
      </c>
      <c r="G13618" t="s">
        <v>125</v>
      </c>
      <c r="H13618" t="s">
        <v>121</v>
      </c>
      <c r="I13618" t="s">
        <v>15</v>
      </c>
      <c r="J13618" s="10">
        <v>27.592078140000002</v>
      </c>
    </row>
    <row r="13619" spans="1:10" x14ac:dyDescent="0.35">
      <c r="A13619" t="s">
        <v>26</v>
      </c>
      <c r="B13619" t="s">
        <v>83</v>
      </c>
      <c r="C13619" t="s">
        <v>117</v>
      </c>
      <c r="D13619" t="s">
        <v>118</v>
      </c>
      <c r="E13619">
        <v>2020</v>
      </c>
      <c r="F13619">
        <v>2020</v>
      </c>
      <c r="G13619" t="s">
        <v>125</v>
      </c>
      <c r="H13619" t="s">
        <v>122</v>
      </c>
      <c r="I13619" t="s">
        <v>15</v>
      </c>
      <c r="J13619" s="10">
        <v>23.702840760000001</v>
      </c>
    </row>
    <row r="13620" spans="1:10" x14ac:dyDescent="0.35">
      <c r="A13620" t="s">
        <v>26</v>
      </c>
      <c r="B13620" t="s">
        <v>83</v>
      </c>
      <c r="C13620" t="s">
        <v>117</v>
      </c>
      <c r="D13620" t="s">
        <v>118</v>
      </c>
      <c r="E13620">
        <v>2020</v>
      </c>
      <c r="F13620">
        <v>2020</v>
      </c>
      <c r="G13620" t="s">
        <v>125</v>
      </c>
      <c r="H13620" t="s">
        <v>123</v>
      </c>
      <c r="I13620" t="s">
        <v>15</v>
      </c>
      <c r="J13620" s="10">
        <v>20.96065956</v>
      </c>
    </row>
    <row r="13621" spans="1:10" x14ac:dyDescent="0.35">
      <c r="A13621" t="s">
        <v>26</v>
      </c>
      <c r="B13621" t="s">
        <v>83</v>
      </c>
      <c r="C13621" t="s">
        <v>117</v>
      </c>
      <c r="D13621" t="s">
        <v>118</v>
      </c>
      <c r="E13621">
        <v>2020</v>
      </c>
      <c r="F13621">
        <v>2020</v>
      </c>
      <c r="G13621" t="s">
        <v>125</v>
      </c>
      <c r="H13621" t="s">
        <v>124</v>
      </c>
      <c r="I13621" t="s">
        <v>15</v>
      </c>
      <c r="J13621" s="10">
        <v>2.329957882</v>
      </c>
    </row>
    <row r="13622" spans="1:10" x14ac:dyDescent="0.35">
      <c r="A13622" t="s">
        <v>26</v>
      </c>
      <c r="B13622" t="s">
        <v>83</v>
      </c>
      <c r="C13622" t="s">
        <v>117</v>
      </c>
      <c r="D13622" t="s">
        <v>118</v>
      </c>
      <c r="E13622">
        <v>2020</v>
      </c>
      <c r="F13622">
        <v>2020</v>
      </c>
      <c r="G13622" t="s">
        <v>126</v>
      </c>
      <c r="H13622" t="s">
        <v>119</v>
      </c>
      <c r="I13622" t="s">
        <v>15</v>
      </c>
      <c r="J13622" s="10">
        <v>15.354505830000001</v>
      </c>
    </row>
    <row r="13623" spans="1:10" x14ac:dyDescent="0.35">
      <c r="A13623" t="s">
        <v>26</v>
      </c>
      <c r="B13623" t="s">
        <v>83</v>
      </c>
      <c r="C13623" t="s">
        <v>117</v>
      </c>
      <c r="D13623" t="s">
        <v>118</v>
      </c>
      <c r="E13623">
        <v>2020</v>
      </c>
      <c r="F13623">
        <v>2020</v>
      </c>
      <c r="G13623" t="s">
        <v>126</v>
      </c>
      <c r="H13623" t="s">
        <v>120</v>
      </c>
      <c r="I13623" t="s">
        <v>15</v>
      </c>
      <c r="J13623" s="10">
        <v>7.1345965659999999</v>
      </c>
    </row>
    <row r="13624" spans="1:10" x14ac:dyDescent="0.35">
      <c r="A13624" t="s">
        <v>26</v>
      </c>
      <c r="B13624" t="s">
        <v>83</v>
      </c>
      <c r="C13624" t="s">
        <v>117</v>
      </c>
      <c r="D13624" t="s">
        <v>118</v>
      </c>
      <c r="E13624">
        <v>2020</v>
      </c>
      <c r="F13624">
        <v>2020</v>
      </c>
      <c r="G13624" t="s">
        <v>126</v>
      </c>
      <c r="H13624" t="s">
        <v>121</v>
      </c>
      <c r="I13624" t="s">
        <v>15</v>
      </c>
      <c r="J13624" s="10">
        <v>29.18779468</v>
      </c>
    </row>
    <row r="13625" spans="1:10" x14ac:dyDescent="0.35">
      <c r="A13625" t="s">
        <v>26</v>
      </c>
      <c r="B13625" t="s">
        <v>83</v>
      </c>
      <c r="C13625" t="s">
        <v>117</v>
      </c>
      <c r="D13625" t="s">
        <v>118</v>
      </c>
      <c r="E13625">
        <v>2020</v>
      </c>
      <c r="F13625">
        <v>2020</v>
      </c>
      <c r="G13625" t="s">
        <v>126</v>
      </c>
      <c r="H13625" t="s">
        <v>122</v>
      </c>
      <c r="I13625" t="s">
        <v>15</v>
      </c>
      <c r="J13625" s="10">
        <v>23.02286273</v>
      </c>
    </row>
    <row r="13626" spans="1:10" x14ac:dyDescent="0.35">
      <c r="A13626" t="s">
        <v>26</v>
      </c>
      <c r="B13626" t="s">
        <v>83</v>
      </c>
      <c r="C13626" t="s">
        <v>117</v>
      </c>
      <c r="D13626" t="s">
        <v>118</v>
      </c>
      <c r="E13626">
        <v>2020</v>
      </c>
      <c r="F13626">
        <v>2020</v>
      </c>
      <c r="G13626" t="s">
        <v>126</v>
      </c>
      <c r="H13626" t="s">
        <v>123</v>
      </c>
      <c r="I13626" t="s">
        <v>15</v>
      </c>
      <c r="J13626" s="10">
        <v>21.893070009999999</v>
      </c>
    </row>
    <row r="13627" spans="1:10" x14ac:dyDescent="0.35">
      <c r="A13627" t="s">
        <v>26</v>
      </c>
      <c r="B13627" t="s">
        <v>83</v>
      </c>
      <c r="C13627" t="s">
        <v>117</v>
      </c>
      <c r="D13627" t="s">
        <v>118</v>
      </c>
      <c r="E13627">
        <v>2020</v>
      </c>
      <c r="F13627">
        <v>2020</v>
      </c>
      <c r="G13627" t="s">
        <v>126</v>
      </c>
      <c r="H13627" t="s">
        <v>124</v>
      </c>
      <c r="I13627" t="s">
        <v>15</v>
      </c>
      <c r="J13627" s="10">
        <v>3.4071701810000001</v>
      </c>
    </row>
    <row r="13628" spans="1:10" x14ac:dyDescent="0.35">
      <c r="A13628" t="s">
        <v>26</v>
      </c>
      <c r="B13628" t="s">
        <v>83</v>
      </c>
      <c r="C13628" t="s">
        <v>117</v>
      </c>
      <c r="D13628" t="s">
        <v>118</v>
      </c>
      <c r="E13628">
        <v>2019</v>
      </c>
      <c r="F13628">
        <v>2019</v>
      </c>
      <c r="G13628" t="s">
        <v>14</v>
      </c>
      <c r="H13628" t="s">
        <v>119</v>
      </c>
      <c r="I13628" t="s">
        <v>15</v>
      </c>
      <c r="J13628" s="10">
        <v>16.084418500000002</v>
      </c>
    </row>
    <row r="13629" spans="1:10" x14ac:dyDescent="0.35">
      <c r="A13629" t="s">
        <v>26</v>
      </c>
      <c r="B13629" t="s">
        <v>83</v>
      </c>
      <c r="C13629" t="s">
        <v>117</v>
      </c>
      <c r="D13629" t="s">
        <v>118</v>
      </c>
      <c r="E13629">
        <v>2019</v>
      </c>
      <c r="F13629">
        <v>2019</v>
      </c>
      <c r="G13629" t="s">
        <v>14</v>
      </c>
      <c r="H13629" t="s">
        <v>120</v>
      </c>
      <c r="I13629" t="s">
        <v>15</v>
      </c>
      <c r="J13629" s="10">
        <v>8.2936686119999994</v>
      </c>
    </row>
    <row r="13630" spans="1:10" x14ac:dyDescent="0.35">
      <c r="A13630" t="s">
        <v>26</v>
      </c>
      <c r="B13630" t="s">
        <v>83</v>
      </c>
      <c r="C13630" t="s">
        <v>117</v>
      </c>
      <c r="D13630" t="s">
        <v>118</v>
      </c>
      <c r="E13630">
        <v>2019</v>
      </c>
      <c r="F13630">
        <v>2019</v>
      </c>
      <c r="G13630" t="s">
        <v>14</v>
      </c>
      <c r="H13630" t="s">
        <v>121</v>
      </c>
      <c r="I13630" t="s">
        <v>15</v>
      </c>
      <c r="J13630" s="10">
        <v>28.563089359999999</v>
      </c>
    </row>
    <row r="13631" spans="1:10" x14ac:dyDescent="0.35">
      <c r="A13631" t="s">
        <v>26</v>
      </c>
      <c r="B13631" t="s">
        <v>83</v>
      </c>
      <c r="C13631" t="s">
        <v>117</v>
      </c>
      <c r="D13631" t="s">
        <v>118</v>
      </c>
      <c r="E13631">
        <v>2019</v>
      </c>
      <c r="F13631">
        <v>2019</v>
      </c>
      <c r="G13631" t="s">
        <v>14</v>
      </c>
      <c r="H13631" t="s">
        <v>122</v>
      </c>
      <c r="I13631" t="s">
        <v>15</v>
      </c>
      <c r="J13631" s="10">
        <v>23.23304894</v>
      </c>
    </row>
    <row r="13632" spans="1:10" x14ac:dyDescent="0.35">
      <c r="A13632" t="s">
        <v>26</v>
      </c>
      <c r="B13632" t="s">
        <v>83</v>
      </c>
      <c r="C13632" t="s">
        <v>117</v>
      </c>
      <c r="D13632" t="s">
        <v>118</v>
      </c>
      <c r="E13632">
        <v>2019</v>
      </c>
      <c r="F13632">
        <v>2019</v>
      </c>
      <c r="G13632" t="s">
        <v>14</v>
      </c>
      <c r="H13632" t="s">
        <v>123</v>
      </c>
      <c r="I13632" t="s">
        <v>15</v>
      </c>
      <c r="J13632" s="10">
        <v>21.095644360000001</v>
      </c>
    </row>
    <row r="13633" spans="1:10" x14ac:dyDescent="0.35">
      <c r="A13633" t="s">
        <v>26</v>
      </c>
      <c r="B13633" t="s">
        <v>83</v>
      </c>
      <c r="C13633" t="s">
        <v>117</v>
      </c>
      <c r="D13633" t="s">
        <v>118</v>
      </c>
      <c r="E13633">
        <v>2019</v>
      </c>
      <c r="F13633">
        <v>2019</v>
      </c>
      <c r="G13633" t="s">
        <v>14</v>
      </c>
      <c r="H13633" t="s">
        <v>124</v>
      </c>
      <c r="I13633" t="s">
        <v>15</v>
      </c>
      <c r="J13633" s="10">
        <v>2.7301302199999999</v>
      </c>
    </row>
    <row r="13634" spans="1:10" x14ac:dyDescent="0.35">
      <c r="A13634" t="s">
        <v>26</v>
      </c>
      <c r="B13634" t="s">
        <v>83</v>
      </c>
      <c r="C13634" t="s">
        <v>117</v>
      </c>
      <c r="D13634" t="s">
        <v>118</v>
      </c>
      <c r="E13634">
        <v>2019</v>
      </c>
      <c r="F13634">
        <v>2019</v>
      </c>
      <c r="G13634" t="s">
        <v>125</v>
      </c>
      <c r="H13634" t="s">
        <v>119</v>
      </c>
      <c r="I13634" t="s">
        <v>15</v>
      </c>
      <c r="J13634" s="10">
        <v>16.79595887</v>
      </c>
    </row>
    <row r="13635" spans="1:10" x14ac:dyDescent="0.35">
      <c r="A13635" t="s">
        <v>26</v>
      </c>
      <c r="B13635" t="s">
        <v>83</v>
      </c>
      <c r="C13635" t="s">
        <v>117</v>
      </c>
      <c r="D13635" t="s">
        <v>118</v>
      </c>
      <c r="E13635">
        <v>2019</v>
      </c>
      <c r="F13635">
        <v>2019</v>
      </c>
      <c r="G13635" t="s">
        <v>125</v>
      </c>
      <c r="H13635" t="s">
        <v>120</v>
      </c>
      <c r="I13635" t="s">
        <v>15</v>
      </c>
      <c r="J13635" s="10">
        <v>9.074508389</v>
      </c>
    </row>
    <row r="13636" spans="1:10" x14ac:dyDescent="0.35">
      <c r="A13636" t="s">
        <v>26</v>
      </c>
      <c r="B13636" t="s">
        <v>83</v>
      </c>
      <c r="C13636" t="s">
        <v>117</v>
      </c>
      <c r="D13636" t="s">
        <v>118</v>
      </c>
      <c r="E13636">
        <v>2019</v>
      </c>
      <c r="F13636">
        <v>2019</v>
      </c>
      <c r="G13636" t="s">
        <v>125</v>
      </c>
      <c r="H13636" t="s">
        <v>121</v>
      </c>
      <c r="I13636" t="s">
        <v>15</v>
      </c>
      <c r="J13636" s="10">
        <v>27.737687170000001</v>
      </c>
    </row>
    <row r="13637" spans="1:10" x14ac:dyDescent="0.35">
      <c r="A13637" t="s">
        <v>26</v>
      </c>
      <c r="B13637" t="s">
        <v>83</v>
      </c>
      <c r="C13637" t="s">
        <v>117</v>
      </c>
      <c r="D13637" t="s">
        <v>118</v>
      </c>
      <c r="E13637">
        <v>2019</v>
      </c>
      <c r="F13637">
        <v>2019</v>
      </c>
      <c r="G13637" t="s">
        <v>125</v>
      </c>
      <c r="H13637" t="s">
        <v>122</v>
      </c>
      <c r="I13637" t="s">
        <v>15</v>
      </c>
      <c r="J13637" s="10">
        <v>23.471044559999999</v>
      </c>
    </row>
    <row r="13638" spans="1:10" x14ac:dyDescent="0.35">
      <c r="A13638" t="s">
        <v>26</v>
      </c>
      <c r="B13638" t="s">
        <v>83</v>
      </c>
      <c r="C13638" t="s">
        <v>117</v>
      </c>
      <c r="D13638" t="s">
        <v>118</v>
      </c>
      <c r="E13638">
        <v>2019</v>
      </c>
      <c r="F13638">
        <v>2019</v>
      </c>
      <c r="G13638" t="s">
        <v>125</v>
      </c>
      <c r="H13638" t="s">
        <v>123</v>
      </c>
      <c r="I13638" t="s">
        <v>15</v>
      </c>
      <c r="J13638" s="10">
        <v>20.764928739999998</v>
      </c>
    </row>
    <row r="13639" spans="1:10" x14ac:dyDescent="0.35">
      <c r="A13639" t="s">
        <v>26</v>
      </c>
      <c r="B13639" t="s">
        <v>83</v>
      </c>
      <c r="C13639" t="s">
        <v>117</v>
      </c>
      <c r="D13639" t="s">
        <v>118</v>
      </c>
      <c r="E13639">
        <v>2019</v>
      </c>
      <c r="F13639">
        <v>2019</v>
      </c>
      <c r="G13639" t="s">
        <v>125</v>
      </c>
      <c r="H13639" t="s">
        <v>124</v>
      </c>
      <c r="I13639" t="s">
        <v>15</v>
      </c>
      <c r="J13639" s="10">
        <v>2.1558722709999998</v>
      </c>
    </row>
    <row r="13640" spans="1:10" x14ac:dyDescent="0.35">
      <c r="A13640" t="s">
        <v>26</v>
      </c>
      <c r="B13640" t="s">
        <v>83</v>
      </c>
      <c r="C13640" t="s">
        <v>117</v>
      </c>
      <c r="D13640" t="s">
        <v>118</v>
      </c>
      <c r="E13640">
        <v>2019</v>
      </c>
      <c r="F13640">
        <v>2019</v>
      </c>
      <c r="G13640" t="s">
        <v>126</v>
      </c>
      <c r="H13640" t="s">
        <v>119</v>
      </c>
      <c r="I13640" t="s">
        <v>15</v>
      </c>
      <c r="J13640" s="10">
        <v>15.37911302</v>
      </c>
    </row>
    <row r="13641" spans="1:10" x14ac:dyDescent="0.35">
      <c r="A13641" t="s">
        <v>26</v>
      </c>
      <c r="B13641" t="s">
        <v>83</v>
      </c>
      <c r="C13641" t="s">
        <v>117</v>
      </c>
      <c r="D13641" t="s">
        <v>118</v>
      </c>
      <c r="E13641">
        <v>2019</v>
      </c>
      <c r="F13641">
        <v>2019</v>
      </c>
      <c r="G13641" t="s">
        <v>126</v>
      </c>
      <c r="H13641" t="s">
        <v>120</v>
      </c>
      <c r="I13641" t="s">
        <v>15</v>
      </c>
      <c r="J13641" s="10">
        <v>7.5196709589999999</v>
      </c>
    </row>
    <row r="13642" spans="1:10" x14ac:dyDescent="0.35">
      <c r="A13642" t="s">
        <v>26</v>
      </c>
      <c r="B13642" t="s">
        <v>83</v>
      </c>
      <c r="C13642" t="s">
        <v>117</v>
      </c>
      <c r="D13642" t="s">
        <v>118</v>
      </c>
      <c r="E13642">
        <v>2019</v>
      </c>
      <c r="F13642">
        <v>2019</v>
      </c>
      <c r="G13642" t="s">
        <v>126</v>
      </c>
      <c r="H13642" t="s">
        <v>121</v>
      </c>
      <c r="I13642" t="s">
        <v>15</v>
      </c>
      <c r="J13642" s="10">
        <v>29.381258939999999</v>
      </c>
    </row>
    <row r="13643" spans="1:10" x14ac:dyDescent="0.35">
      <c r="A13643" t="s">
        <v>26</v>
      </c>
      <c r="B13643" t="s">
        <v>83</v>
      </c>
      <c r="C13643" t="s">
        <v>117</v>
      </c>
      <c r="D13643" t="s">
        <v>118</v>
      </c>
      <c r="E13643">
        <v>2019</v>
      </c>
      <c r="F13643">
        <v>2019</v>
      </c>
      <c r="G13643" t="s">
        <v>126</v>
      </c>
      <c r="H13643" t="s">
        <v>122</v>
      </c>
      <c r="I13643" t="s">
        <v>15</v>
      </c>
      <c r="J13643" s="10">
        <v>22.997138769999999</v>
      </c>
    </row>
    <row r="13644" spans="1:10" x14ac:dyDescent="0.35">
      <c r="A13644" t="s">
        <v>26</v>
      </c>
      <c r="B13644" t="s">
        <v>83</v>
      </c>
      <c r="C13644" t="s">
        <v>117</v>
      </c>
      <c r="D13644" t="s">
        <v>118</v>
      </c>
      <c r="E13644">
        <v>2019</v>
      </c>
      <c r="F13644">
        <v>2019</v>
      </c>
      <c r="G13644" t="s">
        <v>126</v>
      </c>
      <c r="H13644" t="s">
        <v>123</v>
      </c>
      <c r="I13644" t="s">
        <v>15</v>
      </c>
      <c r="J13644" s="10">
        <v>21.423462090000001</v>
      </c>
    </row>
    <row r="13645" spans="1:10" x14ac:dyDescent="0.35">
      <c r="A13645" t="s">
        <v>26</v>
      </c>
      <c r="B13645" t="s">
        <v>83</v>
      </c>
      <c r="C13645" t="s">
        <v>117</v>
      </c>
      <c r="D13645" t="s">
        <v>118</v>
      </c>
      <c r="E13645">
        <v>2019</v>
      </c>
      <c r="F13645">
        <v>2019</v>
      </c>
      <c r="G13645" t="s">
        <v>126</v>
      </c>
      <c r="H13645" t="s">
        <v>124</v>
      </c>
      <c r="I13645" t="s">
        <v>15</v>
      </c>
      <c r="J13645" s="10">
        <v>3.2993562230000002</v>
      </c>
    </row>
    <row r="13646" spans="1:10" x14ac:dyDescent="0.35">
      <c r="A13646" t="s">
        <v>26</v>
      </c>
      <c r="B13646" t="s">
        <v>83</v>
      </c>
      <c r="C13646" t="s">
        <v>117</v>
      </c>
      <c r="D13646" t="s">
        <v>118</v>
      </c>
      <c r="E13646">
        <v>2018</v>
      </c>
      <c r="F13646">
        <v>2018</v>
      </c>
      <c r="G13646" t="s">
        <v>14</v>
      </c>
      <c r="H13646" t="s">
        <v>119</v>
      </c>
      <c r="I13646" t="s">
        <v>15</v>
      </c>
      <c r="J13646" s="10">
        <v>15.97115818</v>
      </c>
    </row>
    <row r="13647" spans="1:10" x14ac:dyDescent="0.35">
      <c r="A13647" t="s">
        <v>26</v>
      </c>
      <c r="B13647" t="s">
        <v>83</v>
      </c>
      <c r="C13647" t="s">
        <v>117</v>
      </c>
      <c r="D13647" t="s">
        <v>118</v>
      </c>
      <c r="E13647">
        <v>2018</v>
      </c>
      <c r="F13647">
        <v>2018</v>
      </c>
      <c r="G13647" t="s">
        <v>14</v>
      </c>
      <c r="H13647" t="s">
        <v>120</v>
      </c>
      <c r="I13647" t="s">
        <v>15</v>
      </c>
      <c r="J13647" s="10">
        <v>8.5488958989999997</v>
      </c>
    </row>
    <row r="13648" spans="1:10" x14ac:dyDescent="0.35">
      <c r="A13648" t="s">
        <v>26</v>
      </c>
      <c r="B13648" t="s">
        <v>83</v>
      </c>
      <c r="C13648" t="s">
        <v>117</v>
      </c>
      <c r="D13648" t="s">
        <v>118</v>
      </c>
      <c r="E13648">
        <v>2018</v>
      </c>
      <c r="F13648">
        <v>2018</v>
      </c>
      <c r="G13648" t="s">
        <v>14</v>
      </c>
      <c r="H13648" t="s">
        <v>121</v>
      </c>
      <c r="I13648" t="s">
        <v>15</v>
      </c>
      <c r="J13648" s="10">
        <v>28.706624609999999</v>
      </c>
    </row>
    <row r="13649" spans="1:10" x14ac:dyDescent="0.35">
      <c r="A13649" t="s">
        <v>26</v>
      </c>
      <c r="B13649" t="s">
        <v>83</v>
      </c>
      <c r="C13649" t="s">
        <v>117</v>
      </c>
      <c r="D13649" t="s">
        <v>118</v>
      </c>
      <c r="E13649">
        <v>2018</v>
      </c>
      <c r="F13649">
        <v>2018</v>
      </c>
      <c r="G13649" t="s">
        <v>14</v>
      </c>
      <c r="H13649" t="s">
        <v>122</v>
      </c>
      <c r="I13649" t="s">
        <v>15</v>
      </c>
      <c r="J13649" s="10">
        <v>23.186119869999999</v>
      </c>
    </row>
    <row r="13650" spans="1:10" x14ac:dyDescent="0.35">
      <c r="A13650" t="s">
        <v>26</v>
      </c>
      <c r="B13650" t="s">
        <v>83</v>
      </c>
      <c r="C13650" t="s">
        <v>117</v>
      </c>
      <c r="D13650" t="s">
        <v>118</v>
      </c>
      <c r="E13650">
        <v>2018</v>
      </c>
      <c r="F13650">
        <v>2018</v>
      </c>
      <c r="G13650" t="s">
        <v>14</v>
      </c>
      <c r="H13650" t="s">
        <v>123</v>
      </c>
      <c r="I13650" t="s">
        <v>15</v>
      </c>
      <c r="J13650" s="10">
        <v>20.946372239999999</v>
      </c>
    </row>
    <row r="13651" spans="1:10" x14ac:dyDescent="0.35">
      <c r="A13651" t="s">
        <v>26</v>
      </c>
      <c r="B13651" t="s">
        <v>83</v>
      </c>
      <c r="C13651" t="s">
        <v>117</v>
      </c>
      <c r="D13651" t="s">
        <v>118</v>
      </c>
      <c r="E13651">
        <v>2018</v>
      </c>
      <c r="F13651">
        <v>2018</v>
      </c>
      <c r="G13651" t="s">
        <v>14</v>
      </c>
      <c r="H13651" t="s">
        <v>124</v>
      </c>
      <c r="I13651" t="s">
        <v>15</v>
      </c>
      <c r="J13651" s="10">
        <v>2.6408292019999999</v>
      </c>
    </row>
    <row r="13652" spans="1:10" x14ac:dyDescent="0.35">
      <c r="A13652" t="s">
        <v>26</v>
      </c>
      <c r="B13652" t="s">
        <v>83</v>
      </c>
      <c r="C13652" t="s">
        <v>117</v>
      </c>
      <c r="D13652" t="s">
        <v>118</v>
      </c>
      <c r="E13652">
        <v>2018</v>
      </c>
      <c r="F13652">
        <v>2018</v>
      </c>
      <c r="G13652" t="s">
        <v>125</v>
      </c>
      <c r="H13652" t="s">
        <v>119</v>
      </c>
      <c r="I13652" t="s">
        <v>15</v>
      </c>
      <c r="J13652" s="10">
        <v>16.468883049999999</v>
      </c>
    </row>
    <row r="13653" spans="1:10" x14ac:dyDescent="0.35">
      <c r="A13653" t="s">
        <v>26</v>
      </c>
      <c r="B13653" t="s">
        <v>83</v>
      </c>
      <c r="C13653" t="s">
        <v>117</v>
      </c>
      <c r="D13653" t="s">
        <v>118</v>
      </c>
      <c r="E13653">
        <v>2018</v>
      </c>
      <c r="F13653">
        <v>2018</v>
      </c>
      <c r="G13653" t="s">
        <v>125</v>
      </c>
      <c r="H13653" t="s">
        <v>120</v>
      </c>
      <c r="I13653" t="s">
        <v>15</v>
      </c>
      <c r="J13653" s="10">
        <v>9.3214965119999995</v>
      </c>
    </row>
    <row r="13654" spans="1:10" x14ac:dyDescent="0.35">
      <c r="A13654" t="s">
        <v>26</v>
      </c>
      <c r="B13654" t="s">
        <v>83</v>
      </c>
      <c r="C13654" t="s">
        <v>117</v>
      </c>
      <c r="D13654" t="s">
        <v>118</v>
      </c>
      <c r="E13654">
        <v>2018</v>
      </c>
      <c r="F13654">
        <v>2018</v>
      </c>
      <c r="G13654" t="s">
        <v>125</v>
      </c>
      <c r="H13654" t="s">
        <v>121</v>
      </c>
      <c r="I13654" t="s">
        <v>15</v>
      </c>
      <c r="J13654" s="10">
        <v>27.937313159999999</v>
      </c>
    </row>
    <row r="13655" spans="1:10" x14ac:dyDescent="0.35">
      <c r="A13655" t="s">
        <v>26</v>
      </c>
      <c r="B13655" t="s">
        <v>83</v>
      </c>
      <c r="C13655" t="s">
        <v>117</v>
      </c>
      <c r="D13655" t="s">
        <v>118</v>
      </c>
      <c r="E13655">
        <v>2018</v>
      </c>
      <c r="F13655">
        <v>2018</v>
      </c>
      <c r="G13655" t="s">
        <v>125</v>
      </c>
      <c r="H13655" t="s">
        <v>122</v>
      </c>
      <c r="I13655" t="s">
        <v>15</v>
      </c>
      <c r="J13655" s="10">
        <v>23.724975090000001</v>
      </c>
    </row>
    <row r="13656" spans="1:10" x14ac:dyDescent="0.35">
      <c r="A13656" t="s">
        <v>26</v>
      </c>
      <c r="B13656" t="s">
        <v>83</v>
      </c>
      <c r="C13656" t="s">
        <v>117</v>
      </c>
      <c r="D13656" t="s">
        <v>118</v>
      </c>
      <c r="E13656">
        <v>2018</v>
      </c>
      <c r="F13656">
        <v>2018</v>
      </c>
      <c r="G13656" t="s">
        <v>125</v>
      </c>
      <c r="H13656" t="s">
        <v>123</v>
      </c>
      <c r="I13656" t="s">
        <v>15</v>
      </c>
      <c r="J13656" s="10">
        <v>20.47286892</v>
      </c>
    </row>
    <row r="13657" spans="1:10" x14ac:dyDescent="0.35">
      <c r="A13657" t="s">
        <v>26</v>
      </c>
      <c r="B13657" t="s">
        <v>83</v>
      </c>
      <c r="C13657" t="s">
        <v>117</v>
      </c>
      <c r="D13657" t="s">
        <v>118</v>
      </c>
      <c r="E13657">
        <v>2018</v>
      </c>
      <c r="F13657">
        <v>2018</v>
      </c>
      <c r="G13657" t="s">
        <v>125</v>
      </c>
      <c r="H13657" t="s">
        <v>124</v>
      </c>
      <c r="I13657" t="s">
        <v>15</v>
      </c>
      <c r="J13657" s="10">
        <v>2.0744632670000001</v>
      </c>
    </row>
    <row r="13658" spans="1:10" x14ac:dyDescent="0.35">
      <c r="A13658" t="s">
        <v>26</v>
      </c>
      <c r="B13658" t="s">
        <v>83</v>
      </c>
      <c r="C13658" t="s">
        <v>117</v>
      </c>
      <c r="D13658" t="s">
        <v>118</v>
      </c>
      <c r="E13658">
        <v>2018</v>
      </c>
      <c r="F13658">
        <v>2018</v>
      </c>
      <c r="G13658" t="s">
        <v>126</v>
      </c>
      <c r="H13658" t="s">
        <v>119</v>
      </c>
      <c r="I13658" t="s">
        <v>15</v>
      </c>
      <c r="J13658" s="10">
        <v>15.47843243</v>
      </c>
    </row>
    <row r="13659" spans="1:10" x14ac:dyDescent="0.35">
      <c r="A13659" t="s">
        <v>26</v>
      </c>
      <c r="B13659" t="s">
        <v>83</v>
      </c>
      <c r="C13659" t="s">
        <v>117</v>
      </c>
      <c r="D13659" t="s">
        <v>118</v>
      </c>
      <c r="E13659">
        <v>2018</v>
      </c>
      <c r="F13659">
        <v>2018</v>
      </c>
      <c r="G13659" t="s">
        <v>126</v>
      </c>
      <c r="H13659" t="s">
        <v>120</v>
      </c>
      <c r="I13659" t="s">
        <v>15</v>
      </c>
      <c r="J13659" s="10">
        <v>7.784055242</v>
      </c>
    </row>
    <row r="13660" spans="1:10" x14ac:dyDescent="0.35">
      <c r="A13660" t="s">
        <v>26</v>
      </c>
      <c r="B13660" t="s">
        <v>83</v>
      </c>
      <c r="C13660" t="s">
        <v>117</v>
      </c>
      <c r="D13660" t="s">
        <v>118</v>
      </c>
      <c r="E13660">
        <v>2018</v>
      </c>
      <c r="F13660">
        <v>2018</v>
      </c>
      <c r="G13660" t="s">
        <v>126</v>
      </c>
      <c r="H13660" t="s">
        <v>121</v>
      </c>
      <c r="I13660" t="s">
        <v>15</v>
      </c>
      <c r="J13660" s="10">
        <v>29.468209130000002</v>
      </c>
    </row>
    <row r="13661" spans="1:10" x14ac:dyDescent="0.35">
      <c r="A13661" t="s">
        <v>26</v>
      </c>
      <c r="B13661" t="s">
        <v>83</v>
      </c>
      <c r="C13661" t="s">
        <v>117</v>
      </c>
      <c r="D13661" t="s">
        <v>118</v>
      </c>
      <c r="E13661">
        <v>2018</v>
      </c>
      <c r="F13661">
        <v>2018</v>
      </c>
      <c r="G13661" t="s">
        <v>126</v>
      </c>
      <c r="H13661" t="s">
        <v>122</v>
      </c>
      <c r="I13661" t="s">
        <v>15</v>
      </c>
      <c r="J13661" s="10">
        <v>22.652676889999999</v>
      </c>
    </row>
    <row r="13662" spans="1:10" x14ac:dyDescent="0.35">
      <c r="A13662" t="s">
        <v>26</v>
      </c>
      <c r="B13662" t="s">
        <v>83</v>
      </c>
      <c r="C13662" t="s">
        <v>117</v>
      </c>
      <c r="D13662" t="s">
        <v>118</v>
      </c>
      <c r="E13662">
        <v>2018</v>
      </c>
      <c r="F13662">
        <v>2018</v>
      </c>
      <c r="G13662" t="s">
        <v>126</v>
      </c>
      <c r="H13662" t="s">
        <v>123</v>
      </c>
      <c r="I13662" t="s">
        <v>15</v>
      </c>
      <c r="J13662" s="10">
        <v>21.41511972</v>
      </c>
    </row>
    <row r="13663" spans="1:10" x14ac:dyDescent="0.35">
      <c r="A13663" t="s">
        <v>26</v>
      </c>
      <c r="B13663" t="s">
        <v>83</v>
      </c>
      <c r="C13663" t="s">
        <v>117</v>
      </c>
      <c r="D13663" t="s">
        <v>118</v>
      </c>
      <c r="E13663">
        <v>2018</v>
      </c>
      <c r="F13663">
        <v>2018</v>
      </c>
      <c r="G13663" t="s">
        <v>126</v>
      </c>
      <c r="H13663" t="s">
        <v>124</v>
      </c>
      <c r="I13663" t="s">
        <v>15</v>
      </c>
      <c r="J13663" s="10">
        <v>3.2015065909999998</v>
      </c>
    </row>
    <row r="13664" spans="1:10" x14ac:dyDescent="0.35">
      <c r="A13664" t="s">
        <v>26</v>
      </c>
      <c r="B13664" t="s">
        <v>83</v>
      </c>
      <c r="C13664" t="s">
        <v>117</v>
      </c>
      <c r="D13664" t="s">
        <v>118</v>
      </c>
      <c r="E13664">
        <v>2017</v>
      </c>
      <c r="F13664">
        <v>2017</v>
      </c>
      <c r="G13664" t="s">
        <v>14</v>
      </c>
      <c r="H13664" t="s">
        <v>119</v>
      </c>
      <c r="I13664" t="s">
        <v>15</v>
      </c>
      <c r="J13664" s="10">
        <v>16.113636360000001</v>
      </c>
    </row>
    <row r="13665" spans="1:10" x14ac:dyDescent="0.35">
      <c r="A13665" t="s">
        <v>26</v>
      </c>
      <c r="B13665" t="s">
        <v>83</v>
      </c>
      <c r="C13665" t="s">
        <v>117</v>
      </c>
      <c r="D13665" t="s">
        <v>118</v>
      </c>
      <c r="E13665">
        <v>2017</v>
      </c>
      <c r="F13665">
        <v>2017</v>
      </c>
      <c r="G13665" t="s">
        <v>14</v>
      </c>
      <c r="H13665" t="s">
        <v>120</v>
      </c>
      <c r="I13665" t="s">
        <v>15</v>
      </c>
      <c r="J13665" s="10">
        <v>8.9136363640000003</v>
      </c>
    </row>
    <row r="13666" spans="1:10" x14ac:dyDescent="0.35">
      <c r="A13666" t="s">
        <v>26</v>
      </c>
      <c r="B13666" t="s">
        <v>83</v>
      </c>
      <c r="C13666" t="s">
        <v>117</v>
      </c>
      <c r="D13666" t="s">
        <v>118</v>
      </c>
      <c r="E13666">
        <v>2017</v>
      </c>
      <c r="F13666">
        <v>2017</v>
      </c>
      <c r="G13666" t="s">
        <v>14</v>
      </c>
      <c r="H13666" t="s">
        <v>121</v>
      </c>
      <c r="I13666" t="s">
        <v>15</v>
      </c>
      <c r="J13666" s="10">
        <v>28.827272730000001</v>
      </c>
    </row>
    <row r="13667" spans="1:10" x14ac:dyDescent="0.35">
      <c r="A13667" t="s">
        <v>26</v>
      </c>
      <c r="B13667" t="s">
        <v>83</v>
      </c>
      <c r="C13667" t="s">
        <v>117</v>
      </c>
      <c r="D13667" t="s">
        <v>118</v>
      </c>
      <c r="E13667">
        <v>2017</v>
      </c>
      <c r="F13667">
        <v>2017</v>
      </c>
      <c r="G13667" t="s">
        <v>14</v>
      </c>
      <c r="H13667" t="s">
        <v>122</v>
      </c>
      <c r="I13667" t="s">
        <v>15</v>
      </c>
      <c r="J13667" s="10">
        <v>23.086363639999998</v>
      </c>
    </row>
    <row r="13668" spans="1:10" x14ac:dyDescent="0.35">
      <c r="A13668" t="s">
        <v>26</v>
      </c>
      <c r="B13668" t="s">
        <v>83</v>
      </c>
      <c r="C13668" t="s">
        <v>117</v>
      </c>
      <c r="D13668" t="s">
        <v>118</v>
      </c>
      <c r="E13668">
        <v>2017</v>
      </c>
      <c r="F13668">
        <v>2017</v>
      </c>
      <c r="G13668" t="s">
        <v>14</v>
      </c>
      <c r="H13668" t="s">
        <v>123</v>
      </c>
      <c r="I13668" t="s">
        <v>15</v>
      </c>
      <c r="J13668" s="10">
        <v>20.48636364</v>
      </c>
    </row>
    <row r="13669" spans="1:10" x14ac:dyDescent="0.35">
      <c r="A13669" t="s">
        <v>26</v>
      </c>
      <c r="B13669" t="s">
        <v>83</v>
      </c>
      <c r="C13669" t="s">
        <v>117</v>
      </c>
      <c r="D13669" t="s">
        <v>118</v>
      </c>
      <c r="E13669">
        <v>2017</v>
      </c>
      <c r="F13669">
        <v>2017</v>
      </c>
      <c r="G13669" t="s">
        <v>14</v>
      </c>
      <c r="H13669" t="s">
        <v>124</v>
      </c>
      <c r="I13669" t="s">
        <v>15</v>
      </c>
      <c r="J13669" s="10">
        <v>2.5727272729999999</v>
      </c>
    </row>
    <row r="13670" spans="1:10" x14ac:dyDescent="0.35">
      <c r="A13670" t="s">
        <v>26</v>
      </c>
      <c r="B13670" t="s">
        <v>83</v>
      </c>
      <c r="C13670" t="s">
        <v>117</v>
      </c>
      <c r="D13670" t="s">
        <v>118</v>
      </c>
      <c r="E13670">
        <v>2017</v>
      </c>
      <c r="F13670">
        <v>2017</v>
      </c>
      <c r="G13670" t="s">
        <v>125</v>
      </c>
      <c r="H13670" t="s">
        <v>119</v>
      </c>
      <c r="I13670" t="s">
        <v>15</v>
      </c>
      <c r="J13670" s="10">
        <v>16.610324349999999</v>
      </c>
    </row>
    <row r="13671" spans="1:10" x14ac:dyDescent="0.35">
      <c r="A13671" t="s">
        <v>26</v>
      </c>
      <c r="B13671" t="s">
        <v>83</v>
      </c>
      <c r="C13671" t="s">
        <v>117</v>
      </c>
      <c r="D13671" t="s">
        <v>118</v>
      </c>
      <c r="E13671">
        <v>2017</v>
      </c>
      <c r="F13671">
        <v>2017</v>
      </c>
      <c r="G13671" t="s">
        <v>125</v>
      </c>
      <c r="H13671" t="s">
        <v>120</v>
      </c>
      <c r="I13671" t="s">
        <v>15</v>
      </c>
      <c r="J13671" s="10">
        <v>9.7396071269999993</v>
      </c>
    </row>
    <row r="13672" spans="1:10" x14ac:dyDescent="0.35">
      <c r="A13672" t="s">
        <v>26</v>
      </c>
      <c r="B13672" t="s">
        <v>83</v>
      </c>
      <c r="C13672" t="s">
        <v>117</v>
      </c>
      <c r="D13672" t="s">
        <v>118</v>
      </c>
      <c r="E13672">
        <v>2017</v>
      </c>
      <c r="F13672">
        <v>2017</v>
      </c>
      <c r="G13672" t="s">
        <v>125</v>
      </c>
      <c r="H13672" t="s">
        <v>121</v>
      </c>
      <c r="I13672" t="s">
        <v>15</v>
      </c>
      <c r="J13672" s="10">
        <v>28.021927819999998</v>
      </c>
    </row>
    <row r="13673" spans="1:10" x14ac:dyDescent="0.35">
      <c r="A13673" t="s">
        <v>26</v>
      </c>
      <c r="B13673" t="s">
        <v>83</v>
      </c>
      <c r="C13673" t="s">
        <v>117</v>
      </c>
      <c r="D13673" t="s">
        <v>118</v>
      </c>
      <c r="E13673">
        <v>2017</v>
      </c>
      <c r="F13673">
        <v>2017</v>
      </c>
      <c r="G13673" t="s">
        <v>125</v>
      </c>
      <c r="H13673" t="s">
        <v>122</v>
      </c>
      <c r="I13673" t="s">
        <v>15</v>
      </c>
      <c r="J13673" s="10">
        <v>23.709456370000002</v>
      </c>
    </row>
    <row r="13674" spans="1:10" x14ac:dyDescent="0.35">
      <c r="A13674" t="s">
        <v>26</v>
      </c>
      <c r="B13674" t="s">
        <v>83</v>
      </c>
      <c r="C13674" t="s">
        <v>117</v>
      </c>
      <c r="D13674" t="s">
        <v>118</v>
      </c>
      <c r="E13674">
        <v>2017</v>
      </c>
      <c r="F13674">
        <v>2017</v>
      </c>
      <c r="G13674" t="s">
        <v>125</v>
      </c>
      <c r="H13674" t="s">
        <v>123</v>
      </c>
      <c r="I13674" t="s">
        <v>15</v>
      </c>
      <c r="J13674" s="10">
        <v>19.862951120000002</v>
      </c>
    </row>
    <row r="13675" spans="1:10" x14ac:dyDescent="0.35">
      <c r="A13675" t="s">
        <v>26</v>
      </c>
      <c r="B13675" t="s">
        <v>83</v>
      </c>
      <c r="C13675" t="s">
        <v>117</v>
      </c>
      <c r="D13675" t="s">
        <v>118</v>
      </c>
      <c r="E13675">
        <v>2017</v>
      </c>
      <c r="F13675">
        <v>2017</v>
      </c>
      <c r="G13675" t="s">
        <v>125</v>
      </c>
      <c r="H13675" t="s">
        <v>124</v>
      </c>
      <c r="I13675" t="s">
        <v>15</v>
      </c>
      <c r="J13675" s="10">
        <v>2.0557332119999998</v>
      </c>
    </row>
    <row r="13676" spans="1:10" x14ac:dyDescent="0.35">
      <c r="A13676" t="s">
        <v>26</v>
      </c>
      <c r="B13676" t="s">
        <v>83</v>
      </c>
      <c r="C13676" t="s">
        <v>117</v>
      </c>
      <c r="D13676" t="s">
        <v>118</v>
      </c>
      <c r="E13676">
        <v>2017</v>
      </c>
      <c r="F13676">
        <v>2017</v>
      </c>
      <c r="G13676" t="s">
        <v>126</v>
      </c>
      <c r="H13676" t="s">
        <v>119</v>
      </c>
      <c r="I13676" t="s">
        <v>15</v>
      </c>
      <c r="J13676" s="10">
        <v>15.62189055</v>
      </c>
    </row>
    <row r="13677" spans="1:10" x14ac:dyDescent="0.35">
      <c r="A13677" t="s">
        <v>26</v>
      </c>
      <c r="B13677" t="s">
        <v>83</v>
      </c>
      <c r="C13677" t="s">
        <v>117</v>
      </c>
      <c r="D13677" t="s">
        <v>118</v>
      </c>
      <c r="E13677">
        <v>2017</v>
      </c>
      <c r="F13677">
        <v>2017</v>
      </c>
      <c r="G13677" t="s">
        <v>126</v>
      </c>
      <c r="H13677" t="s">
        <v>120</v>
      </c>
      <c r="I13677" t="s">
        <v>15</v>
      </c>
      <c r="J13677" s="10">
        <v>8.0958842149999999</v>
      </c>
    </row>
    <row r="13678" spans="1:10" x14ac:dyDescent="0.35">
      <c r="A13678" t="s">
        <v>26</v>
      </c>
      <c r="B13678" t="s">
        <v>83</v>
      </c>
      <c r="C13678" t="s">
        <v>117</v>
      </c>
      <c r="D13678" t="s">
        <v>118</v>
      </c>
      <c r="E13678">
        <v>2017</v>
      </c>
      <c r="F13678">
        <v>2017</v>
      </c>
      <c r="G13678" t="s">
        <v>126</v>
      </c>
      <c r="H13678" t="s">
        <v>121</v>
      </c>
      <c r="I13678" t="s">
        <v>15</v>
      </c>
      <c r="J13678" s="10">
        <v>29.624604250000001</v>
      </c>
    </row>
    <row r="13679" spans="1:10" x14ac:dyDescent="0.35">
      <c r="A13679" t="s">
        <v>26</v>
      </c>
      <c r="B13679" t="s">
        <v>83</v>
      </c>
      <c r="C13679" t="s">
        <v>117</v>
      </c>
      <c r="D13679" t="s">
        <v>118</v>
      </c>
      <c r="E13679">
        <v>2017</v>
      </c>
      <c r="F13679">
        <v>2017</v>
      </c>
      <c r="G13679" t="s">
        <v>126</v>
      </c>
      <c r="H13679" t="s">
        <v>122</v>
      </c>
      <c r="I13679" t="s">
        <v>15</v>
      </c>
      <c r="J13679" s="10">
        <v>22.469470829999999</v>
      </c>
    </row>
    <row r="13680" spans="1:10" x14ac:dyDescent="0.35">
      <c r="A13680" t="s">
        <v>26</v>
      </c>
      <c r="B13680" t="s">
        <v>83</v>
      </c>
      <c r="C13680" t="s">
        <v>117</v>
      </c>
      <c r="D13680" t="s">
        <v>118</v>
      </c>
      <c r="E13680">
        <v>2017</v>
      </c>
      <c r="F13680">
        <v>2017</v>
      </c>
      <c r="G13680" t="s">
        <v>126</v>
      </c>
      <c r="H13680" t="s">
        <v>123</v>
      </c>
      <c r="I13680" t="s">
        <v>15</v>
      </c>
      <c r="J13680" s="10">
        <v>21.103573040000001</v>
      </c>
    </row>
    <row r="13681" spans="1:10" x14ac:dyDescent="0.35">
      <c r="A13681" t="s">
        <v>26</v>
      </c>
      <c r="B13681" t="s">
        <v>83</v>
      </c>
      <c r="C13681" t="s">
        <v>117</v>
      </c>
      <c r="D13681" t="s">
        <v>118</v>
      </c>
      <c r="E13681">
        <v>2017</v>
      </c>
      <c r="F13681">
        <v>2017</v>
      </c>
      <c r="G13681" t="s">
        <v>126</v>
      </c>
      <c r="H13681" t="s">
        <v>124</v>
      </c>
      <c r="I13681" t="s">
        <v>15</v>
      </c>
      <c r="J13681" s="10">
        <v>3.084577114</v>
      </c>
    </row>
    <row r="13682" spans="1:10" x14ac:dyDescent="0.35">
      <c r="A13682" t="s">
        <v>26</v>
      </c>
      <c r="B13682" t="s">
        <v>83</v>
      </c>
      <c r="C13682" t="s">
        <v>117</v>
      </c>
      <c r="D13682" t="s">
        <v>118</v>
      </c>
      <c r="E13682">
        <v>2016</v>
      </c>
      <c r="F13682">
        <v>2016</v>
      </c>
      <c r="G13682" t="s">
        <v>14</v>
      </c>
      <c r="H13682" t="s">
        <v>119</v>
      </c>
      <c r="I13682" t="s">
        <v>15</v>
      </c>
      <c r="J13682" s="10">
        <v>16.091533179999999</v>
      </c>
    </row>
    <row r="13683" spans="1:10" x14ac:dyDescent="0.35">
      <c r="A13683" t="s">
        <v>26</v>
      </c>
      <c r="B13683" t="s">
        <v>83</v>
      </c>
      <c r="C13683" t="s">
        <v>117</v>
      </c>
      <c r="D13683" t="s">
        <v>118</v>
      </c>
      <c r="E13683">
        <v>2016</v>
      </c>
      <c r="F13683">
        <v>2016</v>
      </c>
      <c r="G13683" t="s">
        <v>14</v>
      </c>
      <c r="H13683" t="s">
        <v>120</v>
      </c>
      <c r="I13683" t="s">
        <v>15</v>
      </c>
      <c r="J13683" s="10">
        <v>9.1533180779999999</v>
      </c>
    </row>
    <row r="13684" spans="1:10" x14ac:dyDescent="0.35">
      <c r="A13684" t="s">
        <v>26</v>
      </c>
      <c r="B13684" t="s">
        <v>83</v>
      </c>
      <c r="C13684" t="s">
        <v>117</v>
      </c>
      <c r="D13684" t="s">
        <v>118</v>
      </c>
      <c r="E13684">
        <v>2016</v>
      </c>
      <c r="F13684">
        <v>2016</v>
      </c>
      <c r="G13684" t="s">
        <v>14</v>
      </c>
      <c r="H13684" t="s">
        <v>121</v>
      </c>
      <c r="I13684" t="s">
        <v>15</v>
      </c>
      <c r="J13684" s="10">
        <v>29.189931349999998</v>
      </c>
    </row>
    <row r="13685" spans="1:10" x14ac:dyDescent="0.35">
      <c r="A13685" t="s">
        <v>26</v>
      </c>
      <c r="B13685" t="s">
        <v>83</v>
      </c>
      <c r="C13685" t="s">
        <v>117</v>
      </c>
      <c r="D13685" t="s">
        <v>118</v>
      </c>
      <c r="E13685">
        <v>2016</v>
      </c>
      <c r="F13685">
        <v>2016</v>
      </c>
      <c r="G13685" t="s">
        <v>14</v>
      </c>
      <c r="H13685" t="s">
        <v>122</v>
      </c>
      <c r="I13685" t="s">
        <v>15</v>
      </c>
      <c r="J13685" s="10">
        <v>22.832951950000002</v>
      </c>
    </row>
    <row r="13686" spans="1:10" x14ac:dyDescent="0.35">
      <c r="A13686" t="s">
        <v>26</v>
      </c>
      <c r="B13686" t="s">
        <v>83</v>
      </c>
      <c r="C13686" t="s">
        <v>117</v>
      </c>
      <c r="D13686" t="s">
        <v>118</v>
      </c>
      <c r="E13686">
        <v>2016</v>
      </c>
      <c r="F13686">
        <v>2016</v>
      </c>
      <c r="G13686" t="s">
        <v>14</v>
      </c>
      <c r="H13686" t="s">
        <v>123</v>
      </c>
      <c r="I13686" t="s">
        <v>15</v>
      </c>
      <c r="J13686" s="10">
        <v>20.137299769999998</v>
      </c>
    </row>
    <row r="13687" spans="1:10" x14ac:dyDescent="0.35">
      <c r="A13687" t="s">
        <v>26</v>
      </c>
      <c r="B13687" t="s">
        <v>83</v>
      </c>
      <c r="C13687" t="s">
        <v>117</v>
      </c>
      <c r="D13687" t="s">
        <v>118</v>
      </c>
      <c r="E13687">
        <v>2016</v>
      </c>
      <c r="F13687">
        <v>2016</v>
      </c>
      <c r="G13687" t="s">
        <v>14</v>
      </c>
      <c r="H13687" t="s">
        <v>124</v>
      </c>
      <c r="I13687" t="s">
        <v>15</v>
      </c>
      <c r="J13687" s="10">
        <v>2.5949656750000001</v>
      </c>
    </row>
    <row r="13688" spans="1:10" x14ac:dyDescent="0.35">
      <c r="A13688" t="s">
        <v>26</v>
      </c>
      <c r="B13688" t="s">
        <v>83</v>
      </c>
      <c r="C13688" t="s">
        <v>117</v>
      </c>
      <c r="D13688" t="s">
        <v>118</v>
      </c>
      <c r="E13688">
        <v>2016</v>
      </c>
      <c r="F13688">
        <v>2016</v>
      </c>
      <c r="G13688" t="s">
        <v>125</v>
      </c>
      <c r="H13688" t="s">
        <v>119</v>
      </c>
      <c r="I13688" t="s">
        <v>15</v>
      </c>
      <c r="J13688" s="10">
        <v>16.70036765</v>
      </c>
    </row>
    <row r="13689" spans="1:10" x14ac:dyDescent="0.35">
      <c r="A13689" t="s">
        <v>26</v>
      </c>
      <c r="B13689" t="s">
        <v>83</v>
      </c>
      <c r="C13689" t="s">
        <v>117</v>
      </c>
      <c r="D13689" t="s">
        <v>118</v>
      </c>
      <c r="E13689">
        <v>2016</v>
      </c>
      <c r="F13689">
        <v>2016</v>
      </c>
      <c r="G13689" t="s">
        <v>125</v>
      </c>
      <c r="H13689" t="s">
        <v>120</v>
      </c>
      <c r="I13689" t="s">
        <v>15</v>
      </c>
      <c r="J13689" s="10">
        <v>9.84375</v>
      </c>
    </row>
    <row r="13690" spans="1:10" x14ac:dyDescent="0.35">
      <c r="A13690" t="s">
        <v>26</v>
      </c>
      <c r="B13690" t="s">
        <v>83</v>
      </c>
      <c r="C13690" t="s">
        <v>117</v>
      </c>
      <c r="D13690" t="s">
        <v>118</v>
      </c>
      <c r="E13690">
        <v>2016</v>
      </c>
      <c r="F13690">
        <v>2016</v>
      </c>
      <c r="G13690" t="s">
        <v>125</v>
      </c>
      <c r="H13690" t="s">
        <v>121</v>
      </c>
      <c r="I13690" t="s">
        <v>15</v>
      </c>
      <c r="J13690" s="10">
        <v>28.47426471</v>
      </c>
    </row>
    <row r="13691" spans="1:10" x14ac:dyDescent="0.35">
      <c r="A13691" t="s">
        <v>26</v>
      </c>
      <c r="B13691" t="s">
        <v>83</v>
      </c>
      <c r="C13691" t="s">
        <v>117</v>
      </c>
      <c r="D13691" t="s">
        <v>118</v>
      </c>
      <c r="E13691">
        <v>2016</v>
      </c>
      <c r="F13691">
        <v>2016</v>
      </c>
      <c r="G13691" t="s">
        <v>125</v>
      </c>
      <c r="H13691" t="s">
        <v>122</v>
      </c>
      <c r="I13691" t="s">
        <v>15</v>
      </c>
      <c r="J13691" s="10">
        <v>23.4375</v>
      </c>
    </row>
    <row r="13692" spans="1:10" x14ac:dyDescent="0.35">
      <c r="A13692" t="s">
        <v>26</v>
      </c>
      <c r="B13692" t="s">
        <v>83</v>
      </c>
      <c r="C13692" t="s">
        <v>117</v>
      </c>
      <c r="D13692" t="s">
        <v>118</v>
      </c>
      <c r="E13692">
        <v>2016</v>
      </c>
      <c r="F13692">
        <v>2016</v>
      </c>
      <c r="G13692" t="s">
        <v>125</v>
      </c>
      <c r="H13692" t="s">
        <v>123</v>
      </c>
      <c r="I13692" t="s">
        <v>15</v>
      </c>
      <c r="J13692" s="10">
        <v>19.577205880000001</v>
      </c>
    </row>
    <row r="13693" spans="1:10" x14ac:dyDescent="0.35">
      <c r="A13693" t="s">
        <v>26</v>
      </c>
      <c r="B13693" t="s">
        <v>83</v>
      </c>
      <c r="C13693" t="s">
        <v>117</v>
      </c>
      <c r="D13693" t="s">
        <v>118</v>
      </c>
      <c r="E13693">
        <v>2016</v>
      </c>
      <c r="F13693">
        <v>2016</v>
      </c>
      <c r="G13693" t="s">
        <v>125</v>
      </c>
      <c r="H13693" t="s">
        <v>124</v>
      </c>
      <c r="I13693" t="s">
        <v>15</v>
      </c>
      <c r="J13693" s="10">
        <v>1.9669117650000001</v>
      </c>
    </row>
    <row r="13694" spans="1:10" x14ac:dyDescent="0.35">
      <c r="A13694" t="s">
        <v>26</v>
      </c>
      <c r="B13694" t="s">
        <v>83</v>
      </c>
      <c r="C13694" t="s">
        <v>117</v>
      </c>
      <c r="D13694" t="s">
        <v>118</v>
      </c>
      <c r="E13694">
        <v>2016</v>
      </c>
      <c r="F13694">
        <v>2016</v>
      </c>
      <c r="G13694" t="s">
        <v>126</v>
      </c>
      <c r="H13694" t="s">
        <v>119</v>
      </c>
      <c r="I13694" t="s">
        <v>15</v>
      </c>
      <c r="J13694" s="10">
        <v>15.48769371</v>
      </c>
    </row>
    <row r="13695" spans="1:10" x14ac:dyDescent="0.35">
      <c r="A13695" t="s">
        <v>26</v>
      </c>
      <c r="B13695" t="s">
        <v>83</v>
      </c>
      <c r="C13695" t="s">
        <v>117</v>
      </c>
      <c r="D13695" t="s">
        <v>118</v>
      </c>
      <c r="E13695">
        <v>2016</v>
      </c>
      <c r="F13695">
        <v>2016</v>
      </c>
      <c r="G13695" t="s">
        <v>126</v>
      </c>
      <c r="H13695" t="s">
        <v>120</v>
      </c>
      <c r="I13695" t="s">
        <v>15</v>
      </c>
      <c r="J13695" s="10">
        <v>8.4685505929999998</v>
      </c>
    </row>
    <row r="13696" spans="1:10" x14ac:dyDescent="0.35">
      <c r="A13696" t="s">
        <v>26</v>
      </c>
      <c r="B13696" t="s">
        <v>83</v>
      </c>
      <c r="C13696" t="s">
        <v>117</v>
      </c>
      <c r="D13696" t="s">
        <v>118</v>
      </c>
      <c r="E13696">
        <v>2016</v>
      </c>
      <c r="F13696">
        <v>2016</v>
      </c>
      <c r="G13696" t="s">
        <v>126</v>
      </c>
      <c r="H13696" t="s">
        <v>121</v>
      </c>
      <c r="I13696" t="s">
        <v>15</v>
      </c>
      <c r="J13696" s="10">
        <v>29.899726529999999</v>
      </c>
    </row>
    <row r="13697" spans="1:10" x14ac:dyDescent="0.35">
      <c r="A13697" t="s">
        <v>26</v>
      </c>
      <c r="B13697" t="s">
        <v>83</v>
      </c>
      <c r="C13697" t="s">
        <v>117</v>
      </c>
      <c r="D13697" t="s">
        <v>118</v>
      </c>
      <c r="E13697">
        <v>2016</v>
      </c>
      <c r="F13697">
        <v>2016</v>
      </c>
      <c r="G13697" t="s">
        <v>126</v>
      </c>
      <c r="H13697" t="s">
        <v>122</v>
      </c>
      <c r="I13697" t="s">
        <v>15</v>
      </c>
      <c r="J13697" s="10">
        <v>22.23336372</v>
      </c>
    </row>
    <row r="13698" spans="1:10" x14ac:dyDescent="0.35">
      <c r="A13698" t="s">
        <v>26</v>
      </c>
      <c r="B13698" t="s">
        <v>83</v>
      </c>
      <c r="C13698" t="s">
        <v>117</v>
      </c>
      <c r="D13698" t="s">
        <v>118</v>
      </c>
      <c r="E13698">
        <v>2016</v>
      </c>
      <c r="F13698">
        <v>2016</v>
      </c>
      <c r="G13698" t="s">
        <v>126</v>
      </c>
      <c r="H13698" t="s">
        <v>123</v>
      </c>
      <c r="I13698" t="s">
        <v>15</v>
      </c>
      <c r="J13698" s="10">
        <v>20.692798539999998</v>
      </c>
    </row>
    <row r="13699" spans="1:10" x14ac:dyDescent="0.35">
      <c r="A13699" t="s">
        <v>26</v>
      </c>
      <c r="B13699" t="s">
        <v>83</v>
      </c>
      <c r="C13699" t="s">
        <v>117</v>
      </c>
      <c r="D13699" t="s">
        <v>118</v>
      </c>
      <c r="E13699">
        <v>2016</v>
      </c>
      <c r="F13699">
        <v>2016</v>
      </c>
      <c r="G13699" t="s">
        <v>126</v>
      </c>
      <c r="H13699" t="s">
        <v>124</v>
      </c>
      <c r="I13699" t="s">
        <v>15</v>
      </c>
      <c r="J13699" s="10">
        <v>3.2178669100000001</v>
      </c>
    </row>
    <row r="13700" spans="1:10" x14ac:dyDescent="0.35">
      <c r="A13700" t="s">
        <v>26</v>
      </c>
      <c r="B13700" t="s">
        <v>83</v>
      </c>
      <c r="C13700" t="s">
        <v>117</v>
      </c>
      <c r="D13700" t="s">
        <v>118</v>
      </c>
      <c r="E13700">
        <v>2015</v>
      </c>
      <c r="F13700">
        <v>2015</v>
      </c>
      <c r="G13700" t="s">
        <v>14</v>
      </c>
      <c r="H13700" t="s">
        <v>119</v>
      </c>
      <c r="I13700" t="s">
        <v>15</v>
      </c>
      <c r="J13700" s="10">
        <v>16.10059991</v>
      </c>
    </row>
    <row r="13701" spans="1:10" x14ac:dyDescent="0.35">
      <c r="A13701" t="s">
        <v>26</v>
      </c>
      <c r="B13701" t="s">
        <v>83</v>
      </c>
      <c r="C13701" t="s">
        <v>117</v>
      </c>
      <c r="D13701" t="s">
        <v>118</v>
      </c>
      <c r="E13701">
        <v>2015</v>
      </c>
      <c r="F13701">
        <v>2015</v>
      </c>
      <c r="G13701" t="s">
        <v>14</v>
      </c>
      <c r="H13701" t="s">
        <v>120</v>
      </c>
      <c r="I13701" t="s">
        <v>15</v>
      </c>
      <c r="J13701" s="10">
        <v>9.5477618829999997</v>
      </c>
    </row>
    <row r="13702" spans="1:10" x14ac:dyDescent="0.35">
      <c r="A13702" t="s">
        <v>26</v>
      </c>
      <c r="B13702" t="s">
        <v>83</v>
      </c>
      <c r="C13702" t="s">
        <v>117</v>
      </c>
      <c r="D13702" t="s">
        <v>118</v>
      </c>
      <c r="E13702">
        <v>2015</v>
      </c>
      <c r="F13702">
        <v>2015</v>
      </c>
      <c r="G13702" t="s">
        <v>14</v>
      </c>
      <c r="H13702" t="s">
        <v>121</v>
      </c>
      <c r="I13702" t="s">
        <v>15</v>
      </c>
      <c r="J13702" s="10">
        <v>29.533917859999999</v>
      </c>
    </row>
    <row r="13703" spans="1:10" x14ac:dyDescent="0.35">
      <c r="A13703" t="s">
        <v>26</v>
      </c>
      <c r="B13703" t="s">
        <v>83</v>
      </c>
      <c r="C13703" t="s">
        <v>117</v>
      </c>
      <c r="D13703" t="s">
        <v>118</v>
      </c>
      <c r="E13703">
        <v>2015</v>
      </c>
      <c r="F13703">
        <v>2015</v>
      </c>
      <c r="G13703" t="s">
        <v>14</v>
      </c>
      <c r="H13703" t="s">
        <v>122</v>
      </c>
      <c r="I13703" t="s">
        <v>15</v>
      </c>
      <c r="J13703" s="10">
        <v>22.602676509999998</v>
      </c>
    </row>
    <row r="13704" spans="1:10" x14ac:dyDescent="0.35">
      <c r="A13704" t="s">
        <v>26</v>
      </c>
      <c r="B13704" t="s">
        <v>83</v>
      </c>
      <c r="C13704" t="s">
        <v>117</v>
      </c>
      <c r="D13704" t="s">
        <v>118</v>
      </c>
      <c r="E13704">
        <v>2015</v>
      </c>
      <c r="F13704">
        <v>2015</v>
      </c>
      <c r="G13704" t="s">
        <v>14</v>
      </c>
      <c r="H13704" t="s">
        <v>123</v>
      </c>
      <c r="I13704" t="s">
        <v>15</v>
      </c>
      <c r="J13704" s="10">
        <v>19.6354407</v>
      </c>
    </row>
    <row r="13705" spans="1:10" x14ac:dyDescent="0.35">
      <c r="A13705" t="s">
        <v>26</v>
      </c>
      <c r="B13705" t="s">
        <v>83</v>
      </c>
      <c r="C13705" t="s">
        <v>117</v>
      </c>
      <c r="D13705" t="s">
        <v>118</v>
      </c>
      <c r="E13705">
        <v>2015</v>
      </c>
      <c r="F13705">
        <v>2015</v>
      </c>
      <c r="G13705" t="s">
        <v>14</v>
      </c>
      <c r="H13705" t="s">
        <v>124</v>
      </c>
      <c r="I13705" t="s">
        <v>15</v>
      </c>
      <c r="J13705" s="10">
        <v>2.579603138</v>
      </c>
    </row>
    <row r="13706" spans="1:10" x14ac:dyDescent="0.35">
      <c r="A13706" t="s">
        <v>26</v>
      </c>
      <c r="B13706" t="s">
        <v>83</v>
      </c>
      <c r="C13706" t="s">
        <v>117</v>
      </c>
      <c r="D13706" t="s">
        <v>118</v>
      </c>
      <c r="E13706">
        <v>2015</v>
      </c>
      <c r="F13706">
        <v>2015</v>
      </c>
      <c r="G13706" t="s">
        <v>125</v>
      </c>
      <c r="H13706" t="s">
        <v>119</v>
      </c>
      <c r="I13706" t="s">
        <v>15</v>
      </c>
      <c r="J13706" s="10">
        <v>16.652758460000001</v>
      </c>
    </row>
    <row r="13707" spans="1:10" x14ac:dyDescent="0.35">
      <c r="A13707" t="s">
        <v>26</v>
      </c>
      <c r="B13707" t="s">
        <v>83</v>
      </c>
      <c r="C13707" t="s">
        <v>117</v>
      </c>
      <c r="D13707" t="s">
        <v>118</v>
      </c>
      <c r="E13707">
        <v>2015</v>
      </c>
      <c r="F13707">
        <v>2015</v>
      </c>
      <c r="G13707" t="s">
        <v>125</v>
      </c>
      <c r="H13707" t="s">
        <v>120</v>
      </c>
      <c r="I13707" t="s">
        <v>15</v>
      </c>
      <c r="J13707" s="10">
        <v>10.366249420000001</v>
      </c>
    </row>
    <row r="13708" spans="1:10" x14ac:dyDescent="0.35">
      <c r="A13708" t="s">
        <v>26</v>
      </c>
      <c r="B13708" t="s">
        <v>83</v>
      </c>
      <c r="C13708" t="s">
        <v>117</v>
      </c>
      <c r="D13708" t="s">
        <v>118</v>
      </c>
      <c r="E13708">
        <v>2015</v>
      </c>
      <c r="F13708">
        <v>2015</v>
      </c>
      <c r="G13708" t="s">
        <v>125</v>
      </c>
      <c r="H13708" t="s">
        <v>121</v>
      </c>
      <c r="I13708" t="s">
        <v>15</v>
      </c>
      <c r="J13708" s="10">
        <v>28.827074639999999</v>
      </c>
    </row>
    <row r="13709" spans="1:10" x14ac:dyDescent="0.35">
      <c r="A13709" t="s">
        <v>26</v>
      </c>
      <c r="B13709" t="s">
        <v>83</v>
      </c>
      <c r="C13709" t="s">
        <v>117</v>
      </c>
      <c r="D13709" t="s">
        <v>118</v>
      </c>
      <c r="E13709">
        <v>2015</v>
      </c>
      <c r="F13709">
        <v>2015</v>
      </c>
      <c r="G13709" t="s">
        <v>125</v>
      </c>
      <c r="H13709" t="s">
        <v>122</v>
      </c>
      <c r="I13709" t="s">
        <v>15</v>
      </c>
      <c r="J13709" s="10">
        <v>23.208159479999999</v>
      </c>
    </row>
    <row r="13710" spans="1:10" x14ac:dyDescent="0.35">
      <c r="A13710" t="s">
        <v>26</v>
      </c>
      <c r="B13710" t="s">
        <v>83</v>
      </c>
      <c r="C13710" t="s">
        <v>117</v>
      </c>
      <c r="D13710" t="s">
        <v>118</v>
      </c>
      <c r="E13710">
        <v>2015</v>
      </c>
      <c r="F13710">
        <v>2015</v>
      </c>
      <c r="G13710" t="s">
        <v>125</v>
      </c>
      <c r="H13710" t="s">
        <v>123</v>
      </c>
      <c r="I13710" t="s">
        <v>15</v>
      </c>
      <c r="J13710" s="10">
        <v>18.905887809999999</v>
      </c>
    </row>
    <row r="13711" spans="1:10" x14ac:dyDescent="0.35">
      <c r="A13711" t="s">
        <v>26</v>
      </c>
      <c r="B13711" t="s">
        <v>83</v>
      </c>
      <c r="C13711" t="s">
        <v>117</v>
      </c>
      <c r="D13711" t="s">
        <v>118</v>
      </c>
      <c r="E13711">
        <v>2015</v>
      </c>
      <c r="F13711">
        <v>2015</v>
      </c>
      <c r="G13711" t="s">
        <v>125</v>
      </c>
      <c r="H13711" t="s">
        <v>124</v>
      </c>
      <c r="I13711" t="s">
        <v>15</v>
      </c>
      <c r="J13711" s="10">
        <v>2.0398701899999998</v>
      </c>
    </row>
    <row r="13712" spans="1:10" x14ac:dyDescent="0.35">
      <c r="A13712" t="s">
        <v>26</v>
      </c>
      <c r="B13712" t="s">
        <v>83</v>
      </c>
      <c r="C13712" t="s">
        <v>117</v>
      </c>
      <c r="D13712" t="s">
        <v>118</v>
      </c>
      <c r="E13712">
        <v>2015</v>
      </c>
      <c r="F13712">
        <v>2015</v>
      </c>
      <c r="G13712" t="s">
        <v>126</v>
      </c>
      <c r="H13712" t="s">
        <v>119</v>
      </c>
      <c r="I13712" t="s">
        <v>15</v>
      </c>
      <c r="J13712" s="10">
        <v>15.553514010000001</v>
      </c>
    </row>
    <row r="13713" spans="1:10" x14ac:dyDescent="0.35">
      <c r="A13713" t="s">
        <v>26</v>
      </c>
      <c r="B13713" t="s">
        <v>83</v>
      </c>
      <c r="C13713" t="s">
        <v>117</v>
      </c>
      <c r="D13713" t="s">
        <v>118</v>
      </c>
      <c r="E13713">
        <v>2015</v>
      </c>
      <c r="F13713">
        <v>2015</v>
      </c>
      <c r="G13713" t="s">
        <v>126</v>
      </c>
      <c r="H13713" t="s">
        <v>120</v>
      </c>
      <c r="I13713" t="s">
        <v>15</v>
      </c>
      <c r="J13713" s="10">
        <v>8.7367937530000006</v>
      </c>
    </row>
    <row r="13714" spans="1:10" x14ac:dyDescent="0.35">
      <c r="A13714" t="s">
        <v>26</v>
      </c>
      <c r="B13714" t="s">
        <v>83</v>
      </c>
      <c r="C13714" t="s">
        <v>117</v>
      </c>
      <c r="D13714" t="s">
        <v>118</v>
      </c>
      <c r="E13714">
        <v>2015</v>
      </c>
      <c r="F13714">
        <v>2015</v>
      </c>
      <c r="G13714" t="s">
        <v>126</v>
      </c>
      <c r="H13714" t="s">
        <v>121</v>
      </c>
      <c r="I13714" t="s">
        <v>15</v>
      </c>
      <c r="J13714" s="10">
        <v>30.234267339999999</v>
      </c>
    </row>
    <row r="13715" spans="1:10" x14ac:dyDescent="0.35">
      <c r="A13715" t="s">
        <v>26</v>
      </c>
      <c r="B13715" t="s">
        <v>83</v>
      </c>
      <c r="C13715" t="s">
        <v>117</v>
      </c>
      <c r="D13715" t="s">
        <v>118</v>
      </c>
      <c r="E13715">
        <v>2015</v>
      </c>
      <c r="F13715">
        <v>2015</v>
      </c>
      <c r="G13715" t="s">
        <v>126</v>
      </c>
      <c r="H13715" t="s">
        <v>122</v>
      </c>
      <c r="I13715" t="s">
        <v>15</v>
      </c>
      <c r="J13715" s="10">
        <v>22.002756089999998</v>
      </c>
    </row>
    <row r="13716" spans="1:10" x14ac:dyDescent="0.35">
      <c r="A13716" t="s">
        <v>26</v>
      </c>
      <c r="B13716" t="s">
        <v>83</v>
      </c>
      <c r="C13716" t="s">
        <v>117</v>
      </c>
      <c r="D13716" t="s">
        <v>118</v>
      </c>
      <c r="E13716">
        <v>2015</v>
      </c>
      <c r="F13716">
        <v>2015</v>
      </c>
      <c r="G13716" t="s">
        <v>126</v>
      </c>
      <c r="H13716" t="s">
        <v>123</v>
      </c>
      <c r="I13716" t="s">
        <v>15</v>
      </c>
      <c r="J13716" s="10">
        <v>20.358291229999999</v>
      </c>
    </row>
    <row r="13717" spans="1:10" x14ac:dyDescent="0.35">
      <c r="A13717" t="s">
        <v>26</v>
      </c>
      <c r="B13717" t="s">
        <v>83</v>
      </c>
      <c r="C13717" t="s">
        <v>117</v>
      </c>
      <c r="D13717" t="s">
        <v>118</v>
      </c>
      <c r="E13717">
        <v>2015</v>
      </c>
      <c r="F13717">
        <v>2015</v>
      </c>
      <c r="G13717" t="s">
        <v>126</v>
      </c>
      <c r="H13717" t="s">
        <v>124</v>
      </c>
      <c r="I13717" t="s">
        <v>15</v>
      </c>
      <c r="J13717" s="10">
        <v>3.1143775840000001</v>
      </c>
    </row>
    <row r="13718" spans="1:10" x14ac:dyDescent="0.35">
      <c r="A13718" t="s">
        <v>26</v>
      </c>
      <c r="B13718" t="s">
        <v>83</v>
      </c>
      <c r="C13718" t="s">
        <v>117</v>
      </c>
      <c r="D13718" t="s">
        <v>118</v>
      </c>
      <c r="E13718">
        <v>2014</v>
      </c>
      <c r="F13718">
        <v>2014</v>
      </c>
      <c r="G13718" t="s">
        <v>14</v>
      </c>
      <c r="H13718" t="s">
        <v>119</v>
      </c>
      <c r="I13718" t="s">
        <v>15</v>
      </c>
      <c r="J13718" s="10">
        <v>16.255792400000001</v>
      </c>
    </row>
    <row r="13719" spans="1:10" x14ac:dyDescent="0.35">
      <c r="A13719" t="s">
        <v>26</v>
      </c>
      <c r="B13719" t="s">
        <v>83</v>
      </c>
      <c r="C13719" t="s">
        <v>117</v>
      </c>
      <c r="D13719" t="s">
        <v>118</v>
      </c>
      <c r="E13719">
        <v>2014</v>
      </c>
      <c r="F13719">
        <v>2014</v>
      </c>
      <c r="G13719" t="s">
        <v>14</v>
      </c>
      <c r="H13719" t="s">
        <v>120</v>
      </c>
      <c r="I13719" t="s">
        <v>15</v>
      </c>
      <c r="J13719" s="10">
        <v>9.9212233550000004</v>
      </c>
    </row>
    <row r="13720" spans="1:10" x14ac:dyDescent="0.35">
      <c r="A13720" t="s">
        <v>26</v>
      </c>
      <c r="B13720" t="s">
        <v>83</v>
      </c>
      <c r="C13720" t="s">
        <v>117</v>
      </c>
      <c r="D13720" t="s">
        <v>118</v>
      </c>
      <c r="E13720">
        <v>2014</v>
      </c>
      <c r="F13720">
        <v>2014</v>
      </c>
      <c r="G13720" t="s">
        <v>14</v>
      </c>
      <c r="H13720" t="s">
        <v>121</v>
      </c>
      <c r="I13720" t="s">
        <v>15</v>
      </c>
      <c r="J13720" s="10">
        <v>29.847080630000001</v>
      </c>
    </row>
    <row r="13721" spans="1:10" x14ac:dyDescent="0.35">
      <c r="A13721" t="s">
        <v>26</v>
      </c>
      <c r="B13721" t="s">
        <v>83</v>
      </c>
      <c r="C13721" t="s">
        <v>117</v>
      </c>
      <c r="D13721" t="s">
        <v>118</v>
      </c>
      <c r="E13721">
        <v>2014</v>
      </c>
      <c r="F13721">
        <v>2014</v>
      </c>
      <c r="G13721" t="s">
        <v>14</v>
      </c>
      <c r="H13721" t="s">
        <v>122</v>
      </c>
      <c r="I13721" t="s">
        <v>15</v>
      </c>
      <c r="J13721" s="10">
        <v>22.126969420000002</v>
      </c>
    </row>
    <row r="13722" spans="1:10" x14ac:dyDescent="0.35">
      <c r="A13722" t="s">
        <v>26</v>
      </c>
      <c r="B13722" t="s">
        <v>83</v>
      </c>
      <c r="C13722" t="s">
        <v>117</v>
      </c>
      <c r="D13722" t="s">
        <v>118</v>
      </c>
      <c r="E13722">
        <v>2014</v>
      </c>
      <c r="F13722">
        <v>2014</v>
      </c>
      <c r="G13722" t="s">
        <v>14</v>
      </c>
      <c r="H13722" t="s">
        <v>123</v>
      </c>
      <c r="I13722" t="s">
        <v>15</v>
      </c>
      <c r="J13722" s="10">
        <v>19.392956439999999</v>
      </c>
    </row>
    <row r="13723" spans="1:10" x14ac:dyDescent="0.35">
      <c r="A13723" t="s">
        <v>26</v>
      </c>
      <c r="B13723" t="s">
        <v>83</v>
      </c>
      <c r="C13723" t="s">
        <v>117</v>
      </c>
      <c r="D13723" t="s">
        <v>118</v>
      </c>
      <c r="E13723">
        <v>2014</v>
      </c>
      <c r="F13723">
        <v>2014</v>
      </c>
      <c r="G13723" t="s">
        <v>14</v>
      </c>
      <c r="H13723" t="s">
        <v>124</v>
      </c>
      <c r="I13723" t="s">
        <v>15</v>
      </c>
      <c r="J13723" s="10">
        <v>2.4559777569999999</v>
      </c>
    </row>
    <row r="13724" spans="1:10" x14ac:dyDescent="0.35">
      <c r="A13724" t="s">
        <v>26</v>
      </c>
      <c r="B13724" t="s">
        <v>83</v>
      </c>
      <c r="C13724" t="s">
        <v>117</v>
      </c>
      <c r="D13724" t="s">
        <v>118</v>
      </c>
      <c r="E13724">
        <v>2014</v>
      </c>
      <c r="F13724">
        <v>2014</v>
      </c>
      <c r="G13724" t="s">
        <v>125</v>
      </c>
      <c r="H13724" t="s">
        <v>119</v>
      </c>
      <c r="I13724" t="s">
        <v>15</v>
      </c>
      <c r="J13724" s="10">
        <v>16.767639110000001</v>
      </c>
    </row>
    <row r="13725" spans="1:10" x14ac:dyDescent="0.35">
      <c r="A13725" t="s">
        <v>26</v>
      </c>
      <c r="B13725" t="s">
        <v>83</v>
      </c>
      <c r="C13725" t="s">
        <v>117</v>
      </c>
      <c r="D13725" t="s">
        <v>118</v>
      </c>
      <c r="E13725">
        <v>2014</v>
      </c>
      <c r="F13725">
        <v>2014</v>
      </c>
      <c r="G13725" t="s">
        <v>125</v>
      </c>
      <c r="H13725" t="s">
        <v>120</v>
      </c>
      <c r="I13725" t="s">
        <v>15</v>
      </c>
      <c r="J13725" s="10">
        <v>10.802497900000001</v>
      </c>
    </row>
    <row r="13726" spans="1:10" x14ac:dyDescent="0.35">
      <c r="A13726" t="s">
        <v>26</v>
      </c>
      <c r="B13726" t="s">
        <v>83</v>
      </c>
      <c r="C13726" t="s">
        <v>117</v>
      </c>
      <c r="D13726" t="s">
        <v>118</v>
      </c>
      <c r="E13726">
        <v>2014</v>
      </c>
      <c r="F13726">
        <v>2014</v>
      </c>
      <c r="G13726" t="s">
        <v>125</v>
      </c>
      <c r="H13726" t="s">
        <v>121</v>
      </c>
      <c r="I13726" t="s">
        <v>15</v>
      </c>
      <c r="J13726" s="10">
        <v>29.042781250000001</v>
      </c>
    </row>
    <row r="13727" spans="1:10" x14ac:dyDescent="0.35">
      <c r="A13727" t="s">
        <v>26</v>
      </c>
      <c r="B13727" t="s">
        <v>83</v>
      </c>
      <c r="C13727" t="s">
        <v>117</v>
      </c>
      <c r="D13727" t="s">
        <v>118</v>
      </c>
      <c r="E13727">
        <v>2014</v>
      </c>
      <c r="F13727">
        <v>2014</v>
      </c>
      <c r="G13727" t="s">
        <v>125</v>
      </c>
      <c r="H13727" t="s">
        <v>122</v>
      </c>
      <c r="I13727" t="s">
        <v>15</v>
      </c>
      <c r="J13727" s="10">
        <v>22.863267780000001</v>
      </c>
    </row>
    <row r="13728" spans="1:10" x14ac:dyDescent="0.35">
      <c r="A13728" t="s">
        <v>26</v>
      </c>
      <c r="B13728" t="s">
        <v>83</v>
      </c>
      <c r="C13728" t="s">
        <v>117</v>
      </c>
      <c r="D13728" t="s">
        <v>118</v>
      </c>
      <c r="E13728">
        <v>2014</v>
      </c>
      <c r="F13728">
        <v>2014</v>
      </c>
      <c r="G13728" t="s">
        <v>125</v>
      </c>
      <c r="H13728" t="s">
        <v>123</v>
      </c>
      <c r="I13728" t="s">
        <v>15</v>
      </c>
      <c r="J13728" s="10">
        <v>18.64106627</v>
      </c>
    </row>
    <row r="13729" spans="1:10" x14ac:dyDescent="0.35">
      <c r="A13729" t="s">
        <v>26</v>
      </c>
      <c r="B13729" t="s">
        <v>83</v>
      </c>
      <c r="C13729" t="s">
        <v>117</v>
      </c>
      <c r="D13729" t="s">
        <v>118</v>
      </c>
      <c r="E13729">
        <v>2014</v>
      </c>
      <c r="F13729">
        <v>2014</v>
      </c>
      <c r="G13729" t="s">
        <v>125</v>
      </c>
      <c r="H13729" t="s">
        <v>124</v>
      </c>
      <c r="I13729" t="s">
        <v>15</v>
      </c>
      <c r="J13729" s="10">
        <v>1.882747693</v>
      </c>
    </row>
    <row r="13730" spans="1:10" x14ac:dyDescent="0.35">
      <c r="A13730" t="s">
        <v>26</v>
      </c>
      <c r="B13730" t="s">
        <v>83</v>
      </c>
      <c r="C13730" t="s">
        <v>117</v>
      </c>
      <c r="D13730" t="s">
        <v>118</v>
      </c>
      <c r="E13730">
        <v>2014</v>
      </c>
      <c r="F13730">
        <v>2014</v>
      </c>
      <c r="G13730" t="s">
        <v>126</v>
      </c>
      <c r="H13730" t="s">
        <v>119</v>
      </c>
      <c r="I13730" t="s">
        <v>15</v>
      </c>
      <c r="J13730" s="10">
        <v>15.74970049</v>
      </c>
    </row>
    <row r="13731" spans="1:10" x14ac:dyDescent="0.35">
      <c r="A13731" t="s">
        <v>26</v>
      </c>
      <c r="B13731" t="s">
        <v>83</v>
      </c>
      <c r="C13731" t="s">
        <v>117</v>
      </c>
      <c r="D13731" t="s">
        <v>118</v>
      </c>
      <c r="E13731">
        <v>2014</v>
      </c>
      <c r="F13731">
        <v>2014</v>
      </c>
      <c r="G13731" t="s">
        <v>126</v>
      </c>
      <c r="H13731" t="s">
        <v>120</v>
      </c>
      <c r="I13731" t="s">
        <v>15</v>
      </c>
      <c r="J13731" s="10">
        <v>9.0498571559999998</v>
      </c>
    </row>
    <row r="13732" spans="1:10" x14ac:dyDescent="0.35">
      <c r="A13732" t="s">
        <v>26</v>
      </c>
      <c r="B13732" t="s">
        <v>83</v>
      </c>
      <c r="C13732" t="s">
        <v>117</v>
      </c>
      <c r="D13732" t="s">
        <v>118</v>
      </c>
      <c r="E13732">
        <v>2014</v>
      </c>
      <c r="F13732">
        <v>2014</v>
      </c>
      <c r="G13732" t="s">
        <v>126</v>
      </c>
      <c r="H13732" t="s">
        <v>121</v>
      </c>
      <c r="I13732" t="s">
        <v>15</v>
      </c>
      <c r="J13732" s="10">
        <v>30.64233711</v>
      </c>
    </row>
    <row r="13733" spans="1:10" x14ac:dyDescent="0.35">
      <c r="A13733" t="s">
        <v>26</v>
      </c>
      <c r="B13733" t="s">
        <v>83</v>
      </c>
      <c r="C13733" t="s">
        <v>117</v>
      </c>
      <c r="D13733" t="s">
        <v>118</v>
      </c>
      <c r="E13733">
        <v>2014</v>
      </c>
      <c r="F13733">
        <v>2014</v>
      </c>
      <c r="G13733" t="s">
        <v>126</v>
      </c>
      <c r="H13733" t="s">
        <v>122</v>
      </c>
      <c r="I13733" t="s">
        <v>15</v>
      </c>
      <c r="J13733" s="10">
        <v>21.39894941</v>
      </c>
    </row>
    <row r="13734" spans="1:10" x14ac:dyDescent="0.35">
      <c r="A13734" t="s">
        <v>26</v>
      </c>
      <c r="B13734" t="s">
        <v>83</v>
      </c>
      <c r="C13734" t="s">
        <v>117</v>
      </c>
      <c r="D13734" t="s">
        <v>118</v>
      </c>
      <c r="E13734">
        <v>2014</v>
      </c>
      <c r="F13734">
        <v>2014</v>
      </c>
      <c r="G13734" t="s">
        <v>126</v>
      </c>
      <c r="H13734" t="s">
        <v>123</v>
      </c>
      <c r="I13734" t="s">
        <v>15</v>
      </c>
      <c r="J13734" s="10">
        <v>20.136392959999998</v>
      </c>
    </row>
    <row r="13735" spans="1:10" x14ac:dyDescent="0.35">
      <c r="A13735" t="s">
        <v>26</v>
      </c>
      <c r="B13735" t="s">
        <v>83</v>
      </c>
      <c r="C13735" t="s">
        <v>117</v>
      </c>
      <c r="D13735" t="s">
        <v>118</v>
      </c>
      <c r="E13735">
        <v>2014</v>
      </c>
      <c r="F13735">
        <v>2014</v>
      </c>
      <c r="G13735" t="s">
        <v>126</v>
      </c>
      <c r="H13735" t="s">
        <v>124</v>
      </c>
      <c r="I13735" t="s">
        <v>15</v>
      </c>
      <c r="J13735" s="10">
        <v>3.0227628790000001</v>
      </c>
    </row>
    <row r="13736" spans="1:10" x14ac:dyDescent="0.35">
      <c r="A13736" t="s">
        <v>26</v>
      </c>
      <c r="B13736" t="s">
        <v>83</v>
      </c>
      <c r="C13736" t="s">
        <v>117</v>
      </c>
      <c r="D13736" t="s">
        <v>118</v>
      </c>
      <c r="E13736">
        <v>2013</v>
      </c>
      <c r="F13736">
        <v>2013</v>
      </c>
      <c r="G13736" t="s">
        <v>14</v>
      </c>
      <c r="H13736" t="s">
        <v>119</v>
      </c>
      <c r="I13736" t="s">
        <v>15</v>
      </c>
      <c r="J13736" s="10">
        <v>16.354359930000001</v>
      </c>
    </row>
    <row r="13737" spans="1:10" x14ac:dyDescent="0.35">
      <c r="A13737" t="s">
        <v>26</v>
      </c>
      <c r="B13737" t="s">
        <v>83</v>
      </c>
      <c r="C13737" t="s">
        <v>117</v>
      </c>
      <c r="D13737" t="s">
        <v>118</v>
      </c>
      <c r="E13737">
        <v>2013</v>
      </c>
      <c r="F13737">
        <v>2013</v>
      </c>
      <c r="G13737" t="s">
        <v>14</v>
      </c>
      <c r="H13737" t="s">
        <v>120</v>
      </c>
      <c r="I13737" t="s">
        <v>15</v>
      </c>
      <c r="J13737" s="10">
        <v>10.14842301</v>
      </c>
    </row>
    <row r="13738" spans="1:10" x14ac:dyDescent="0.35">
      <c r="A13738" t="s">
        <v>26</v>
      </c>
      <c r="B13738" t="s">
        <v>83</v>
      </c>
      <c r="C13738" t="s">
        <v>117</v>
      </c>
      <c r="D13738" t="s">
        <v>118</v>
      </c>
      <c r="E13738">
        <v>2013</v>
      </c>
      <c r="F13738">
        <v>2013</v>
      </c>
      <c r="G13738" t="s">
        <v>14</v>
      </c>
      <c r="H13738" t="s">
        <v>121</v>
      </c>
      <c r="I13738" t="s">
        <v>15</v>
      </c>
      <c r="J13738" s="10">
        <v>30.259740260000001</v>
      </c>
    </row>
    <row r="13739" spans="1:10" x14ac:dyDescent="0.35">
      <c r="A13739" t="s">
        <v>26</v>
      </c>
      <c r="B13739" t="s">
        <v>83</v>
      </c>
      <c r="C13739" t="s">
        <v>117</v>
      </c>
      <c r="D13739" t="s">
        <v>118</v>
      </c>
      <c r="E13739">
        <v>2013</v>
      </c>
      <c r="F13739">
        <v>2013</v>
      </c>
      <c r="G13739" t="s">
        <v>14</v>
      </c>
      <c r="H13739" t="s">
        <v>122</v>
      </c>
      <c r="I13739" t="s">
        <v>15</v>
      </c>
      <c r="J13739" s="10">
        <v>22.087198520000001</v>
      </c>
    </row>
    <row r="13740" spans="1:10" x14ac:dyDescent="0.35">
      <c r="A13740" t="s">
        <v>26</v>
      </c>
      <c r="B13740" t="s">
        <v>83</v>
      </c>
      <c r="C13740" t="s">
        <v>117</v>
      </c>
      <c r="D13740" t="s">
        <v>118</v>
      </c>
      <c r="E13740">
        <v>2013</v>
      </c>
      <c r="F13740">
        <v>2013</v>
      </c>
      <c r="G13740" t="s">
        <v>14</v>
      </c>
      <c r="H13740" t="s">
        <v>123</v>
      </c>
      <c r="I13740" t="s">
        <v>15</v>
      </c>
      <c r="J13740" s="10">
        <v>18.775510199999999</v>
      </c>
    </row>
    <row r="13741" spans="1:10" x14ac:dyDescent="0.35">
      <c r="A13741" t="s">
        <v>26</v>
      </c>
      <c r="B13741" t="s">
        <v>83</v>
      </c>
      <c r="C13741" t="s">
        <v>117</v>
      </c>
      <c r="D13741" t="s">
        <v>118</v>
      </c>
      <c r="E13741">
        <v>2013</v>
      </c>
      <c r="F13741">
        <v>2013</v>
      </c>
      <c r="G13741" t="s">
        <v>14</v>
      </c>
      <c r="H13741" t="s">
        <v>124</v>
      </c>
      <c r="I13741" t="s">
        <v>15</v>
      </c>
      <c r="J13741" s="10">
        <v>2.3747680889999998</v>
      </c>
    </row>
    <row r="13742" spans="1:10" x14ac:dyDescent="0.35">
      <c r="A13742" t="s">
        <v>26</v>
      </c>
      <c r="B13742" t="s">
        <v>83</v>
      </c>
      <c r="C13742" t="s">
        <v>117</v>
      </c>
      <c r="D13742" t="s">
        <v>118</v>
      </c>
      <c r="E13742">
        <v>2013</v>
      </c>
      <c r="F13742">
        <v>2013</v>
      </c>
      <c r="G13742" t="s">
        <v>125</v>
      </c>
      <c r="H13742" t="s">
        <v>119</v>
      </c>
      <c r="I13742" t="s">
        <v>15</v>
      </c>
      <c r="J13742" s="10">
        <v>16.888930340000002</v>
      </c>
    </row>
    <row r="13743" spans="1:10" x14ac:dyDescent="0.35">
      <c r="A13743" t="s">
        <v>26</v>
      </c>
      <c r="B13743" t="s">
        <v>83</v>
      </c>
      <c r="C13743" t="s">
        <v>117</v>
      </c>
      <c r="D13743" t="s">
        <v>118</v>
      </c>
      <c r="E13743">
        <v>2013</v>
      </c>
      <c r="F13743">
        <v>2013</v>
      </c>
      <c r="G13743" t="s">
        <v>125</v>
      </c>
      <c r="H13743" t="s">
        <v>120</v>
      </c>
      <c r="I13743" t="s">
        <v>15</v>
      </c>
      <c r="J13743" s="10">
        <v>10.7525879</v>
      </c>
    </row>
    <row r="13744" spans="1:10" x14ac:dyDescent="0.35">
      <c r="A13744" t="s">
        <v>26</v>
      </c>
      <c r="B13744" t="s">
        <v>83</v>
      </c>
      <c r="C13744" t="s">
        <v>117</v>
      </c>
      <c r="D13744" t="s">
        <v>118</v>
      </c>
      <c r="E13744">
        <v>2013</v>
      </c>
      <c r="F13744">
        <v>2013</v>
      </c>
      <c r="G13744" t="s">
        <v>125</v>
      </c>
      <c r="H13744" t="s">
        <v>121</v>
      </c>
      <c r="I13744" t="s">
        <v>15</v>
      </c>
      <c r="J13744" s="10">
        <v>29.711834369999998</v>
      </c>
    </row>
    <row r="13745" spans="1:10" x14ac:dyDescent="0.35">
      <c r="A13745" t="s">
        <v>26</v>
      </c>
      <c r="B13745" t="s">
        <v>83</v>
      </c>
      <c r="C13745" t="s">
        <v>117</v>
      </c>
      <c r="D13745" t="s">
        <v>118</v>
      </c>
      <c r="E13745">
        <v>2013</v>
      </c>
      <c r="F13745">
        <v>2013</v>
      </c>
      <c r="G13745" t="s">
        <v>125</v>
      </c>
      <c r="H13745" t="s">
        <v>122</v>
      </c>
      <c r="I13745" t="s">
        <v>15</v>
      </c>
      <c r="J13745" s="10">
        <v>22.838757810000001</v>
      </c>
    </row>
    <row r="13746" spans="1:10" x14ac:dyDescent="0.35">
      <c r="A13746" t="s">
        <v>26</v>
      </c>
      <c r="B13746" t="s">
        <v>83</v>
      </c>
      <c r="C13746" t="s">
        <v>117</v>
      </c>
      <c r="D13746" t="s">
        <v>118</v>
      </c>
      <c r="E13746">
        <v>2013</v>
      </c>
      <c r="F13746">
        <v>2013</v>
      </c>
      <c r="G13746" t="s">
        <v>125</v>
      </c>
      <c r="H13746" t="s">
        <v>123</v>
      </c>
      <c r="I13746" t="s">
        <v>15</v>
      </c>
      <c r="J13746" s="10">
        <v>18.045323140000001</v>
      </c>
    </row>
    <row r="13747" spans="1:10" x14ac:dyDescent="0.35">
      <c r="A13747" t="s">
        <v>26</v>
      </c>
      <c r="B13747" t="s">
        <v>83</v>
      </c>
      <c r="C13747" t="s">
        <v>117</v>
      </c>
      <c r="D13747" t="s">
        <v>118</v>
      </c>
      <c r="E13747">
        <v>2013</v>
      </c>
      <c r="F13747">
        <v>2013</v>
      </c>
      <c r="G13747" t="s">
        <v>125</v>
      </c>
      <c r="H13747" t="s">
        <v>124</v>
      </c>
      <c r="I13747" t="s">
        <v>15</v>
      </c>
      <c r="J13747" s="10">
        <v>1.7625664459999999</v>
      </c>
    </row>
    <row r="13748" spans="1:10" x14ac:dyDescent="0.35">
      <c r="A13748" t="s">
        <v>26</v>
      </c>
      <c r="B13748" t="s">
        <v>83</v>
      </c>
      <c r="C13748" t="s">
        <v>117</v>
      </c>
      <c r="D13748" t="s">
        <v>118</v>
      </c>
      <c r="E13748">
        <v>2013</v>
      </c>
      <c r="F13748">
        <v>2013</v>
      </c>
      <c r="G13748" t="s">
        <v>126</v>
      </c>
      <c r="H13748" t="s">
        <v>119</v>
      </c>
      <c r="I13748" t="s">
        <v>15</v>
      </c>
      <c r="J13748" s="10">
        <v>15.82541294</v>
      </c>
    </row>
    <row r="13749" spans="1:10" x14ac:dyDescent="0.35">
      <c r="A13749" t="s">
        <v>26</v>
      </c>
      <c r="B13749" t="s">
        <v>83</v>
      </c>
      <c r="C13749" t="s">
        <v>117</v>
      </c>
      <c r="D13749" t="s">
        <v>118</v>
      </c>
      <c r="E13749">
        <v>2013</v>
      </c>
      <c r="F13749">
        <v>2013</v>
      </c>
      <c r="G13749" t="s">
        <v>126</v>
      </c>
      <c r="H13749" t="s">
        <v>120</v>
      </c>
      <c r="I13749" t="s">
        <v>15</v>
      </c>
      <c r="J13749" s="10">
        <v>9.5506136379999997</v>
      </c>
    </row>
    <row r="13750" spans="1:10" x14ac:dyDescent="0.35">
      <c r="A13750" t="s">
        <v>26</v>
      </c>
      <c r="B13750" t="s">
        <v>83</v>
      </c>
      <c r="C13750" t="s">
        <v>117</v>
      </c>
      <c r="D13750" t="s">
        <v>118</v>
      </c>
      <c r="E13750">
        <v>2013</v>
      </c>
      <c r="F13750">
        <v>2013</v>
      </c>
      <c r="G13750" t="s">
        <v>126</v>
      </c>
      <c r="H13750" t="s">
        <v>121</v>
      </c>
      <c r="I13750" t="s">
        <v>15</v>
      </c>
      <c r="J13750" s="10">
        <v>30.80188244</v>
      </c>
    </row>
    <row r="13751" spans="1:10" x14ac:dyDescent="0.35">
      <c r="A13751" t="s">
        <v>26</v>
      </c>
      <c r="B13751" t="s">
        <v>83</v>
      </c>
      <c r="C13751" t="s">
        <v>117</v>
      </c>
      <c r="D13751" t="s">
        <v>118</v>
      </c>
      <c r="E13751">
        <v>2013</v>
      </c>
      <c r="F13751">
        <v>2013</v>
      </c>
      <c r="G13751" t="s">
        <v>126</v>
      </c>
      <c r="H13751" t="s">
        <v>122</v>
      </c>
      <c r="I13751" t="s">
        <v>15</v>
      </c>
      <c r="J13751" s="10">
        <v>21.343545259999999</v>
      </c>
    </row>
    <row r="13752" spans="1:10" x14ac:dyDescent="0.35">
      <c r="A13752" t="s">
        <v>26</v>
      </c>
      <c r="B13752" t="s">
        <v>83</v>
      </c>
      <c r="C13752" t="s">
        <v>117</v>
      </c>
      <c r="D13752" t="s">
        <v>118</v>
      </c>
      <c r="E13752">
        <v>2013</v>
      </c>
      <c r="F13752">
        <v>2013</v>
      </c>
      <c r="G13752" t="s">
        <v>126</v>
      </c>
      <c r="H13752" t="s">
        <v>123</v>
      </c>
      <c r="I13752" t="s">
        <v>15</v>
      </c>
      <c r="J13752" s="10">
        <v>19.498016060000001</v>
      </c>
    </row>
    <row r="13753" spans="1:10" x14ac:dyDescent="0.35">
      <c r="A13753" t="s">
        <v>26</v>
      </c>
      <c r="B13753" t="s">
        <v>83</v>
      </c>
      <c r="C13753" t="s">
        <v>117</v>
      </c>
      <c r="D13753" t="s">
        <v>118</v>
      </c>
      <c r="E13753">
        <v>2013</v>
      </c>
      <c r="F13753">
        <v>2013</v>
      </c>
      <c r="G13753" t="s">
        <v>126</v>
      </c>
      <c r="H13753" t="s">
        <v>124</v>
      </c>
      <c r="I13753" t="s">
        <v>15</v>
      </c>
      <c r="J13753" s="10">
        <v>2.9805296669999999</v>
      </c>
    </row>
    <row r="13754" spans="1:10" x14ac:dyDescent="0.35">
      <c r="A13754" t="s">
        <v>26</v>
      </c>
      <c r="B13754" t="s">
        <v>83</v>
      </c>
      <c r="C13754" t="s">
        <v>117</v>
      </c>
      <c r="D13754" t="s">
        <v>118</v>
      </c>
      <c r="E13754">
        <v>2012</v>
      </c>
      <c r="F13754">
        <v>2012</v>
      </c>
      <c r="G13754" t="s">
        <v>14</v>
      </c>
      <c r="H13754" t="s">
        <v>119</v>
      </c>
      <c r="I13754" t="s">
        <v>15</v>
      </c>
      <c r="J13754" s="10">
        <v>16.590803529999999</v>
      </c>
    </row>
    <row r="13755" spans="1:10" x14ac:dyDescent="0.35">
      <c r="A13755" t="s">
        <v>26</v>
      </c>
      <c r="B13755" t="s">
        <v>83</v>
      </c>
      <c r="C13755" t="s">
        <v>117</v>
      </c>
      <c r="D13755" t="s">
        <v>118</v>
      </c>
      <c r="E13755">
        <v>2012</v>
      </c>
      <c r="F13755">
        <v>2012</v>
      </c>
      <c r="G13755" t="s">
        <v>14</v>
      </c>
      <c r="H13755" t="s">
        <v>120</v>
      </c>
      <c r="I13755" t="s">
        <v>15</v>
      </c>
      <c r="J13755" s="10">
        <v>10.04180214</v>
      </c>
    </row>
    <row r="13756" spans="1:10" x14ac:dyDescent="0.35">
      <c r="A13756" t="s">
        <v>26</v>
      </c>
      <c r="B13756" t="s">
        <v>83</v>
      </c>
      <c r="C13756" t="s">
        <v>117</v>
      </c>
      <c r="D13756" t="s">
        <v>118</v>
      </c>
      <c r="E13756">
        <v>2012</v>
      </c>
      <c r="F13756">
        <v>2012</v>
      </c>
      <c r="G13756" t="s">
        <v>14</v>
      </c>
      <c r="H13756" t="s">
        <v>121</v>
      </c>
      <c r="I13756" t="s">
        <v>15</v>
      </c>
      <c r="J13756" s="10">
        <v>30.887134230000001</v>
      </c>
    </row>
    <row r="13757" spans="1:10" x14ac:dyDescent="0.35">
      <c r="A13757" t="s">
        <v>26</v>
      </c>
      <c r="B13757" t="s">
        <v>83</v>
      </c>
      <c r="C13757" t="s">
        <v>117</v>
      </c>
      <c r="D13757" t="s">
        <v>118</v>
      </c>
      <c r="E13757">
        <v>2012</v>
      </c>
      <c r="F13757">
        <v>2012</v>
      </c>
      <c r="G13757" t="s">
        <v>14</v>
      </c>
      <c r="H13757" t="s">
        <v>122</v>
      </c>
      <c r="I13757" t="s">
        <v>15</v>
      </c>
      <c r="J13757" s="10">
        <v>21.811425920000001</v>
      </c>
    </row>
    <row r="13758" spans="1:10" x14ac:dyDescent="0.35">
      <c r="A13758" t="s">
        <v>26</v>
      </c>
      <c r="B13758" t="s">
        <v>83</v>
      </c>
      <c r="C13758" t="s">
        <v>117</v>
      </c>
      <c r="D13758" t="s">
        <v>118</v>
      </c>
      <c r="E13758">
        <v>2012</v>
      </c>
      <c r="F13758">
        <v>2012</v>
      </c>
      <c r="G13758" t="s">
        <v>14</v>
      </c>
      <c r="H13758" t="s">
        <v>123</v>
      </c>
      <c r="I13758" t="s">
        <v>15</v>
      </c>
      <c r="J13758" s="10">
        <v>18.30933581</v>
      </c>
    </row>
    <row r="13759" spans="1:10" x14ac:dyDescent="0.35">
      <c r="A13759" t="s">
        <v>26</v>
      </c>
      <c r="B13759" t="s">
        <v>83</v>
      </c>
      <c r="C13759" t="s">
        <v>117</v>
      </c>
      <c r="D13759" t="s">
        <v>118</v>
      </c>
      <c r="E13759">
        <v>2012</v>
      </c>
      <c r="F13759">
        <v>2012</v>
      </c>
      <c r="G13759" t="s">
        <v>14</v>
      </c>
      <c r="H13759" t="s">
        <v>124</v>
      </c>
      <c r="I13759" t="s">
        <v>15</v>
      </c>
      <c r="J13759" s="10">
        <v>2.3594983740000002</v>
      </c>
    </row>
    <row r="13760" spans="1:10" x14ac:dyDescent="0.35">
      <c r="A13760" t="s">
        <v>26</v>
      </c>
      <c r="B13760" t="s">
        <v>83</v>
      </c>
      <c r="C13760" t="s">
        <v>117</v>
      </c>
      <c r="D13760" t="s">
        <v>118</v>
      </c>
      <c r="E13760">
        <v>2012</v>
      </c>
      <c r="F13760">
        <v>2012</v>
      </c>
      <c r="G13760" t="s">
        <v>125</v>
      </c>
      <c r="H13760" t="s">
        <v>119</v>
      </c>
      <c r="I13760" t="s">
        <v>15</v>
      </c>
      <c r="J13760" s="10">
        <v>17.160759379999998</v>
      </c>
    </row>
    <row r="13761" spans="1:10" x14ac:dyDescent="0.35">
      <c r="A13761" t="s">
        <v>26</v>
      </c>
      <c r="B13761" t="s">
        <v>83</v>
      </c>
      <c r="C13761" t="s">
        <v>117</v>
      </c>
      <c r="D13761" t="s">
        <v>118</v>
      </c>
      <c r="E13761">
        <v>2012</v>
      </c>
      <c r="F13761">
        <v>2012</v>
      </c>
      <c r="G13761" t="s">
        <v>125</v>
      </c>
      <c r="H13761" t="s">
        <v>120</v>
      </c>
      <c r="I13761" t="s">
        <v>15</v>
      </c>
      <c r="J13761" s="10">
        <v>10.530253439999999</v>
      </c>
    </row>
    <row r="13762" spans="1:10" x14ac:dyDescent="0.35">
      <c r="A13762" t="s">
        <v>26</v>
      </c>
      <c r="B13762" t="s">
        <v>83</v>
      </c>
      <c r="C13762" t="s">
        <v>117</v>
      </c>
      <c r="D13762" t="s">
        <v>118</v>
      </c>
      <c r="E13762">
        <v>2012</v>
      </c>
      <c r="F13762">
        <v>2012</v>
      </c>
      <c r="G13762" t="s">
        <v>125</v>
      </c>
      <c r="H13762" t="s">
        <v>121</v>
      </c>
      <c r="I13762" t="s">
        <v>15</v>
      </c>
      <c r="J13762" s="10">
        <v>30.440475079999999</v>
      </c>
    </row>
    <row r="13763" spans="1:10" x14ac:dyDescent="0.35">
      <c r="A13763" t="s">
        <v>26</v>
      </c>
      <c r="B13763" t="s">
        <v>83</v>
      </c>
      <c r="C13763" t="s">
        <v>117</v>
      </c>
      <c r="D13763" t="s">
        <v>118</v>
      </c>
      <c r="E13763">
        <v>2012</v>
      </c>
      <c r="F13763">
        <v>2012</v>
      </c>
      <c r="G13763" t="s">
        <v>125</v>
      </c>
      <c r="H13763" t="s">
        <v>122</v>
      </c>
      <c r="I13763" t="s">
        <v>15</v>
      </c>
      <c r="J13763" s="10">
        <v>22.369774620000001</v>
      </c>
    </row>
    <row r="13764" spans="1:10" x14ac:dyDescent="0.35">
      <c r="A13764" t="s">
        <v>26</v>
      </c>
      <c r="B13764" t="s">
        <v>83</v>
      </c>
      <c r="C13764" t="s">
        <v>117</v>
      </c>
      <c r="D13764" t="s">
        <v>118</v>
      </c>
      <c r="E13764">
        <v>2012</v>
      </c>
      <c r="F13764">
        <v>2012</v>
      </c>
      <c r="G13764" t="s">
        <v>125</v>
      </c>
      <c r="H13764" t="s">
        <v>123</v>
      </c>
      <c r="I13764" t="s">
        <v>15</v>
      </c>
      <c r="J13764" s="10">
        <v>17.78733751</v>
      </c>
    </row>
    <row r="13765" spans="1:10" x14ac:dyDescent="0.35">
      <c r="A13765" t="s">
        <v>26</v>
      </c>
      <c r="B13765" t="s">
        <v>83</v>
      </c>
      <c r="C13765" t="s">
        <v>117</v>
      </c>
      <c r="D13765" t="s">
        <v>118</v>
      </c>
      <c r="E13765">
        <v>2012</v>
      </c>
      <c r="F13765">
        <v>2012</v>
      </c>
      <c r="G13765" t="s">
        <v>125</v>
      </c>
      <c r="H13765" t="s">
        <v>124</v>
      </c>
      <c r="I13765" t="s">
        <v>15</v>
      </c>
      <c r="J13765" s="10">
        <v>1.711399981</v>
      </c>
    </row>
    <row r="13766" spans="1:10" x14ac:dyDescent="0.35">
      <c r="A13766" t="s">
        <v>26</v>
      </c>
      <c r="B13766" t="s">
        <v>83</v>
      </c>
      <c r="C13766" t="s">
        <v>117</v>
      </c>
      <c r="D13766" t="s">
        <v>118</v>
      </c>
      <c r="E13766">
        <v>2012</v>
      </c>
      <c r="F13766">
        <v>2012</v>
      </c>
      <c r="G13766" t="s">
        <v>126</v>
      </c>
      <c r="H13766" t="s">
        <v>119</v>
      </c>
      <c r="I13766" t="s">
        <v>15</v>
      </c>
      <c r="J13766" s="10">
        <v>16.02842115</v>
      </c>
    </row>
    <row r="13767" spans="1:10" x14ac:dyDescent="0.35">
      <c r="A13767" t="s">
        <v>26</v>
      </c>
      <c r="B13767" t="s">
        <v>83</v>
      </c>
      <c r="C13767" t="s">
        <v>117</v>
      </c>
      <c r="D13767" t="s">
        <v>118</v>
      </c>
      <c r="E13767">
        <v>2012</v>
      </c>
      <c r="F13767">
        <v>2012</v>
      </c>
      <c r="G13767" t="s">
        <v>126</v>
      </c>
      <c r="H13767" t="s">
        <v>120</v>
      </c>
      <c r="I13767" t="s">
        <v>15</v>
      </c>
      <c r="J13767" s="10">
        <v>9.5598412840000009</v>
      </c>
    </row>
    <row r="13768" spans="1:10" x14ac:dyDescent="0.35">
      <c r="A13768" t="s">
        <v>26</v>
      </c>
      <c r="B13768" t="s">
        <v>83</v>
      </c>
      <c r="C13768" t="s">
        <v>117</v>
      </c>
      <c r="D13768" t="s">
        <v>118</v>
      </c>
      <c r="E13768">
        <v>2012</v>
      </c>
      <c r="F13768">
        <v>2012</v>
      </c>
      <c r="G13768" t="s">
        <v>126</v>
      </c>
      <c r="H13768" t="s">
        <v>121</v>
      </c>
      <c r="I13768" t="s">
        <v>15</v>
      </c>
      <c r="J13768" s="10">
        <v>31.327858259999999</v>
      </c>
    </row>
    <row r="13769" spans="1:10" x14ac:dyDescent="0.35">
      <c r="A13769" t="s">
        <v>26</v>
      </c>
      <c r="B13769" t="s">
        <v>83</v>
      </c>
      <c r="C13769" t="s">
        <v>117</v>
      </c>
      <c r="D13769" t="s">
        <v>118</v>
      </c>
      <c r="E13769">
        <v>2012</v>
      </c>
      <c r="F13769">
        <v>2012</v>
      </c>
      <c r="G13769" t="s">
        <v>126</v>
      </c>
      <c r="H13769" t="s">
        <v>122</v>
      </c>
      <c r="I13769" t="s">
        <v>15</v>
      </c>
      <c r="J13769" s="10">
        <v>21.260496450000002</v>
      </c>
    </row>
    <row r="13770" spans="1:10" x14ac:dyDescent="0.35">
      <c r="A13770" t="s">
        <v>26</v>
      </c>
      <c r="B13770" t="s">
        <v>83</v>
      </c>
      <c r="C13770" t="s">
        <v>117</v>
      </c>
      <c r="D13770" t="s">
        <v>118</v>
      </c>
      <c r="E13770">
        <v>2012</v>
      </c>
      <c r="F13770">
        <v>2012</v>
      </c>
      <c r="G13770" t="s">
        <v>126</v>
      </c>
      <c r="H13770" t="s">
        <v>123</v>
      </c>
      <c r="I13770" t="s">
        <v>15</v>
      </c>
      <c r="J13770" s="10">
        <v>18.824397900000001</v>
      </c>
    </row>
    <row r="13771" spans="1:10" x14ac:dyDescent="0.35">
      <c r="A13771" t="s">
        <v>26</v>
      </c>
      <c r="B13771" t="s">
        <v>83</v>
      </c>
      <c r="C13771" t="s">
        <v>117</v>
      </c>
      <c r="D13771" t="s">
        <v>118</v>
      </c>
      <c r="E13771">
        <v>2012</v>
      </c>
      <c r="F13771">
        <v>2012</v>
      </c>
      <c r="G13771" t="s">
        <v>126</v>
      </c>
      <c r="H13771" t="s">
        <v>124</v>
      </c>
      <c r="I13771" t="s">
        <v>15</v>
      </c>
      <c r="J13771" s="10">
        <v>2.998984959</v>
      </c>
    </row>
    <row r="13772" spans="1:10" x14ac:dyDescent="0.35">
      <c r="A13772" t="s">
        <v>26</v>
      </c>
      <c r="B13772" t="s">
        <v>83</v>
      </c>
      <c r="C13772" t="s">
        <v>117</v>
      </c>
      <c r="D13772" t="s">
        <v>118</v>
      </c>
      <c r="E13772">
        <v>2011</v>
      </c>
      <c r="F13772">
        <v>2011</v>
      </c>
      <c r="G13772" t="s">
        <v>14</v>
      </c>
      <c r="H13772" t="s">
        <v>119</v>
      </c>
      <c r="I13772" t="s">
        <v>15</v>
      </c>
      <c r="J13772" s="10">
        <v>16.79271709</v>
      </c>
    </row>
    <row r="13773" spans="1:10" x14ac:dyDescent="0.35">
      <c r="A13773" t="s">
        <v>26</v>
      </c>
      <c r="B13773" t="s">
        <v>83</v>
      </c>
      <c r="C13773" t="s">
        <v>117</v>
      </c>
      <c r="D13773" t="s">
        <v>118</v>
      </c>
      <c r="E13773">
        <v>2011</v>
      </c>
      <c r="F13773">
        <v>2011</v>
      </c>
      <c r="G13773" t="s">
        <v>14</v>
      </c>
      <c r="H13773" t="s">
        <v>120</v>
      </c>
      <c r="I13773" t="s">
        <v>15</v>
      </c>
      <c r="J13773" s="10">
        <v>10.1914099</v>
      </c>
    </row>
    <row r="13774" spans="1:10" x14ac:dyDescent="0.35">
      <c r="A13774" t="s">
        <v>26</v>
      </c>
      <c r="B13774" t="s">
        <v>83</v>
      </c>
      <c r="C13774" t="s">
        <v>117</v>
      </c>
      <c r="D13774" t="s">
        <v>118</v>
      </c>
      <c r="E13774">
        <v>2011</v>
      </c>
      <c r="F13774">
        <v>2011</v>
      </c>
      <c r="G13774" t="s">
        <v>14</v>
      </c>
      <c r="H13774" t="s">
        <v>121</v>
      </c>
      <c r="I13774" t="s">
        <v>15</v>
      </c>
      <c r="J13774" s="10">
        <v>30.994397759999998</v>
      </c>
    </row>
    <row r="13775" spans="1:10" x14ac:dyDescent="0.35">
      <c r="A13775" t="s">
        <v>26</v>
      </c>
      <c r="B13775" t="s">
        <v>83</v>
      </c>
      <c r="C13775" t="s">
        <v>117</v>
      </c>
      <c r="D13775" t="s">
        <v>118</v>
      </c>
      <c r="E13775">
        <v>2011</v>
      </c>
      <c r="F13775">
        <v>2011</v>
      </c>
      <c r="G13775" t="s">
        <v>14</v>
      </c>
      <c r="H13775" t="s">
        <v>122</v>
      </c>
      <c r="I13775" t="s">
        <v>15</v>
      </c>
      <c r="J13775" s="10">
        <v>22.09150327</v>
      </c>
    </row>
    <row r="13776" spans="1:10" x14ac:dyDescent="0.35">
      <c r="A13776" t="s">
        <v>26</v>
      </c>
      <c r="B13776" t="s">
        <v>83</v>
      </c>
      <c r="C13776" t="s">
        <v>117</v>
      </c>
      <c r="D13776" t="s">
        <v>118</v>
      </c>
      <c r="E13776">
        <v>2011</v>
      </c>
      <c r="F13776">
        <v>2011</v>
      </c>
      <c r="G13776" t="s">
        <v>14</v>
      </c>
      <c r="H13776" t="s">
        <v>123</v>
      </c>
      <c r="I13776" t="s">
        <v>15</v>
      </c>
      <c r="J13776" s="10">
        <v>17.637721760000002</v>
      </c>
    </row>
    <row r="13777" spans="1:10" x14ac:dyDescent="0.35">
      <c r="A13777" t="s">
        <v>26</v>
      </c>
      <c r="B13777" t="s">
        <v>83</v>
      </c>
      <c r="C13777" t="s">
        <v>117</v>
      </c>
      <c r="D13777" t="s">
        <v>118</v>
      </c>
      <c r="E13777">
        <v>2011</v>
      </c>
      <c r="F13777">
        <v>2011</v>
      </c>
      <c r="G13777" t="s">
        <v>14</v>
      </c>
      <c r="H13777" t="s">
        <v>124</v>
      </c>
      <c r="I13777" t="s">
        <v>15</v>
      </c>
      <c r="J13777" s="10">
        <v>2.2922502329999999</v>
      </c>
    </row>
    <row r="13778" spans="1:10" x14ac:dyDescent="0.35">
      <c r="A13778" t="s">
        <v>26</v>
      </c>
      <c r="B13778" t="s">
        <v>83</v>
      </c>
      <c r="C13778" t="s">
        <v>117</v>
      </c>
      <c r="D13778" t="s">
        <v>118</v>
      </c>
      <c r="E13778">
        <v>2011</v>
      </c>
      <c r="F13778">
        <v>2011</v>
      </c>
      <c r="G13778" t="s">
        <v>125</v>
      </c>
      <c r="H13778" t="s">
        <v>119</v>
      </c>
      <c r="I13778" t="s">
        <v>15</v>
      </c>
      <c r="J13778" s="10">
        <v>17.63430726</v>
      </c>
    </row>
    <row r="13779" spans="1:10" x14ac:dyDescent="0.35">
      <c r="A13779" t="s">
        <v>26</v>
      </c>
      <c r="B13779" t="s">
        <v>83</v>
      </c>
      <c r="C13779" t="s">
        <v>117</v>
      </c>
      <c r="D13779" t="s">
        <v>118</v>
      </c>
      <c r="E13779">
        <v>2011</v>
      </c>
      <c r="F13779">
        <v>2011</v>
      </c>
      <c r="G13779" t="s">
        <v>125</v>
      </c>
      <c r="H13779" t="s">
        <v>120</v>
      </c>
      <c r="I13779" t="s">
        <v>15</v>
      </c>
      <c r="J13779" s="10">
        <v>10.386427899999999</v>
      </c>
    </row>
    <row r="13780" spans="1:10" x14ac:dyDescent="0.35">
      <c r="A13780" t="s">
        <v>26</v>
      </c>
      <c r="B13780" t="s">
        <v>83</v>
      </c>
      <c r="C13780" t="s">
        <v>117</v>
      </c>
      <c r="D13780" t="s">
        <v>118</v>
      </c>
      <c r="E13780">
        <v>2011</v>
      </c>
      <c r="F13780">
        <v>2011</v>
      </c>
      <c r="G13780" t="s">
        <v>125</v>
      </c>
      <c r="H13780" t="s">
        <v>121</v>
      </c>
      <c r="I13780" t="s">
        <v>15</v>
      </c>
      <c r="J13780" s="10">
        <v>30.810556080000001</v>
      </c>
    </row>
    <row r="13781" spans="1:10" x14ac:dyDescent="0.35">
      <c r="A13781" t="s">
        <v>26</v>
      </c>
      <c r="B13781" t="s">
        <v>83</v>
      </c>
      <c r="C13781" t="s">
        <v>117</v>
      </c>
      <c r="D13781" t="s">
        <v>118</v>
      </c>
      <c r="E13781">
        <v>2011</v>
      </c>
      <c r="F13781">
        <v>2011</v>
      </c>
      <c r="G13781" t="s">
        <v>125</v>
      </c>
      <c r="H13781" t="s">
        <v>122</v>
      </c>
      <c r="I13781" t="s">
        <v>15</v>
      </c>
      <c r="J13781" s="10">
        <v>22.610744579999999</v>
      </c>
    </row>
    <row r="13782" spans="1:10" x14ac:dyDescent="0.35">
      <c r="A13782" t="s">
        <v>26</v>
      </c>
      <c r="B13782" t="s">
        <v>83</v>
      </c>
      <c r="C13782" t="s">
        <v>117</v>
      </c>
      <c r="D13782" t="s">
        <v>118</v>
      </c>
      <c r="E13782">
        <v>2011</v>
      </c>
      <c r="F13782">
        <v>2011</v>
      </c>
      <c r="G13782" t="s">
        <v>125</v>
      </c>
      <c r="H13782" t="s">
        <v>123</v>
      </c>
      <c r="I13782" t="s">
        <v>15</v>
      </c>
      <c r="J13782" s="10">
        <v>16.899151740000001</v>
      </c>
    </row>
    <row r="13783" spans="1:10" x14ac:dyDescent="0.35">
      <c r="A13783" t="s">
        <v>26</v>
      </c>
      <c r="B13783" t="s">
        <v>83</v>
      </c>
      <c r="C13783" t="s">
        <v>117</v>
      </c>
      <c r="D13783" t="s">
        <v>118</v>
      </c>
      <c r="E13783">
        <v>2011</v>
      </c>
      <c r="F13783">
        <v>2011</v>
      </c>
      <c r="G13783" t="s">
        <v>125</v>
      </c>
      <c r="H13783" t="s">
        <v>124</v>
      </c>
      <c r="I13783" t="s">
        <v>15</v>
      </c>
      <c r="J13783" s="10">
        <v>1.658812441</v>
      </c>
    </row>
    <row r="13784" spans="1:10" x14ac:dyDescent="0.35">
      <c r="A13784" t="s">
        <v>26</v>
      </c>
      <c r="B13784" t="s">
        <v>83</v>
      </c>
      <c r="C13784" t="s">
        <v>117</v>
      </c>
      <c r="D13784" t="s">
        <v>118</v>
      </c>
      <c r="E13784">
        <v>2011</v>
      </c>
      <c r="F13784">
        <v>2011</v>
      </c>
      <c r="G13784" t="s">
        <v>126</v>
      </c>
      <c r="H13784" t="s">
        <v>119</v>
      </c>
      <c r="I13784" t="s">
        <v>15</v>
      </c>
      <c r="J13784" s="10">
        <v>15.9666975</v>
      </c>
    </row>
    <row r="13785" spans="1:10" x14ac:dyDescent="0.35">
      <c r="A13785" t="s">
        <v>26</v>
      </c>
      <c r="B13785" t="s">
        <v>83</v>
      </c>
      <c r="C13785" t="s">
        <v>117</v>
      </c>
      <c r="D13785" t="s">
        <v>118</v>
      </c>
      <c r="E13785">
        <v>2011</v>
      </c>
      <c r="F13785">
        <v>2011</v>
      </c>
      <c r="G13785" t="s">
        <v>126</v>
      </c>
      <c r="H13785" t="s">
        <v>120</v>
      </c>
      <c r="I13785" t="s">
        <v>15</v>
      </c>
      <c r="J13785" s="10">
        <v>10</v>
      </c>
    </row>
    <row r="13786" spans="1:10" x14ac:dyDescent="0.35">
      <c r="A13786" t="s">
        <v>26</v>
      </c>
      <c r="B13786" t="s">
        <v>83</v>
      </c>
      <c r="C13786" t="s">
        <v>117</v>
      </c>
      <c r="D13786" t="s">
        <v>118</v>
      </c>
      <c r="E13786">
        <v>2011</v>
      </c>
      <c r="F13786">
        <v>2011</v>
      </c>
      <c r="G13786" t="s">
        <v>126</v>
      </c>
      <c r="H13786" t="s">
        <v>121</v>
      </c>
      <c r="I13786" t="s">
        <v>15</v>
      </c>
      <c r="J13786" s="10">
        <v>31.17483811</v>
      </c>
    </row>
    <row r="13787" spans="1:10" x14ac:dyDescent="0.35">
      <c r="A13787" t="s">
        <v>26</v>
      </c>
      <c r="B13787" t="s">
        <v>83</v>
      </c>
      <c r="C13787" t="s">
        <v>117</v>
      </c>
      <c r="D13787" t="s">
        <v>118</v>
      </c>
      <c r="E13787">
        <v>2011</v>
      </c>
      <c r="F13787">
        <v>2011</v>
      </c>
      <c r="G13787" t="s">
        <v>126</v>
      </c>
      <c r="H13787" t="s">
        <v>122</v>
      </c>
      <c r="I13787" t="s">
        <v>15</v>
      </c>
      <c r="J13787" s="10">
        <v>21.58186864</v>
      </c>
    </row>
    <row r="13788" spans="1:10" x14ac:dyDescent="0.35">
      <c r="A13788" t="s">
        <v>26</v>
      </c>
      <c r="B13788" t="s">
        <v>83</v>
      </c>
      <c r="C13788" t="s">
        <v>117</v>
      </c>
      <c r="D13788" t="s">
        <v>118</v>
      </c>
      <c r="E13788">
        <v>2011</v>
      </c>
      <c r="F13788">
        <v>2011</v>
      </c>
      <c r="G13788" t="s">
        <v>126</v>
      </c>
      <c r="H13788" t="s">
        <v>123</v>
      </c>
      <c r="I13788" t="s">
        <v>15</v>
      </c>
      <c r="J13788" s="10">
        <v>18.362627199999999</v>
      </c>
    </row>
    <row r="13789" spans="1:10" x14ac:dyDescent="0.35">
      <c r="A13789" t="s">
        <v>26</v>
      </c>
      <c r="B13789" t="s">
        <v>83</v>
      </c>
      <c r="C13789" t="s">
        <v>117</v>
      </c>
      <c r="D13789" t="s">
        <v>118</v>
      </c>
      <c r="E13789">
        <v>2011</v>
      </c>
      <c r="F13789">
        <v>2011</v>
      </c>
      <c r="G13789" t="s">
        <v>126</v>
      </c>
      <c r="H13789" t="s">
        <v>124</v>
      </c>
      <c r="I13789" t="s">
        <v>15</v>
      </c>
      <c r="J13789" s="10">
        <v>2.9139685480000002</v>
      </c>
    </row>
    <row r="13790" spans="1:10" x14ac:dyDescent="0.35">
      <c r="A13790" t="s">
        <v>35</v>
      </c>
      <c r="B13790" t="s">
        <v>84</v>
      </c>
      <c r="C13790" t="s">
        <v>117</v>
      </c>
      <c r="D13790" t="s">
        <v>118</v>
      </c>
      <c r="E13790">
        <v>2020</v>
      </c>
      <c r="F13790">
        <v>2020</v>
      </c>
      <c r="G13790" t="s">
        <v>14</v>
      </c>
      <c r="H13790" t="s">
        <v>119</v>
      </c>
      <c r="I13790" t="s">
        <v>15</v>
      </c>
      <c r="J13790" s="10">
        <v>15.84064468</v>
      </c>
    </row>
    <row r="13791" spans="1:10" x14ac:dyDescent="0.35">
      <c r="A13791" t="s">
        <v>35</v>
      </c>
      <c r="B13791" t="s">
        <v>84</v>
      </c>
      <c r="C13791" t="s">
        <v>117</v>
      </c>
      <c r="D13791" t="s">
        <v>118</v>
      </c>
      <c r="E13791">
        <v>2020</v>
      </c>
      <c r="F13791">
        <v>2020</v>
      </c>
      <c r="G13791" t="s">
        <v>14</v>
      </c>
      <c r="H13791" t="s">
        <v>120</v>
      </c>
      <c r="I13791" t="s">
        <v>15</v>
      </c>
      <c r="J13791" s="10">
        <v>10.48846228</v>
      </c>
    </row>
    <row r="13792" spans="1:10" x14ac:dyDescent="0.35">
      <c r="A13792" t="s">
        <v>35</v>
      </c>
      <c r="B13792" t="s">
        <v>84</v>
      </c>
      <c r="C13792" t="s">
        <v>117</v>
      </c>
      <c r="D13792" t="s">
        <v>118</v>
      </c>
      <c r="E13792">
        <v>2020</v>
      </c>
      <c r="F13792">
        <v>2020</v>
      </c>
      <c r="G13792" t="s">
        <v>14</v>
      </c>
      <c r="H13792" t="s">
        <v>121</v>
      </c>
      <c r="I13792" t="s">
        <v>15</v>
      </c>
      <c r="J13792" s="10">
        <v>33.392007479999997</v>
      </c>
    </row>
    <row r="13793" spans="1:10" x14ac:dyDescent="0.35">
      <c r="A13793" t="s">
        <v>35</v>
      </c>
      <c r="B13793" t="s">
        <v>84</v>
      </c>
      <c r="C13793" t="s">
        <v>117</v>
      </c>
      <c r="D13793" t="s">
        <v>118</v>
      </c>
      <c r="E13793">
        <v>2020</v>
      </c>
      <c r="F13793">
        <v>2020</v>
      </c>
      <c r="G13793" t="s">
        <v>14</v>
      </c>
      <c r="H13793" t="s">
        <v>122</v>
      </c>
      <c r="I13793" t="s">
        <v>15</v>
      </c>
      <c r="J13793" s="10">
        <v>22.250336919999999</v>
      </c>
    </row>
    <row r="13794" spans="1:10" x14ac:dyDescent="0.35">
      <c r="A13794" t="s">
        <v>35</v>
      </c>
      <c r="B13794" t="s">
        <v>84</v>
      </c>
      <c r="C13794" t="s">
        <v>117</v>
      </c>
      <c r="D13794" t="s">
        <v>118</v>
      </c>
      <c r="E13794">
        <v>2020</v>
      </c>
      <c r="F13794">
        <v>2020</v>
      </c>
      <c r="G13794" t="s">
        <v>14</v>
      </c>
      <c r="H13794" t="s">
        <v>123</v>
      </c>
      <c r="I13794" t="s">
        <v>15</v>
      </c>
      <c r="J13794" s="10">
        <v>15.550482690000001</v>
      </c>
    </row>
    <row r="13795" spans="1:10" x14ac:dyDescent="0.35">
      <c r="A13795" t="s">
        <v>35</v>
      </c>
      <c r="B13795" t="s">
        <v>84</v>
      </c>
      <c r="C13795" t="s">
        <v>117</v>
      </c>
      <c r="D13795" t="s">
        <v>118</v>
      </c>
      <c r="E13795">
        <v>2020</v>
      </c>
      <c r="F13795">
        <v>2020</v>
      </c>
      <c r="G13795" t="s">
        <v>14</v>
      </c>
      <c r="H13795" t="s">
        <v>124</v>
      </c>
      <c r="I13795" t="s">
        <v>15</v>
      </c>
      <c r="J13795" s="10">
        <v>2.4780659530000002</v>
      </c>
    </row>
    <row r="13796" spans="1:10" x14ac:dyDescent="0.35">
      <c r="A13796" t="s">
        <v>35</v>
      </c>
      <c r="B13796" t="s">
        <v>84</v>
      </c>
      <c r="C13796" t="s">
        <v>117</v>
      </c>
      <c r="D13796" t="s">
        <v>118</v>
      </c>
      <c r="E13796">
        <v>2020</v>
      </c>
      <c r="F13796">
        <v>2020</v>
      </c>
      <c r="G13796" t="s">
        <v>125</v>
      </c>
      <c r="H13796" t="s">
        <v>119</v>
      </c>
      <c r="I13796" t="s">
        <v>15</v>
      </c>
      <c r="J13796" s="10">
        <v>16.522895040000002</v>
      </c>
    </row>
    <row r="13797" spans="1:10" x14ac:dyDescent="0.35">
      <c r="A13797" t="s">
        <v>35</v>
      </c>
      <c r="B13797" t="s">
        <v>84</v>
      </c>
      <c r="C13797" t="s">
        <v>117</v>
      </c>
      <c r="D13797" t="s">
        <v>118</v>
      </c>
      <c r="E13797">
        <v>2020</v>
      </c>
      <c r="F13797">
        <v>2020</v>
      </c>
      <c r="G13797" t="s">
        <v>125</v>
      </c>
      <c r="H13797" t="s">
        <v>120</v>
      </c>
      <c r="I13797" t="s">
        <v>15</v>
      </c>
      <c r="J13797" s="10">
        <v>10.85782165</v>
      </c>
    </row>
    <row r="13798" spans="1:10" x14ac:dyDescent="0.35">
      <c r="A13798" t="s">
        <v>35</v>
      </c>
      <c r="B13798" t="s">
        <v>84</v>
      </c>
      <c r="C13798" t="s">
        <v>117</v>
      </c>
      <c r="D13798" t="s">
        <v>118</v>
      </c>
      <c r="E13798">
        <v>2020</v>
      </c>
      <c r="F13798">
        <v>2020</v>
      </c>
      <c r="G13798" t="s">
        <v>125</v>
      </c>
      <c r="H13798" t="s">
        <v>121</v>
      </c>
      <c r="I13798" t="s">
        <v>15</v>
      </c>
      <c r="J13798" s="10">
        <v>34.406199620000002</v>
      </c>
    </row>
    <row r="13799" spans="1:10" x14ac:dyDescent="0.35">
      <c r="A13799" t="s">
        <v>35</v>
      </c>
      <c r="B13799" t="s">
        <v>84</v>
      </c>
      <c r="C13799" t="s">
        <v>117</v>
      </c>
      <c r="D13799" t="s">
        <v>118</v>
      </c>
      <c r="E13799">
        <v>2020</v>
      </c>
      <c r="F13799">
        <v>2020</v>
      </c>
      <c r="G13799" t="s">
        <v>125</v>
      </c>
      <c r="H13799" t="s">
        <v>122</v>
      </c>
      <c r="I13799" t="s">
        <v>15</v>
      </c>
      <c r="J13799" s="10">
        <v>21.989987840000001</v>
      </c>
    </row>
    <row r="13800" spans="1:10" x14ac:dyDescent="0.35">
      <c r="A13800" t="s">
        <v>35</v>
      </c>
      <c r="B13800" t="s">
        <v>84</v>
      </c>
      <c r="C13800" t="s">
        <v>117</v>
      </c>
      <c r="D13800" t="s">
        <v>118</v>
      </c>
      <c r="E13800">
        <v>2020</v>
      </c>
      <c r="F13800">
        <v>2020</v>
      </c>
      <c r="G13800" t="s">
        <v>125</v>
      </c>
      <c r="H13800" t="s">
        <v>123</v>
      </c>
      <c r="I13800" t="s">
        <v>15</v>
      </c>
      <c r="J13800" s="10">
        <v>14.55723053</v>
      </c>
    </row>
    <row r="13801" spans="1:10" x14ac:dyDescent="0.35">
      <c r="A13801" t="s">
        <v>35</v>
      </c>
      <c r="B13801" t="s">
        <v>84</v>
      </c>
      <c r="C13801" t="s">
        <v>117</v>
      </c>
      <c r="D13801" t="s">
        <v>118</v>
      </c>
      <c r="E13801">
        <v>2020</v>
      </c>
      <c r="F13801">
        <v>2020</v>
      </c>
      <c r="G13801" t="s">
        <v>125</v>
      </c>
      <c r="H13801" t="s">
        <v>124</v>
      </c>
      <c r="I13801" t="s">
        <v>15</v>
      </c>
      <c r="J13801" s="10">
        <v>1.665865317</v>
      </c>
    </row>
    <row r="13802" spans="1:10" x14ac:dyDescent="0.35">
      <c r="A13802" t="s">
        <v>35</v>
      </c>
      <c r="B13802" t="s">
        <v>84</v>
      </c>
      <c r="C13802" t="s">
        <v>117</v>
      </c>
      <c r="D13802" t="s">
        <v>118</v>
      </c>
      <c r="E13802">
        <v>2020</v>
      </c>
      <c r="F13802">
        <v>2020</v>
      </c>
      <c r="G13802" t="s">
        <v>126</v>
      </c>
      <c r="H13802" t="s">
        <v>119</v>
      </c>
      <c r="I13802" t="s">
        <v>15</v>
      </c>
      <c r="J13802" s="10">
        <v>15.19498943</v>
      </c>
    </row>
    <row r="13803" spans="1:10" x14ac:dyDescent="0.35">
      <c r="A13803" t="s">
        <v>35</v>
      </c>
      <c r="B13803" t="s">
        <v>84</v>
      </c>
      <c r="C13803" t="s">
        <v>117</v>
      </c>
      <c r="D13803" t="s">
        <v>118</v>
      </c>
      <c r="E13803">
        <v>2020</v>
      </c>
      <c r="F13803">
        <v>2020</v>
      </c>
      <c r="G13803" t="s">
        <v>126</v>
      </c>
      <c r="H13803" t="s">
        <v>120</v>
      </c>
      <c r="I13803" t="s">
        <v>15</v>
      </c>
      <c r="J13803" s="10">
        <v>10.13891491</v>
      </c>
    </row>
    <row r="13804" spans="1:10" x14ac:dyDescent="0.35">
      <c r="A13804" t="s">
        <v>35</v>
      </c>
      <c r="B13804" t="s">
        <v>84</v>
      </c>
      <c r="C13804" t="s">
        <v>117</v>
      </c>
      <c r="D13804" t="s">
        <v>118</v>
      </c>
      <c r="E13804">
        <v>2020</v>
      </c>
      <c r="F13804">
        <v>2020</v>
      </c>
      <c r="G13804" t="s">
        <v>126</v>
      </c>
      <c r="H13804" t="s">
        <v>121</v>
      </c>
      <c r="I13804" t="s">
        <v>15</v>
      </c>
      <c r="J13804" s="10">
        <v>32.432215409999998</v>
      </c>
    </row>
    <row r="13805" spans="1:10" x14ac:dyDescent="0.35">
      <c r="A13805" t="s">
        <v>35</v>
      </c>
      <c r="B13805" t="s">
        <v>84</v>
      </c>
      <c r="C13805" t="s">
        <v>117</v>
      </c>
      <c r="D13805" t="s">
        <v>118</v>
      </c>
      <c r="E13805">
        <v>2020</v>
      </c>
      <c r="F13805">
        <v>2020</v>
      </c>
      <c r="G13805" t="s">
        <v>126</v>
      </c>
      <c r="H13805" t="s">
        <v>122</v>
      </c>
      <c r="I13805" t="s">
        <v>15</v>
      </c>
      <c r="J13805" s="10">
        <v>22.496721180000002</v>
      </c>
    </row>
    <row r="13806" spans="1:10" x14ac:dyDescent="0.35">
      <c r="A13806" t="s">
        <v>35</v>
      </c>
      <c r="B13806" t="s">
        <v>84</v>
      </c>
      <c r="C13806" t="s">
        <v>117</v>
      </c>
      <c r="D13806" t="s">
        <v>118</v>
      </c>
      <c r="E13806">
        <v>2020</v>
      </c>
      <c r="F13806">
        <v>2020</v>
      </c>
      <c r="G13806" t="s">
        <v>126</v>
      </c>
      <c r="H13806" t="s">
        <v>123</v>
      </c>
      <c r="I13806" t="s">
        <v>15</v>
      </c>
      <c r="J13806" s="10">
        <v>16.490457960000001</v>
      </c>
    </row>
    <row r="13807" spans="1:10" x14ac:dyDescent="0.35">
      <c r="A13807" t="s">
        <v>35</v>
      </c>
      <c r="B13807" t="s">
        <v>84</v>
      </c>
      <c r="C13807" t="s">
        <v>117</v>
      </c>
      <c r="D13807" t="s">
        <v>118</v>
      </c>
      <c r="E13807">
        <v>2020</v>
      </c>
      <c r="F13807">
        <v>2020</v>
      </c>
      <c r="G13807" t="s">
        <v>126</v>
      </c>
      <c r="H13807" t="s">
        <v>124</v>
      </c>
      <c r="I13807" t="s">
        <v>15</v>
      </c>
      <c r="J13807" s="10">
        <v>3.2467011050000001</v>
      </c>
    </row>
    <row r="13808" spans="1:10" x14ac:dyDescent="0.35">
      <c r="A13808" t="s">
        <v>35</v>
      </c>
      <c r="B13808" t="s">
        <v>84</v>
      </c>
      <c r="C13808" t="s">
        <v>117</v>
      </c>
      <c r="D13808" t="s">
        <v>118</v>
      </c>
      <c r="E13808">
        <v>2019</v>
      </c>
      <c r="F13808">
        <v>2019</v>
      </c>
      <c r="G13808" t="s">
        <v>14</v>
      </c>
      <c r="H13808" t="s">
        <v>119</v>
      </c>
      <c r="I13808" t="s">
        <v>15</v>
      </c>
      <c r="J13808" s="10">
        <v>15.985873079999999</v>
      </c>
    </row>
    <row r="13809" spans="1:10" x14ac:dyDescent="0.35">
      <c r="A13809" t="s">
        <v>35</v>
      </c>
      <c r="B13809" t="s">
        <v>84</v>
      </c>
      <c r="C13809" t="s">
        <v>117</v>
      </c>
      <c r="D13809" t="s">
        <v>118</v>
      </c>
      <c r="E13809">
        <v>2019</v>
      </c>
      <c r="F13809">
        <v>2019</v>
      </c>
      <c r="G13809" t="s">
        <v>14</v>
      </c>
      <c r="H13809" t="s">
        <v>120</v>
      </c>
      <c r="I13809" t="s">
        <v>15</v>
      </c>
      <c r="J13809" s="10">
        <v>10.71428571</v>
      </c>
    </row>
    <row r="13810" spans="1:10" x14ac:dyDescent="0.35">
      <c r="A13810" t="s">
        <v>35</v>
      </c>
      <c r="B13810" t="s">
        <v>84</v>
      </c>
      <c r="C13810" t="s">
        <v>117</v>
      </c>
      <c r="D13810" t="s">
        <v>118</v>
      </c>
      <c r="E13810">
        <v>2019</v>
      </c>
      <c r="F13810">
        <v>2019</v>
      </c>
      <c r="G13810" t="s">
        <v>14</v>
      </c>
      <c r="H13810" t="s">
        <v>121</v>
      </c>
      <c r="I13810" t="s">
        <v>15</v>
      </c>
      <c r="J13810" s="10">
        <v>33.439194000000001</v>
      </c>
    </row>
    <row r="13811" spans="1:10" x14ac:dyDescent="0.35">
      <c r="A13811" t="s">
        <v>35</v>
      </c>
      <c r="B13811" t="s">
        <v>84</v>
      </c>
      <c r="C13811" t="s">
        <v>117</v>
      </c>
      <c r="D13811" t="s">
        <v>118</v>
      </c>
      <c r="E13811">
        <v>2019</v>
      </c>
      <c r="F13811">
        <v>2019</v>
      </c>
      <c r="G13811" t="s">
        <v>14</v>
      </c>
      <c r="H13811" t="s">
        <v>122</v>
      </c>
      <c r="I13811" t="s">
        <v>15</v>
      </c>
      <c r="J13811" s="10">
        <v>22.01719323</v>
      </c>
    </row>
    <row r="13812" spans="1:10" x14ac:dyDescent="0.35">
      <c r="A13812" t="s">
        <v>35</v>
      </c>
      <c r="B13812" t="s">
        <v>84</v>
      </c>
      <c r="C13812" t="s">
        <v>117</v>
      </c>
      <c r="D13812" t="s">
        <v>118</v>
      </c>
      <c r="E13812">
        <v>2019</v>
      </c>
      <c r="F13812">
        <v>2019</v>
      </c>
      <c r="G13812" t="s">
        <v>14</v>
      </c>
      <c r="H13812" t="s">
        <v>123</v>
      </c>
      <c r="I13812" t="s">
        <v>15</v>
      </c>
      <c r="J13812" s="10">
        <v>15.42599792</v>
      </c>
    </row>
    <row r="13813" spans="1:10" x14ac:dyDescent="0.35">
      <c r="A13813" t="s">
        <v>35</v>
      </c>
      <c r="B13813" t="s">
        <v>84</v>
      </c>
      <c r="C13813" t="s">
        <v>117</v>
      </c>
      <c r="D13813" t="s">
        <v>118</v>
      </c>
      <c r="E13813">
        <v>2019</v>
      </c>
      <c r="F13813">
        <v>2019</v>
      </c>
      <c r="G13813" t="s">
        <v>14</v>
      </c>
      <c r="H13813" t="s">
        <v>124</v>
      </c>
      <c r="I13813" t="s">
        <v>15</v>
      </c>
      <c r="J13813" s="10">
        <v>2.417456059</v>
      </c>
    </row>
    <row r="13814" spans="1:10" x14ac:dyDescent="0.35">
      <c r="A13814" t="s">
        <v>35</v>
      </c>
      <c r="B13814" t="s">
        <v>84</v>
      </c>
      <c r="C13814" t="s">
        <v>117</v>
      </c>
      <c r="D13814" t="s">
        <v>118</v>
      </c>
      <c r="E13814">
        <v>2019</v>
      </c>
      <c r="F13814">
        <v>2019</v>
      </c>
      <c r="G13814" t="s">
        <v>125</v>
      </c>
      <c r="H13814" t="s">
        <v>119</v>
      </c>
      <c r="I13814" t="s">
        <v>15</v>
      </c>
      <c r="J13814" s="10">
        <v>16.662908049999999</v>
      </c>
    </row>
    <row r="13815" spans="1:10" x14ac:dyDescent="0.35">
      <c r="A13815" t="s">
        <v>35</v>
      </c>
      <c r="B13815" t="s">
        <v>84</v>
      </c>
      <c r="C13815" t="s">
        <v>117</v>
      </c>
      <c r="D13815" t="s">
        <v>118</v>
      </c>
      <c r="E13815">
        <v>2019</v>
      </c>
      <c r="F13815">
        <v>2019</v>
      </c>
      <c r="G13815" t="s">
        <v>125</v>
      </c>
      <c r="H13815" t="s">
        <v>120</v>
      </c>
      <c r="I13815" t="s">
        <v>15</v>
      </c>
      <c r="J13815" s="10">
        <v>11.15746744</v>
      </c>
    </row>
    <row r="13816" spans="1:10" x14ac:dyDescent="0.35">
      <c r="A13816" t="s">
        <v>35</v>
      </c>
      <c r="B13816" t="s">
        <v>84</v>
      </c>
      <c r="C13816" t="s">
        <v>117</v>
      </c>
      <c r="D13816" t="s">
        <v>118</v>
      </c>
      <c r="E13816">
        <v>2019</v>
      </c>
      <c r="F13816">
        <v>2019</v>
      </c>
      <c r="G13816" t="s">
        <v>125</v>
      </c>
      <c r="H13816" t="s">
        <v>121</v>
      </c>
      <c r="I13816" t="s">
        <v>15</v>
      </c>
      <c r="J13816" s="10">
        <v>34.213790379999999</v>
      </c>
    </row>
    <row r="13817" spans="1:10" x14ac:dyDescent="0.35">
      <c r="A13817" t="s">
        <v>35</v>
      </c>
      <c r="B13817" t="s">
        <v>84</v>
      </c>
      <c r="C13817" t="s">
        <v>117</v>
      </c>
      <c r="D13817" t="s">
        <v>118</v>
      </c>
      <c r="E13817">
        <v>2019</v>
      </c>
      <c r="F13817">
        <v>2019</v>
      </c>
      <c r="G13817" t="s">
        <v>125</v>
      </c>
      <c r="H13817" t="s">
        <v>122</v>
      </c>
      <c r="I13817" t="s">
        <v>15</v>
      </c>
      <c r="J13817" s="10">
        <v>21.92309861</v>
      </c>
    </row>
    <row r="13818" spans="1:10" x14ac:dyDescent="0.35">
      <c r="A13818" t="s">
        <v>35</v>
      </c>
      <c r="B13818" t="s">
        <v>84</v>
      </c>
      <c r="C13818" t="s">
        <v>117</v>
      </c>
      <c r="D13818" t="s">
        <v>118</v>
      </c>
      <c r="E13818">
        <v>2019</v>
      </c>
      <c r="F13818">
        <v>2019</v>
      </c>
      <c r="G13818" t="s">
        <v>125</v>
      </c>
      <c r="H13818" t="s">
        <v>123</v>
      </c>
      <c r="I13818" t="s">
        <v>15</v>
      </c>
      <c r="J13818" s="10">
        <v>14.4359249</v>
      </c>
    </row>
    <row r="13819" spans="1:10" x14ac:dyDescent="0.35">
      <c r="A13819" t="s">
        <v>35</v>
      </c>
      <c r="B13819" t="s">
        <v>84</v>
      </c>
      <c r="C13819" t="s">
        <v>117</v>
      </c>
      <c r="D13819" t="s">
        <v>118</v>
      </c>
      <c r="E13819">
        <v>2019</v>
      </c>
      <c r="F13819">
        <v>2019</v>
      </c>
      <c r="G13819" t="s">
        <v>125</v>
      </c>
      <c r="H13819" t="s">
        <v>124</v>
      </c>
      <c r="I13819" t="s">
        <v>15</v>
      </c>
      <c r="J13819" s="10">
        <v>1.606810622</v>
      </c>
    </row>
    <row r="13820" spans="1:10" x14ac:dyDescent="0.35">
      <c r="A13820" t="s">
        <v>35</v>
      </c>
      <c r="B13820" t="s">
        <v>84</v>
      </c>
      <c r="C13820" t="s">
        <v>117</v>
      </c>
      <c r="D13820" t="s">
        <v>118</v>
      </c>
      <c r="E13820">
        <v>2019</v>
      </c>
      <c r="F13820">
        <v>2019</v>
      </c>
      <c r="G13820" t="s">
        <v>126</v>
      </c>
      <c r="H13820" t="s">
        <v>119</v>
      </c>
      <c r="I13820" t="s">
        <v>15</v>
      </c>
      <c r="J13820" s="10">
        <v>15.346745439999999</v>
      </c>
    </row>
    <row r="13821" spans="1:10" x14ac:dyDescent="0.35">
      <c r="A13821" t="s">
        <v>35</v>
      </c>
      <c r="B13821" t="s">
        <v>84</v>
      </c>
      <c r="C13821" t="s">
        <v>117</v>
      </c>
      <c r="D13821" t="s">
        <v>118</v>
      </c>
      <c r="E13821">
        <v>2019</v>
      </c>
      <c r="F13821">
        <v>2019</v>
      </c>
      <c r="G13821" t="s">
        <v>126</v>
      </c>
      <c r="H13821" t="s">
        <v>120</v>
      </c>
      <c r="I13821" t="s">
        <v>15</v>
      </c>
      <c r="J13821" s="10">
        <v>10.29591782</v>
      </c>
    </row>
    <row r="13822" spans="1:10" x14ac:dyDescent="0.35">
      <c r="A13822" t="s">
        <v>35</v>
      </c>
      <c r="B13822" t="s">
        <v>84</v>
      </c>
      <c r="C13822" t="s">
        <v>117</v>
      </c>
      <c r="D13822" t="s">
        <v>118</v>
      </c>
      <c r="E13822">
        <v>2019</v>
      </c>
      <c r="F13822">
        <v>2019</v>
      </c>
      <c r="G13822" t="s">
        <v>126</v>
      </c>
      <c r="H13822" t="s">
        <v>121</v>
      </c>
      <c r="I13822" t="s">
        <v>15</v>
      </c>
      <c r="J13822" s="10">
        <v>32.707967429999997</v>
      </c>
    </row>
    <row r="13823" spans="1:10" x14ac:dyDescent="0.35">
      <c r="A13823" t="s">
        <v>35</v>
      </c>
      <c r="B13823" t="s">
        <v>84</v>
      </c>
      <c r="C13823" t="s">
        <v>117</v>
      </c>
      <c r="D13823" t="s">
        <v>118</v>
      </c>
      <c r="E13823">
        <v>2019</v>
      </c>
      <c r="F13823">
        <v>2019</v>
      </c>
      <c r="G13823" t="s">
        <v>126</v>
      </c>
      <c r="H13823" t="s">
        <v>122</v>
      </c>
      <c r="I13823" t="s">
        <v>15</v>
      </c>
      <c r="J13823" s="10">
        <v>22.10601948</v>
      </c>
    </row>
    <row r="13824" spans="1:10" x14ac:dyDescent="0.35">
      <c r="A13824" t="s">
        <v>35</v>
      </c>
      <c r="B13824" t="s">
        <v>84</v>
      </c>
      <c r="C13824" t="s">
        <v>117</v>
      </c>
      <c r="D13824" t="s">
        <v>118</v>
      </c>
      <c r="E13824">
        <v>2019</v>
      </c>
      <c r="F13824">
        <v>2019</v>
      </c>
      <c r="G13824" t="s">
        <v>126</v>
      </c>
      <c r="H13824" t="s">
        <v>123</v>
      </c>
      <c r="I13824" t="s">
        <v>15</v>
      </c>
      <c r="J13824" s="10">
        <v>16.360636540000002</v>
      </c>
    </row>
    <row r="13825" spans="1:10" x14ac:dyDescent="0.35">
      <c r="A13825" t="s">
        <v>35</v>
      </c>
      <c r="B13825" t="s">
        <v>84</v>
      </c>
      <c r="C13825" t="s">
        <v>117</v>
      </c>
      <c r="D13825" t="s">
        <v>118</v>
      </c>
      <c r="E13825">
        <v>2019</v>
      </c>
      <c r="F13825">
        <v>2019</v>
      </c>
      <c r="G13825" t="s">
        <v>126</v>
      </c>
      <c r="H13825" t="s">
        <v>124</v>
      </c>
      <c r="I13825" t="s">
        <v>15</v>
      </c>
      <c r="J13825" s="10">
        <v>3.1827132900000001</v>
      </c>
    </row>
    <row r="13826" spans="1:10" x14ac:dyDescent="0.35">
      <c r="A13826" t="s">
        <v>35</v>
      </c>
      <c r="B13826" t="s">
        <v>84</v>
      </c>
      <c r="C13826" t="s">
        <v>117</v>
      </c>
      <c r="D13826" t="s">
        <v>118</v>
      </c>
      <c r="E13826">
        <v>2018</v>
      </c>
      <c r="F13826">
        <v>2018</v>
      </c>
      <c r="G13826" t="s">
        <v>14</v>
      </c>
      <c r="H13826" t="s">
        <v>119</v>
      </c>
      <c r="I13826" t="s">
        <v>15</v>
      </c>
      <c r="J13826" s="10">
        <v>16.108148230000001</v>
      </c>
    </row>
    <row r="13827" spans="1:10" x14ac:dyDescent="0.35">
      <c r="A13827" t="s">
        <v>35</v>
      </c>
      <c r="B13827" t="s">
        <v>84</v>
      </c>
      <c r="C13827" t="s">
        <v>117</v>
      </c>
      <c r="D13827" t="s">
        <v>118</v>
      </c>
      <c r="E13827">
        <v>2018</v>
      </c>
      <c r="F13827">
        <v>2018</v>
      </c>
      <c r="G13827" t="s">
        <v>14</v>
      </c>
      <c r="H13827" t="s">
        <v>120</v>
      </c>
      <c r="I13827" t="s">
        <v>15</v>
      </c>
      <c r="J13827" s="10">
        <v>10.8629316</v>
      </c>
    </row>
    <row r="13828" spans="1:10" x14ac:dyDescent="0.35">
      <c r="A13828" t="s">
        <v>35</v>
      </c>
      <c r="B13828" t="s">
        <v>84</v>
      </c>
      <c r="C13828" t="s">
        <v>117</v>
      </c>
      <c r="D13828" t="s">
        <v>118</v>
      </c>
      <c r="E13828">
        <v>2018</v>
      </c>
      <c r="F13828">
        <v>2018</v>
      </c>
      <c r="G13828" t="s">
        <v>14</v>
      </c>
      <c r="H13828" t="s">
        <v>121</v>
      </c>
      <c r="I13828" t="s">
        <v>15</v>
      </c>
      <c r="J13828" s="10">
        <v>33.524851550000001</v>
      </c>
    </row>
    <row r="13829" spans="1:10" x14ac:dyDescent="0.35">
      <c r="A13829" t="s">
        <v>35</v>
      </c>
      <c r="B13829" t="s">
        <v>84</v>
      </c>
      <c r="C13829" t="s">
        <v>117</v>
      </c>
      <c r="D13829" t="s">
        <v>118</v>
      </c>
      <c r="E13829">
        <v>2018</v>
      </c>
      <c r="F13829">
        <v>2018</v>
      </c>
      <c r="G13829" t="s">
        <v>14</v>
      </c>
      <c r="H13829" t="s">
        <v>122</v>
      </c>
      <c r="I13829" t="s">
        <v>15</v>
      </c>
      <c r="J13829" s="10">
        <v>21.857818340000001</v>
      </c>
    </row>
    <row r="13830" spans="1:10" x14ac:dyDescent="0.35">
      <c r="A13830" t="s">
        <v>35</v>
      </c>
      <c r="B13830" t="s">
        <v>84</v>
      </c>
      <c r="C13830" t="s">
        <v>117</v>
      </c>
      <c r="D13830" t="s">
        <v>118</v>
      </c>
      <c r="E13830">
        <v>2018</v>
      </c>
      <c r="F13830">
        <v>2018</v>
      </c>
      <c r="G13830" t="s">
        <v>14</v>
      </c>
      <c r="H13830" t="s">
        <v>123</v>
      </c>
      <c r="I13830" t="s">
        <v>15</v>
      </c>
      <c r="J13830" s="10">
        <v>15.315042890000001</v>
      </c>
    </row>
    <row r="13831" spans="1:10" x14ac:dyDescent="0.35">
      <c r="A13831" t="s">
        <v>35</v>
      </c>
      <c r="B13831" t="s">
        <v>84</v>
      </c>
      <c r="C13831" t="s">
        <v>117</v>
      </c>
      <c r="D13831" t="s">
        <v>118</v>
      </c>
      <c r="E13831">
        <v>2018</v>
      </c>
      <c r="F13831">
        <v>2018</v>
      </c>
      <c r="G13831" t="s">
        <v>14</v>
      </c>
      <c r="H13831" t="s">
        <v>124</v>
      </c>
      <c r="I13831" t="s">
        <v>15</v>
      </c>
      <c r="J13831" s="10">
        <v>2.3312073889999998</v>
      </c>
    </row>
    <row r="13832" spans="1:10" x14ac:dyDescent="0.35">
      <c r="A13832" t="s">
        <v>35</v>
      </c>
      <c r="B13832" t="s">
        <v>84</v>
      </c>
      <c r="C13832" t="s">
        <v>117</v>
      </c>
      <c r="D13832" t="s">
        <v>118</v>
      </c>
      <c r="E13832">
        <v>2018</v>
      </c>
      <c r="F13832">
        <v>2018</v>
      </c>
      <c r="G13832" t="s">
        <v>125</v>
      </c>
      <c r="H13832" t="s">
        <v>119</v>
      </c>
      <c r="I13832" t="s">
        <v>15</v>
      </c>
      <c r="J13832" s="10">
        <v>16.845056069999998</v>
      </c>
    </row>
    <row r="13833" spans="1:10" x14ac:dyDescent="0.35">
      <c r="A13833" t="s">
        <v>35</v>
      </c>
      <c r="B13833" t="s">
        <v>84</v>
      </c>
      <c r="C13833" t="s">
        <v>117</v>
      </c>
      <c r="D13833" t="s">
        <v>118</v>
      </c>
      <c r="E13833">
        <v>2018</v>
      </c>
      <c r="F13833">
        <v>2018</v>
      </c>
      <c r="G13833" t="s">
        <v>125</v>
      </c>
      <c r="H13833" t="s">
        <v>120</v>
      </c>
      <c r="I13833" t="s">
        <v>15</v>
      </c>
      <c r="J13833" s="10">
        <v>11.399932039999999</v>
      </c>
    </row>
    <row r="13834" spans="1:10" x14ac:dyDescent="0.35">
      <c r="A13834" t="s">
        <v>35</v>
      </c>
      <c r="B13834" t="s">
        <v>84</v>
      </c>
      <c r="C13834" t="s">
        <v>117</v>
      </c>
      <c r="D13834" t="s">
        <v>118</v>
      </c>
      <c r="E13834">
        <v>2018</v>
      </c>
      <c r="F13834">
        <v>2018</v>
      </c>
      <c r="G13834" t="s">
        <v>125</v>
      </c>
      <c r="H13834" t="s">
        <v>121</v>
      </c>
      <c r="I13834" t="s">
        <v>15</v>
      </c>
      <c r="J13834" s="10">
        <v>34.185638240000003</v>
      </c>
    </row>
    <row r="13835" spans="1:10" x14ac:dyDescent="0.35">
      <c r="A13835" t="s">
        <v>35</v>
      </c>
      <c r="B13835" t="s">
        <v>84</v>
      </c>
      <c r="C13835" t="s">
        <v>117</v>
      </c>
      <c r="D13835" t="s">
        <v>118</v>
      </c>
      <c r="E13835">
        <v>2018</v>
      </c>
      <c r="F13835">
        <v>2018</v>
      </c>
      <c r="G13835" t="s">
        <v>125</v>
      </c>
      <c r="H13835" t="s">
        <v>122</v>
      </c>
      <c r="I13835" t="s">
        <v>15</v>
      </c>
      <c r="J13835" s="10">
        <v>21.797485559999998</v>
      </c>
    </row>
    <row r="13836" spans="1:10" x14ac:dyDescent="0.35">
      <c r="A13836" t="s">
        <v>35</v>
      </c>
      <c r="B13836" t="s">
        <v>84</v>
      </c>
      <c r="C13836" t="s">
        <v>117</v>
      </c>
      <c r="D13836" t="s">
        <v>118</v>
      </c>
      <c r="E13836">
        <v>2018</v>
      </c>
      <c r="F13836">
        <v>2018</v>
      </c>
      <c r="G13836" t="s">
        <v>125</v>
      </c>
      <c r="H13836" t="s">
        <v>123</v>
      </c>
      <c r="I13836" t="s">
        <v>15</v>
      </c>
      <c r="J13836" s="10">
        <v>14.21168875</v>
      </c>
    </row>
    <row r="13837" spans="1:10" x14ac:dyDescent="0.35">
      <c r="A13837" t="s">
        <v>35</v>
      </c>
      <c r="B13837" t="s">
        <v>84</v>
      </c>
      <c r="C13837" t="s">
        <v>117</v>
      </c>
      <c r="D13837" t="s">
        <v>118</v>
      </c>
      <c r="E13837">
        <v>2018</v>
      </c>
      <c r="F13837">
        <v>2018</v>
      </c>
      <c r="G13837" t="s">
        <v>125</v>
      </c>
      <c r="H13837" t="s">
        <v>124</v>
      </c>
      <c r="I13837" t="s">
        <v>15</v>
      </c>
      <c r="J13837" s="10">
        <v>1.5601993430000001</v>
      </c>
    </row>
    <row r="13838" spans="1:10" x14ac:dyDescent="0.35">
      <c r="A13838" t="s">
        <v>35</v>
      </c>
      <c r="B13838" t="s">
        <v>84</v>
      </c>
      <c r="C13838" t="s">
        <v>117</v>
      </c>
      <c r="D13838" t="s">
        <v>118</v>
      </c>
      <c r="E13838">
        <v>2018</v>
      </c>
      <c r="F13838">
        <v>2018</v>
      </c>
      <c r="G13838" t="s">
        <v>126</v>
      </c>
      <c r="H13838" t="s">
        <v>119</v>
      </c>
      <c r="I13838" t="s">
        <v>15</v>
      </c>
      <c r="J13838" s="10">
        <v>15.41297147</v>
      </c>
    </row>
    <row r="13839" spans="1:10" x14ac:dyDescent="0.35">
      <c r="A13839" t="s">
        <v>35</v>
      </c>
      <c r="B13839" t="s">
        <v>84</v>
      </c>
      <c r="C13839" t="s">
        <v>117</v>
      </c>
      <c r="D13839" t="s">
        <v>118</v>
      </c>
      <c r="E13839">
        <v>2018</v>
      </c>
      <c r="F13839">
        <v>2018</v>
      </c>
      <c r="G13839" t="s">
        <v>126</v>
      </c>
      <c r="H13839" t="s">
        <v>120</v>
      </c>
      <c r="I13839" t="s">
        <v>15</v>
      </c>
      <c r="J13839" s="10">
        <v>10.35634149</v>
      </c>
    </row>
    <row r="13840" spans="1:10" x14ac:dyDescent="0.35">
      <c r="A13840" t="s">
        <v>35</v>
      </c>
      <c r="B13840" t="s">
        <v>84</v>
      </c>
      <c r="C13840" t="s">
        <v>117</v>
      </c>
      <c r="D13840" t="s">
        <v>118</v>
      </c>
      <c r="E13840">
        <v>2018</v>
      </c>
      <c r="F13840">
        <v>2018</v>
      </c>
      <c r="G13840" t="s">
        <v>126</v>
      </c>
      <c r="H13840" t="s">
        <v>121</v>
      </c>
      <c r="I13840" t="s">
        <v>15</v>
      </c>
      <c r="J13840" s="10">
        <v>32.901485200000003</v>
      </c>
    </row>
    <row r="13841" spans="1:10" x14ac:dyDescent="0.35">
      <c r="A13841" t="s">
        <v>35</v>
      </c>
      <c r="B13841" t="s">
        <v>84</v>
      </c>
      <c r="C13841" t="s">
        <v>117</v>
      </c>
      <c r="D13841" t="s">
        <v>118</v>
      </c>
      <c r="E13841">
        <v>2018</v>
      </c>
      <c r="F13841">
        <v>2018</v>
      </c>
      <c r="G13841" t="s">
        <v>126</v>
      </c>
      <c r="H13841" t="s">
        <v>122</v>
      </c>
      <c r="I13841" t="s">
        <v>15</v>
      </c>
      <c r="J13841" s="10">
        <v>21.91473448</v>
      </c>
    </row>
    <row r="13842" spans="1:10" x14ac:dyDescent="0.35">
      <c r="A13842" t="s">
        <v>35</v>
      </c>
      <c r="B13842" t="s">
        <v>84</v>
      </c>
      <c r="C13842" t="s">
        <v>117</v>
      </c>
      <c r="D13842" t="s">
        <v>118</v>
      </c>
      <c r="E13842">
        <v>2018</v>
      </c>
      <c r="F13842">
        <v>2018</v>
      </c>
      <c r="G13842" t="s">
        <v>126</v>
      </c>
      <c r="H13842" t="s">
        <v>123</v>
      </c>
      <c r="I13842" t="s">
        <v>15</v>
      </c>
      <c r="J13842" s="10">
        <v>16.355914089999999</v>
      </c>
    </row>
    <row r="13843" spans="1:10" x14ac:dyDescent="0.35">
      <c r="A13843" t="s">
        <v>35</v>
      </c>
      <c r="B13843" t="s">
        <v>84</v>
      </c>
      <c r="C13843" t="s">
        <v>117</v>
      </c>
      <c r="D13843" t="s">
        <v>118</v>
      </c>
      <c r="E13843">
        <v>2018</v>
      </c>
      <c r="F13843">
        <v>2018</v>
      </c>
      <c r="G13843" t="s">
        <v>126</v>
      </c>
      <c r="H13843" t="s">
        <v>124</v>
      </c>
      <c r="I13843" t="s">
        <v>15</v>
      </c>
      <c r="J13843" s="10">
        <v>3.0585532639999999</v>
      </c>
    </row>
    <row r="13844" spans="1:10" x14ac:dyDescent="0.35">
      <c r="A13844" t="s">
        <v>35</v>
      </c>
      <c r="B13844" t="s">
        <v>84</v>
      </c>
      <c r="C13844" t="s">
        <v>117</v>
      </c>
      <c r="D13844" t="s">
        <v>118</v>
      </c>
      <c r="E13844">
        <v>2017</v>
      </c>
      <c r="F13844">
        <v>2017</v>
      </c>
      <c r="G13844" t="s">
        <v>14</v>
      </c>
      <c r="H13844" t="s">
        <v>119</v>
      </c>
      <c r="I13844" t="s">
        <v>15</v>
      </c>
      <c r="J13844" s="10">
        <v>16.370478200000001</v>
      </c>
    </row>
    <row r="13845" spans="1:10" x14ac:dyDescent="0.35">
      <c r="A13845" t="s">
        <v>35</v>
      </c>
      <c r="B13845" t="s">
        <v>84</v>
      </c>
      <c r="C13845" t="s">
        <v>117</v>
      </c>
      <c r="D13845" t="s">
        <v>118</v>
      </c>
      <c r="E13845">
        <v>2017</v>
      </c>
      <c r="F13845">
        <v>2017</v>
      </c>
      <c r="G13845" t="s">
        <v>14</v>
      </c>
      <c r="H13845" t="s">
        <v>120</v>
      </c>
      <c r="I13845" t="s">
        <v>15</v>
      </c>
      <c r="J13845" s="10">
        <v>11.06380641</v>
      </c>
    </row>
    <row r="13846" spans="1:10" x14ac:dyDescent="0.35">
      <c r="A13846" t="s">
        <v>35</v>
      </c>
      <c r="B13846" t="s">
        <v>84</v>
      </c>
      <c r="C13846" t="s">
        <v>117</v>
      </c>
      <c r="D13846" t="s">
        <v>118</v>
      </c>
      <c r="E13846">
        <v>2017</v>
      </c>
      <c r="F13846">
        <v>2017</v>
      </c>
      <c r="G13846" t="s">
        <v>14</v>
      </c>
      <c r="H13846" t="s">
        <v>121</v>
      </c>
      <c r="I13846" t="s">
        <v>15</v>
      </c>
      <c r="J13846" s="10">
        <v>33.558106960000003</v>
      </c>
    </row>
    <row r="13847" spans="1:10" x14ac:dyDescent="0.35">
      <c r="A13847" t="s">
        <v>35</v>
      </c>
      <c r="B13847" t="s">
        <v>84</v>
      </c>
      <c r="C13847" t="s">
        <v>117</v>
      </c>
      <c r="D13847" t="s">
        <v>118</v>
      </c>
      <c r="E13847">
        <v>2017</v>
      </c>
      <c r="F13847">
        <v>2017</v>
      </c>
      <c r="G13847" t="s">
        <v>14</v>
      </c>
      <c r="H13847" t="s">
        <v>122</v>
      </c>
      <c r="I13847" t="s">
        <v>15</v>
      </c>
      <c r="J13847" s="10">
        <v>21.557667479999999</v>
      </c>
    </row>
    <row r="13848" spans="1:10" x14ac:dyDescent="0.35">
      <c r="A13848" t="s">
        <v>35</v>
      </c>
      <c r="B13848" t="s">
        <v>84</v>
      </c>
      <c r="C13848" t="s">
        <v>117</v>
      </c>
      <c r="D13848" t="s">
        <v>118</v>
      </c>
      <c r="E13848">
        <v>2017</v>
      </c>
      <c r="F13848">
        <v>2017</v>
      </c>
      <c r="G13848" t="s">
        <v>14</v>
      </c>
      <c r="H13848" t="s">
        <v>123</v>
      </c>
      <c r="I13848" t="s">
        <v>15</v>
      </c>
      <c r="J13848" s="10">
        <v>15.16466614</v>
      </c>
    </row>
    <row r="13849" spans="1:10" x14ac:dyDescent="0.35">
      <c r="A13849" t="s">
        <v>35</v>
      </c>
      <c r="B13849" t="s">
        <v>84</v>
      </c>
      <c r="C13849" t="s">
        <v>117</v>
      </c>
      <c r="D13849" t="s">
        <v>118</v>
      </c>
      <c r="E13849">
        <v>2017</v>
      </c>
      <c r="F13849">
        <v>2017</v>
      </c>
      <c r="G13849" t="s">
        <v>14</v>
      </c>
      <c r="H13849" t="s">
        <v>124</v>
      </c>
      <c r="I13849" t="s">
        <v>15</v>
      </c>
      <c r="J13849" s="10">
        <v>2.2852748100000002</v>
      </c>
    </row>
    <row r="13850" spans="1:10" x14ac:dyDescent="0.35">
      <c r="A13850" t="s">
        <v>35</v>
      </c>
      <c r="B13850" t="s">
        <v>84</v>
      </c>
      <c r="C13850" t="s">
        <v>117</v>
      </c>
      <c r="D13850" t="s">
        <v>118</v>
      </c>
      <c r="E13850">
        <v>2017</v>
      </c>
      <c r="F13850">
        <v>2017</v>
      </c>
      <c r="G13850" t="s">
        <v>125</v>
      </c>
      <c r="H13850" t="s">
        <v>119</v>
      </c>
      <c r="I13850" t="s">
        <v>15</v>
      </c>
      <c r="J13850" s="10">
        <v>17.155192</v>
      </c>
    </row>
    <row r="13851" spans="1:10" x14ac:dyDescent="0.35">
      <c r="A13851" t="s">
        <v>35</v>
      </c>
      <c r="B13851" t="s">
        <v>84</v>
      </c>
      <c r="C13851" t="s">
        <v>117</v>
      </c>
      <c r="D13851" t="s">
        <v>118</v>
      </c>
      <c r="E13851">
        <v>2017</v>
      </c>
      <c r="F13851">
        <v>2017</v>
      </c>
      <c r="G13851" t="s">
        <v>125</v>
      </c>
      <c r="H13851" t="s">
        <v>120</v>
      </c>
      <c r="I13851" t="s">
        <v>15</v>
      </c>
      <c r="J13851" s="10">
        <v>11.55419223</v>
      </c>
    </row>
    <row r="13852" spans="1:10" x14ac:dyDescent="0.35">
      <c r="A13852" t="s">
        <v>35</v>
      </c>
      <c r="B13852" t="s">
        <v>84</v>
      </c>
      <c r="C13852" t="s">
        <v>117</v>
      </c>
      <c r="D13852" t="s">
        <v>118</v>
      </c>
      <c r="E13852">
        <v>2017</v>
      </c>
      <c r="F13852">
        <v>2017</v>
      </c>
      <c r="G13852" t="s">
        <v>125</v>
      </c>
      <c r="H13852" t="s">
        <v>121</v>
      </c>
      <c r="I13852" t="s">
        <v>15</v>
      </c>
      <c r="J13852" s="10">
        <v>34.060440810000003</v>
      </c>
    </row>
    <row r="13853" spans="1:10" x14ac:dyDescent="0.35">
      <c r="A13853" t="s">
        <v>35</v>
      </c>
      <c r="B13853" t="s">
        <v>84</v>
      </c>
      <c r="C13853" t="s">
        <v>117</v>
      </c>
      <c r="D13853" t="s">
        <v>118</v>
      </c>
      <c r="E13853">
        <v>2017</v>
      </c>
      <c r="F13853">
        <v>2017</v>
      </c>
      <c r="G13853" t="s">
        <v>125</v>
      </c>
      <c r="H13853" t="s">
        <v>122</v>
      </c>
      <c r="I13853" t="s">
        <v>15</v>
      </c>
      <c r="J13853" s="10">
        <v>21.608725289999999</v>
      </c>
    </row>
    <row r="13854" spans="1:10" x14ac:dyDescent="0.35">
      <c r="A13854" t="s">
        <v>35</v>
      </c>
      <c r="B13854" t="s">
        <v>84</v>
      </c>
      <c r="C13854" t="s">
        <v>117</v>
      </c>
      <c r="D13854" t="s">
        <v>118</v>
      </c>
      <c r="E13854">
        <v>2017</v>
      </c>
      <c r="F13854">
        <v>2017</v>
      </c>
      <c r="G13854" t="s">
        <v>125</v>
      </c>
      <c r="H13854" t="s">
        <v>123</v>
      </c>
      <c r="I13854" t="s">
        <v>15</v>
      </c>
      <c r="J13854" s="10">
        <v>14.076346279999999</v>
      </c>
    </row>
    <row r="13855" spans="1:10" x14ac:dyDescent="0.35">
      <c r="A13855" t="s">
        <v>35</v>
      </c>
      <c r="B13855" t="s">
        <v>84</v>
      </c>
      <c r="C13855" t="s">
        <v>117</v>
      </c>
      <c r="D13855" t="s">
        <v>118</v>
      </c>
      <c r="E13855">
        <v>2017</v>
      </c>
      <c r="F13855">
        <v>2017</v>
      </c>
      <c r="G13855" t="s">
        <v>125</v>
      </c>
      <c r="H13855" t="s">
        <v>124</v>
      </c>
      <c r="I13855" t="s">
        <v>15</v>
      </c>
      <c r="J13855" s="10">
        <v>1.5451033860000001</v>
      </c>
    </row>
    <row r="13856" spans="1:10" x14ac:dyDescent="0.35">
      <c r="A13856" t="s">
        <v>35</v>
      </c>
      <c r="B13856" t="s">
        <v>84</v>
      </c>
      <c r="C13856" t="s">
        <v>117</v>
      </c>
      <c r="D13856" t="s">
        <v>118</v>
      </c>
      <c r="E13856">
        <v>2017</v>
      </c>
      <c r="F13856">
        <v>2017</v>
      </c>
      <c r="G13856" t="s">
        <v>126</v>
      </c>
      <c r="H13856" t="s">
        <v>119</v>
      </c>
      <c r="I13856" t="s">
        <v>15</v>
      </c>
      <c r="J13856" s="10">
        <v>15.6358028</v>
      </c>
    </row>
    <row r="13857" spans="1:10" x14ac:dyDescent="0.35">
      <c r="A13857" t="s">
        <v>35</v>
      </c>
      <c r="B13857" t="s">
        <v>84</v>
      </c>
      <c r="C13857" t="s">
        <v>117</v>
      </c>
      <c r="D13857" t="s">
        <v>118</v>
      </c>
      <c r="E13857">
        <v>2017</v>
      </c>
      <c r="F13857">
        <v>2017</v>
      </c>
      <c r="G13857" t="s">
        <v>126</v>
      </c>
      <c r="H13857" t="s">
        <v>120</v>
      </c>
      <c r="I13857" t="s">
        <v>15</v>
      </c>
      <c r="J13857" s="10">
        <v>10.604690740000001</v>
      </c>
    </row>
    <row r="13858" spans="1:10" x14ac:dyDescent="0.35">
      <c r="A13858" t="s">
        <v>35</v>
      </c>
      <c r="B13858" t="s">
        <v>84</v>
      </c>
      <c r="C13858" t="s">
        <v>117</v>
      </c>
      <c r="D13858" t="s">
        <v>118</v>
      </c>
      <c r="E13858">
        <v>2017</v>
      </c>
      <c r="F13858">
        <v>2017</v>
      </c>
      <c r="G13858" t="s">
        <v>126</v>
      </c>
      <c r="H13858" t="s">
        <v>121</v>
      </c>
      <c r="I13858" t="s">
        <v>15</v>
      </c>
      <c r="J13858" s="10">
        <v>33.08780514</v>
      </c>
    </row>
    <row r="13859" spans="1:10" x14ac:dyDescent="0.35">
      <c r="A13859" t="s">
        <v>35</v>
      </c>
      <c r="B13859" t="s">
        <v>84</v>
      </c>
      <c r="C13859" t="s">
        <v>117</v>
      </c>
      <c r="D13859" t="s">
        <v>118</v>
      </c>
      <c r="E13859">
        <v>2017</v>
      </c>
      <c r="F13859">
        <v>2017</v>
      </c>
      <c r="G13859" t="s">
        <v>126</v>
      </c>
      <c r="H13859" t="s">
        <v>122</v>
      </c>
      <c r="I13859" t="s">
        <v>15</v>
      </c>
      <c r="J13859" s="10">
        <v>21.509865449999999</v>
      </c>
    </row>
    <row r="13860" spans="1:10" x14ac:dyDescent="0.35">
      <c r="A13860" t="s">
        <v>35</v>
      </c>
      <c r="B13860" t="s">
        <v>84</v>
      </c>
      <c r="C13860" t="s">
        <v>117</v>
      </c>
      <c r="D13860" t="s">
        <v>118</v>
      </c>
      <c r="E13860">
        <v>2017</v>
      </c>
      <c r="F13860">
        <v>2017</v>
      </c>
      <c r="G13860" t="s">
        <v>126</v>
      </c>
      <c r="H13860" t="s">
        <v>123</v>
      </c>
      <c r="I13860" t="s">
        <v>15</v>
      </c>
      <c r="J13860" s="10">
        <v>16.183587729999999</v>
      </c>
    </row>
    <row r="13861" spans="1:10" x14ac:dyDescent="0.35">
      <c r="A13861" t="s">
        <v>35</v>
      </c>
      <c r="B13861" t="s">
        <v>84</v>
      </c>
      <c r="C13861" t="s">
        <v>117</v>
      </c>
      <c r="D13861" t="s">
        <v>118</v>
      </c>
      <c r="E13861">
        <v>2017</v>
      </c>
      <c r="F13861">
        <v>2017</v>
      </c>
      <c r="G13861" t="s">
        <v>126</v>
      </c>
      <c r="H13861" t="s">
        <v>124</v>
      </c>
      <c r="I13861" t="s">
        <v>15</v>
      </c>
      <c r="J13861" s="10">
        <v>2.9782481519999999</v>
      </c>
    </row>
    <row r="13862" spans="1:10" x14ac:dyDescent="0.35">
      <c r="A13862" t="s">
        <v>35</v>
      </c>
      <c r="B13862" t="s">
        <v>84</v>
      </c>
      <c r="C13862" t="s">
        <v>117</v>
      </c>
      <c r="D13862" t="s">
        <v>118</v>
      </c>
      <c r="E13862">
        <v>2016</v>
      </c>
      <c r="F13862">
        <v>2016</v>
      </c>
      <c r="G13862" t="s">
        <v>14</v>
      </c>
      <c r="H13862" t="s">
        <v>119</v>
      </c>
      <c r="I13862" t="s">
        <v>15</v>
      </c>
      <c r="J13862" s="10">
        <v>16.403516020000001</v>
      </c>
    </row>
    <row r="13863" spans="1:10" x14ac:dyDescent="0.35">
      <c r="A13863" t="s">
        <v>35</v>
      </c>
      <c r="B13863" t="s">
        <v>84</v>
      </c>
      <c r="C13863" t="s">
        <v>117</v>
      </c>
      <c r="D13863" t="s">
        <v>118</v>
      </c>
      <c r="E13863">
        <v>2016</v>
      </c>
      <c r="F13863">
        <v>2016</v>
      </c>
      <c r="G13863" t="s">
        <v>14</v>
      </c>
      <c r="H13863" t="s">
        <v>120</v>
      </c>
      <c r="I13863" t="s">
        <v>15</v>
      </c>
      <c r="J13863" s="10">
        <v>11.2397013</v>
      </c>
    </row>
    <row r="13864" spans="1:10" x14ac:dyDescent="0.35">
      <c r="A13864" t="s">
        <v>35</v>
      </c>
      <c r="B13864" t="s">
        <v>84</v>
      </c>
      <c r="C13864" t="s">
        <v>117</v>
      </c>
      <c r="D13864" t="s">
        <v>118</v>
      </c>
      <c r="E13864">
        <v>2016</v>
      </c>
      <c r="F13864">
        <v>2016</v>
      </c>
      <c r="G13864" t="s">
        <v>14</v>
      </c>
      <c r="H13864" t="s">
        <v>121</v>
      </c>
      <c r="I13864" t="s">
        <v>15</v>
      </c>
      <c r="J13864" s="10">
        <v>33.859634620000001</v>
      </c>
    </row>
    <row r="13865" spans="1:10" x14ac:dyDescent="0.35">
      <c r="A13865" t="s">
        <v>35</v>
      </c>
      <c r="B13865" t="s">
        <v>84</v>
      </c>
      <c r="C13865" t="s">
        <v>117</v>
      </c>
      <c r="D13865" t="s">
        <v>118</v>
      </c>
      <c r="E13865">
        <v>2016</v>
      </c>
      <c r="F13865">
        <v>2016</v>
      </c>
      <c r="G13865" t="s">
        <v>14</v>
      </c>
      <c r="H13865" t="s">
        <v>122</v>
      </c>
      <c r="I13865" t="s">
        <v>15</v>
      </c>
      <c r="J13865" s="10">
        <v>21.156760630000001</v>
      </c>
    </row>
    <row r="13866" spans="1:10" x14ac:dyDescent="0.35">
      <c r="A13866" t="s">
        <v>35</v>
      </c>
      <c r="B13866" t="s">
        <v>84</v>
      </c>
      <c r="C13866" t="s">
        <v>117</v>
      </c>
      <c r="D13866" t="s">
        <v>118</v>
      </c>
      <c r="E13866">
        <v>2016</v>
      </c>
      <c r="F13866">
        <v>2016</v>
      </c>
      <c r="G13866" t="s">
        <v>14</v>
      </c>
      <c r="H13866" t="s">
        <v>123</v>
      </c>
      <c r="I13866" t="s">
        <v>15</v>
      </c>
      <c r="J13866" s="10">
        <v>15.08087405</v>
      </c>
    </row>
    <row r="13867" spans="1:10" x14ac:dyDescent="0.35">
      <c r="A13867" t="s">
        <v>35</v>
      </c>
      <c r="B13867" t="s">
        <v>84</v>
      </c>
      <c r="C13867" t="s">
        <v>117</v>
      </c>
      <c r="D13867" t="s">
        <v>118</v>
      </c>
      <c r="E13867">
        <v>2016</v>
      </c>
      <c r="F13867">
        <v>2016</v>
      </c>
      <c r="G13867" t="s">
        <v>14</v>
      </c>
      <c r="H13867" t="s">
        <v>124</v>
      </c>
      <c r="I13867" t="s">
        <v>15</v>
      </c>
      <c r="J13867" s="10">
        <v>2.2595133779999999</v>
      </c>
    </row>
    <row r="13868" spans="1:10" x14ac:dyDescent="0.35">
      <c r="A13868" t="s">
        <v>35</v>
      </c>
      <c r="B13868" t="s">
        <v>84</v>
      </c>
      <c r="C13868" t="s">
        <v>117</v>
      </c>
      <c r="D13868" t="s">
        <v>118</v>
      </c>
      <c r="E13868">
        <v>2016</v>
      </c>
      <c r="F13868">
        <v>2016</v>
      </c>
      <c r="G13868" t="s">
        <v>125</v>
      </c>
      <c r="H13868" t="s">
        <v>119</v>
      </c>
      <c r="I13868" t="s">
        <v>15</v>
      </c>
      <c r="J13868" s="10">
        <v>17.169843629999999</v>
      </c>
    </row>
    <row r="13869" spans="1:10" x14ac:dyDescent="0.35">
      <c r="A13869" t="s">
        <v>35</v>
      </c>
      <c r="B13869" t="s">
        <v>84</v>
      </c>
      <c r="C13869" t="s">
        <v>117</v>
      </c>
      <c r="D13869" t="s">
        <v>118</v>
      </c>
      <c r="E13869">
        <v>2016</v>
      </c>
      <c r="F13869">
        <v>2016</v>
      </c>
      <c r="G13869" t="s">
        <v>125</v>
      </c>
      <c r="H13869" t="s">
        <v>120</v>
      </c>
      <c r="I13869" t="s">
        <v>15</v>
      </c>
      <c r="J13869" s="10">
        <v>11.60255679</v>
      </c>
    </row>
    <row r="13870" spans="1:10" x14ac:dyDescent="0.35">
      <c r="A13870" t="s">
        <v>35</v>
      </c>
      <c r="B13870" t="s">
        <v>84</v>
      </c>
      <c r="C13870" t="s">
        <v>117</v>
      </c>
      <c r="D13870" t="s">
        <v>118</v>
      </c>
      <c r="E13870">
        <v>2016</v>
      </c>
      <c r="F13870">
        <v>2016</v>
      </c>
      <c r="G13870" t="s">
        <v>125</v>
      </c>
      <c r="H13870" t="s">
        <v>121</v>
      </c>
      <c r="I13870" t="s">
        <v>15</v>
      </c>
      <c r="J13870" s="10">
        <v>34.328273029999998</v>
      </c>
    </row>
    <row r="13871" spans="1:10" x14ac:dyDescent="0.35">
      <c r="A13871" t="s">
        <v>35</v>
      </c>
      <c r="B13871" t="s">
        <v>84</v>
      </c>
      <c r="C13871" t="s">
        <v>117</v>
      </c>
      <c r="D13871" t="s">
        <v>118</v>
      </c>
      <c r="E13871">
        <v>2016</v>
      </c>
      <c r="F13871">
        <v>2016</v>
      </c>
      <c r="G13871" t="s">
        <v>125</v>
      </c>
      <c r="H13871" t="s">
        <v>122</v>
      </c>
      <c r="I13871" t="s">
        <v>15</v>
      </c>
      <c r="J13871" s="10">
        <v>21.438762700000002</v>
      </c>
    </row>
    <row r="13872" spans="1:10" x14ac:dyDescent="0.35">
      <c r="A13872" t="s">
        <v>35</v>
      </c>
      <c r="B13872" t="s">
        <v>84</v>
      </c>
      <c r="C13872" t="s">
        <v>117</v>
      </c>
      <c r="D13872" t="s">
        <v>118</v>
      </c>
      <c r="E13872">
        <v>2016</v>
      </c>
      <c r="F13872">
        <v>2016</v>
      </c>
      <c r="G13872" t="s">
        <v>125</v>
      </c>
      <c r="H13872" t="s">
        <v>123</v>
      </c>
      <c r="I13872" t="s">
        <v>15</v>
      </c>
      <c r="J13872" s="10">
        <v>13.919643880000001</v>
      </c>
    </row>
    <row r="13873" spans="1:10" x14ac:dyDescent="0.35">
      <c r="A13873" t="s">
        <v>35</v>
      </c>
      <c r="B13873" t="s">
        <v>84</v>
      </c>
      <c r="C13873" t="s">
        <v>117</v>
      </c>
      <c r="D13873" t="s">
        <v>118</v>
      </c>
      <c r="E13873">
        <v>2016</v>
      </c>
      <c r="F13873">
        <v>2016</v>
      </c>
      <c r="G13873" t="s">
        <v>125</v>
      </c>
      <c r="H13873" t="s">
        <v>124</v>
      </c>
      <c r="I13873" t="s">
        <v>15</v>
      </c>
      <c r="J13873" s="10">
        <v>1.540919986</v>
      </c>
    </row>
    <row r="13874" spans="1:10" x14ac:dyDescent="0.35">
      <c r="A13874" t="s">
        <v>35</v>
      </c>
      <c r="B13874" t="s">
        <v>84</v>
      </c>
      <c r="C13874" t="s">
        <v>117</v>
      </c>
      <c r="D13874" t="s">
        <v>118</v>
      </c>
      <c r="E13874">
        <v>2016</v>
      </c>
      <c r="F13874">
        <v>2016</v>
      </c>
      <c r="G13874" t="s">
        <v>126</v>
      </c>
      <c r="H13874" t="s">
        <v>119</v>
      </c>
      <c r="I13874" t="s">
        <v>15</v>
      </c>
      <c r="J13874" s="10">
        <v>15.68810272</v>
      </c>
    </row>
    <row r="13875" spans="1:10" x14ac:dyDescent="0.35">
      <c r="A13875" t="s">
        <v>35</v>
      </c>
      <c r="B13875" t="s">
        <v>84</v>
      </c>
      <c r="C13875" t="s">
        <v>117</v>
      </c>
      <c r="D13875" t="s">
        <v>118</v>
      </c>
      <c r="E13875">
        <v>2016</v>
      </c>
      <c r="F13875">
        <v>2016</v>
      </c>
      <c r="G13875" t="s">
        <v>126</v>
      </c>
      <c r="H13875" t="s">
        <v>120</v>
      </c>
      <c r="I13875" t="s">
        <v>15</v>
      </c>
      <c r="J13875" s="10">
        <v>10.900953700000001</v>
      </c>
    </row>
    <row r="13876" spans="1:10" x14ac:dyDescent="0.35">
      <c r="A13876" t="s">
        <v>35</v>
      </c>
      <c r="B13876" t="s">
        <v>84</v>
      </c>
      <c r="C13876" t="s">
        <v>117</v>
      </c>
      <c r="D13876" t="s">
        <v>118</v>
      </c>
      <c r="E13876">
        <v>2016</v>
      </c>
      <c r="F13876">
        <v>2016</v>
      </c>
      <c r="G13876" t="s">
        <v>126</v>
      </c>
      <c r="H13876" t="s">
        <v>121</v>
      </c>
      <c r="I13876" t="s">
        <v>15</v>
      </c>
      <c r="J13876" s="10">
        <v>33.422132240000003</v>
      </c>
    </row>
    <row r="13877" spans="1:10" x14ac:dyDescent="0.35">
      <c r="A13877" t="s">
        <v>35</v>
      </c>
      <c r="B13877" t="s">
        <v>84</v>
      </c>
      <c r="C13877" t="s">
        <v>117</v>
      </c>
      <c r="D13877" t="s">
        <v>118</v>
      </c>
      <c r="E13877">
        <v>2016</v>
      </c>
      <c r="F13877">
        <v>2016</v>
      </c>
      <c r="G13877" t="s">
        <v>126</v>
      </c>
      <c r="H13877" t="s">
        <v>122</v>
      </c>
      <c r="I13877" t="s">
        <v>15</v>
      </c>
      <c r="J13877" s="10">
        <v>20.89349459</v>
      </c>
    </row>
    <row r="13878" spans="1:10" x14ac:dyDescent="0.35">
      <c r="A13878" t="s">
        <v>35</v>
      </c>
      <c r="B13878" t="s">
        <v>84</v>
      </c>
      <c r="C13878" t="s">
        <v>117</v>
      </c>
      <c r="D13878" t="s">
        <v>118</v>
      </c>
      <c r="E13878">
        <v>2016</v>
      </c>
      <c r="F13878">
        <v>2016</v>
      </c>
      <c r="G13878" t="s">
        <v>126</v>
      </c>
      <c r="H13878" t="s">
        <v>123</v>
      </c>
      <c r="I13878" t="s">
        <v>15</v>
      </c>
      <c r="J13878" s="10">
        <v>16.164952849999999</v>
      </c>
    </row>
    <row r="13879" spans="1:10" x14ac:dyDescent="0.35">
      <c r="A13879" t="s">
        <v>35</v>
      </c>
      <c r="B13879" t="s">
        <v>84</v>
      </c>
      <c r="C13879" t="s">
        <v>117</v>
      </c>
      <c r="D13879" t="s">
        <v>118</v>
      </c>
      <c r="E13879">
        <v>2016</v>
      </c>
      <c r="F13879">
        <v>2016</v>
      </c>
      <c r="G13879" t="s">
        <v>126</v>
      </c>
      <c r="H13879" t="s">
        <v>124</v>
      </c>
      <c r="I13879" t="s">
        <v>15</v>
      </c>
      <c r="J13879" s="10">
        <v>2.930363898</v>
      </c>
    </row>
    <row r="13880" spans="1:10" x14ac:dyDescent="0.35">
      <c r="A13880" t="s">
        <v>35</v>
      </c>
      <c r="B13880" t="s">
        <v>84</v>
      </c>
      <c r="C13880" t="s">
        <v>117</v>
      </c>
      <c r="D13880" t="s">
        <v>118</v>
      </c>
      <c r="E13880">
        <v>2015</v>
      </c>
      <c r="F13880">
        <v>2015</v>
      </c>
      <c r="G13880" t="s">
        <v>14</v>
      </c>
      <c r="H13880" t="s">
        <v>119</v>
      </c>
      <c r="I13880" t="s">
        <v>15</v>
      </c>
      <c r="J13880" s="10">
        <v>16.419982780000002</v>
      </c>
    </row>
    <row r="13881" spans="1:10" x14ac:dyDescent="0.35">
      <c r="A13881" t="s">
        <v>35</v>
      </c>
      <c r="B13881" t="s">
        <v>84</v>
      </c>
      <c r="C13881" t="s">
        <v>117</v>
      </c>
      <c r="D13881" t="s">
        <v>118</v>
      </c>
      <c r="E13881">
        <v>2015</v>
      </c>
      <c r="F13881">
        <v>2015</v>
      </c>
      <c r="G13881" t="s">
        <v>14</v>
      </c>
      <c r="H13881" t="s">
        <v>120</v>
      </c>
      <c r="I13881" t="s">
        <v>15</v>
      </c>
      <c r="J13881" s="10">
        <v>11.26183666</v>
      </c>
    </row>
    <row r="13882" spans="1:10" x14ac:dyDescent="0.35">
      <c r="A13882" t="s">
        <v>35</v>
      </c>
      <c r="B13882" t="s">
        <v>84</v>
      </c>
      <c r="C13882" t="s">
        <v>117</v>
      </c>
      <c r="D13882" t="s">
        <v>118</v>
      </c>
      <c r="E13882">
        <v>2015</v>
      </c>
      <c r="F13882">
        <v>2015</v>
      </c>
      <c r="G13882" t="s">
        <v>14</v>
      </c>
      <c r="H13882" t="s">
        <v>121</v>
      </c>
      <c r="I13882" t="s">
        <v>15</v>
      </c>
      <c r="J13882" s="10">
        <v>34.118741499999999</v>
      </c>
    </row>
    <row r="13883" spans="1:10" x14ac:dyDescent="0.35">
      <c r="A13883" t="s">
        <v>35</v>
      </c>
      <c r="B13883" t="s">
        <v>84</v>
      </c>
      <c r="C13883" t="s">
        <v>117</v>
      </c>
      <c r="D13883" t="s">
        <v>118</v>
      </c>
      <c r="E13883">
        <v>2015</v>
      </c>
      <c r="F13883">
        <v>2015</v>
      </c>
      <c r="G13883" t="s">
        <v>14</v>
      </c>
      <c r="H13883" t="s">
        <v>122</v>
      </c>
      <c r="I13883" t="s">
        <v>15</v>
      </c>
      <c r="J13883" s="10">
        <v>20.84363111</v>
      </c>
    </row>
    <row r="13884" spans="1:10" x14ac:dyDescent="0.35">
      <c r="A13884" t="s">
        <v>35</v>
      </c>
      <c r="B13884" t="s">
        <v>84</v>
      </c>
      <c r="C13884" t="s">
        <v>117</v>
      </c>
      <c r="D13884" t="s">
        <v>118</v>
      </c>
      <c r="E13884">
        <v>2015</v>
      </c>
      <c r="F13884">
        <v>2015</v>
      </c>
      <c r="G13884" t="s">
        <v>14</v>
      </c>
      <c r="H13884" t="s">
        <v>123</v>
      </c>
      <c r="I13884" t="s">
        <v>15</v>
      </c>
      <c r="J13884" s="10">
        <v>15.14120685</v>
      </c>
    </row>
    <row r="13885" spans="1:10" x14ac:dyDescent="0.35">
      <c r="A13885" t="s">
        <v>35</v>
      </c>
      <c r="B13885" t="s">
        <v>84</v>
      </c>
      <c r="C13885" t="s">
        <v>117</v>
      </c>
      <c r="D13885" t="s">
        <v>118</v>
      </c>
      <c r="E13885">
        <v>2015</v>
      </c>
      <c r="F13885">
        <v>2015</v>
      </c>
      <c r="G13885" t="s">
        <v>14</v>
      </c>
      <c r="H13885" t="s">
        <v>124</v>
      </c>
      <c r="I13885" t="s">
        <v>15</v>
      </c>
      <c r="J13885" s="10">
        <v>2.2146010939999998</v>
      </c>
    </row>
    <row r="13886" spans="1:10" x14ac:dyDescent="0.35">
      <c r="A13886" t="s">
        <v>35</v>
      </c>
      <c r="B13886" t="s">
        <v>84</v>
      </c>
      <c r="C13886" t="s">
        <v>117</v>
      </c>
      <c r="D13886" t="s">
        <v>118</v>
      </c>
      <c r="E13886">
        <v>2015</v>
      </c>
      <c r="F13886">
        <v>2015</v>
      </c>
      <c r="G13886" t="s">
        <v>125</v>
      </c>
      <c r="H13886" t="s">
        <v>119</v>
      </c>
      <c r="I13886" t="s">
        <v>15</v>
      </c>
      <c r="J13886" s="10">
        <v>17.24426008</v>
      </c>
    </row>
    <row r="13887" spans="1:10" x14ac:dyDescent="0.35">
      <c r="A13887" t="s">
        <v>35</v>
      </c>
      <c r="B13887" t="s">
        <v>84</v>
      </c>
      <c r="C13887" t="s">
        <v>117</v>
      </c>
      <c r="D13887" t="s">
        <v>118</v>
      </c>
      <c r="E13887">
        <v>2015</v>
      </c>
      <c r="F13887">
        <v>2015</v>
      </c>
      <c r="G13887" t="s">
        <v>125</v>
      </c>
      <c r="H13887" t="s">
        <v>120</v>
      </c>
      <c r="I13887" t="s">
        <v>15</v>
      </c>
      <c r="J13887" s="10">
        <v>11.707429490000001</v>
      </c>
    </row>
    <row r="13888" spans="1:10" x14ac:dyDescent="0.35">
      <c r="A13888" t="s">
        <v>35</v>
      </c>
      <c r="B13888" t="s">
        <v>84</v>
      </c>
      <c r="C13888" t="s">
        <v>117</v>
      </c>
      <c r="D13888" t="s">
        <v>118</v>
      </c>
      <c r="E13888">
        <v>2015</v>
      </c>
      <c r="F13888">
        <v>2015</v>
      </c>
      <c r="G13888" t="s">
        <v>125</v>
      </c>
      <c r="H13888" t="s">
        <v>121</v>
      </c>
      <c r="I13888" t="s">
        <v>15</v>
      </c>
      <c r="J13888" s="10">
        <v>34.497162449999998</v>
      </c>
    </row>
    <row r="13889" spans="1:10" x14ac:dyDescent="0.35">
      <c r="A13889" t="s">
        <v>35</v>
      </c>
      <c r="B13889" t="s">
        <v>84</v>
      </c>
      <c r="C13889" t="s">
        <v>117</v>
      </c>
      <c r="D13889" t="s">
        <v>118</v>
      </c>
      <c r="E13889">
        <v>2015</v>
      </c>
      <c r="F13889">
        <v>2015</v>
      </c>
      <c r="G13889" t="s">
        <v>125</v>
      </c>
      <c r="H13889" t="s">
        <v>122</v>
      </c>
      <c r="I13889" t="s">
        <v>15</v>
      </c>
      <c r="J13889" s="10">
        <v>21.260046670000001</v>
      </c>
    </row>
    <row r="13890" spans="1:10" x14ac:dyDescent="0.35">
      <c r="A13890" t="s">
        <v>35</v>
      </c>
      <c r="B13890" t="s">
        <v>84</v>
      </c>
      <c r="C13890" t="s">
        <v>117</v>
      </c>
      <c r="D13890" t="s">
        <v>118</v>
      </c>
      <c r="E13890">
        <v>2015</v>
      </c>
      <c r="F13890">
        <v>2015</v>
      </c>
      <c r="G13890" t="s">
        <v>125</v>
      </c>
      <c r="H13890" t="s">
        <v>123</v>
      </c>
      <c r="I13890" t="s">
        <v>15</v>
      </c>
      <c r="J13890" s="10">
        <v>13.813268799999999</v>
      </c>
    </row>
    <row r="13891" spans="1:10" x14ac:dyDescent="0.35">
      <c r="A13891" t="s">
        <v>35</v>
      </c>
      <c r="B13891" t="s">
        <v>84</v>
      </c>
      <c r="C13891" t="s">
        <v>117</v>
      </c>
      <c r="D13891" t="s">
        <v>118</v>
      </c>
      <c r="E13891">
        <v>2015</v>
      </c>
      <c r="F13891">
        <v>2015</v>
      </c>
      <c r="G13891" t="s">
        <v>125</v>
      </c>
      <c r="H13891" t="s">
        <v>124</v>
      </c>
      <c r="I13891" t="s">
        <v>15</v>
      </c>
      <c r="J13891" s="10">
        <v>1.477832512</v>
      </c>
    </row>
    <row r="13892" spans="1:10" x14ac:dyDescent="0.35">
      <c r="A13892" t="s">
        <v>35</v>
      </c>
      <c r="B13892" t="s">
        <v>84</v>
      </c>
      <c r="C13892" t="s">
        <v>117</v>
      </c>
      <c r="D13892" t="s">
        <v>118</v>
      </c>
      <c r="E13892">
        <v>2015</v>
      </c>
      <c r="F13892">
        <v>2015</v>
      </c>
      <c r="G13892" t="s">
        <v>126</v>
      </c>
      <c r="H13892" t="s">
        <v>119</v>
      </c>
      <c r="I13892" t="s">
        <v>15</v>
      </c>
      <c r="J13892" s="10">
        <v>15.653059580000001</v>
      </c>
    </row>
    <row r="13893" spans="1:10" x14ac:dyDescent="0.35">
      <c r="A13893" t="s">
        <v>35</v>
      </c>
      <c r="B13893" t="s">
        <v>84</v>
      </c>
      <c r="C13893" t="s">
        <v>117</v>
      </c>
      <c r="D13893" t="s">
        <v>118</v>
      </c>
      <c r="E13893">
        <v>2015</v>
      </c>
      <c r="F13893">
        <v>2015</v>
      </c>
      <c r="G13893" t="s">
        <v>126</v>
      </c>
      <c r="H13893" t="s">
        <v>120</v>
      </c>
      <c r="I13893" t="s">
        <v>15</v>
      </c>
      <c r="J13893" s="10">
        <v>10.847248649999999</v>
      </c>
    </row>
    <row r="13894" spans="1:10" x14ac:dyDescent="0.35">
      <c r="A13894" t="s">
        <v>35</v>
      </c>
      <c r="B13894" t="s">
        <v>84</v>
      </c>
      <c r="C13894" t="s">
        <v>117</v>
      </c>
      <c r="D13894" t="s">
        <v>118</v>
      </c>
      <c r="E13894">
        <v>2015</v>
      </c>
      <c r="F13894">
        <v>2015</v>
      </c>
      <c r="G13894" t="s">
        <v>126</v>
      </c>
      <c r="H13894" t="s">
        <v>121</v>
      </c>
      <c r="I13894" t="s">
        <v>15</v>
      </c>
      <c r="J13894" s="10">
        <v>33.76665148</v>
      </c>
    </row>
    <row r="13895" spans="1:10" x14ac:dyDescent="0.35">
      <c r="A13895" t="s">
        <v>35</v>
      </c>
      <c r="B13895" t="s">
        <v>84</v>
      </c>
      <c r="C13895" t="s">
        <v>117</v>
      </c>
      <c r="D13895" t="s">
        <v>118</v>
      </c>
      <c r="E13895">
        <v>2015</v>
      </c>
      <c r="F13895">
        <v>2015</v>
      </c>
      <c r="G13895" t="s">
        <v>126</v>
      </c>
      <c r="H13895" t="s">
        <v>122</v>
      </c>
      <c r="I13895" t="s">
        <v>15</v>
      </c>
      <c r="J13895" s="10">
        <v>20.456190200000002</v>
      </c>
    </row>
    <row r="13896" spans="1:10" x14ac:dyDescent="0.35">
      <c r="A13896" t="s">
        <v>35</v>
      </c>
      <c r="B13896" t="s">
        <v>84</v>
      </c>
      <c r="C13896" t="s">
        <v>117</v>
      </c>
      <c r="D13896" t="s">
        <v>118</v>
      </c>
      <c r="E13896">
        <v>2015</v>
      </c>
      <c r="F13896">
        <v>2015</v>
      </c>
      <c r="G13896" t="s">
        <v>126</v>
      </c>
      <c r="H13896" t="s">
        <v>123</v>
      </c>
      <c r="I13896" t="s">
        <v>15</v>
      </c>
      <c r="J13896" s="10">
        <v>16.37674556</v>
      </c>
    </row>
    <row r="13897" spans="1:10" x14ac:dyDescent="0.35">
      <c r="A13897" t="s">
        <v>35</v>
      </c>
      <c r="B13897" t="s">
        <v>84</v>
      </c>
      <c r="C13897" t="s">
        <v>117</v>
      </c>
      <c r="D13897" t="s">
        <v>118</v>
      </c>
      <c r="E13897">
        <v>2015</v>
      </c>
      <c r="F13897">
        <v>2015</v>
      </c>
      <c r="G13897" t="s">
        <v>126</v>
      </c>
      <c r="H13897" t="s">
        <v>124</v>
      </c>
      <c r="I13897" t="s">
        <v>15</v>
      </c>
      <c r="J13897" s="10">
        <v>2.9001045319999998</v>
      </c>
    </row>
    <row r="13898" spans="1:10" x14ac:dyDescent="0.35">
      <c r="A13898" t="s">
        <v>35</v>
      </c>
      <c r="B13898" t="s">
        <v>84</v>
      </c>
      <c r="C13898" t="s">
        <v>117</v>
      </c>
      <c r="D13898" t="s">
        <v>118</v>
      </c>
      <c r="E13898">
        <v>2014</v>
      </c>
      <c r="F13898">
        <v>2014</v>
      </c>
      <c r="G13898" t="s">
        <v>14</v>
      </c>
      <c r="H13898" t="s">
        <v>119</v>
      </c>
      <c r="I13898" t="s">
        <v>15</v>
      </c>
      <c r="J13898" s="10">
        <v>16.569480200000001</v>
      </c>
    </row>
    <row r="13899" spans="1:10" x14ac:dyDescent="0.35">
      <c r="A13899" t="s">
        <v>35</v>
      </c>
      <c r="B13899" t="s">
        <v>84</v>
      </c>
      <c r="C13899" t="s">
        <v>117</v>
      </c>
      <c r="D13899" t="s">
        <v>118</v>
      </c>
      <c r="E13899">
        <v>2014</v>
      </c>
      <c r="F13899">
        <v>2014</v>
      </c>
      <c r="G13899" t="s">
        <v>14</v>
      </c>
      <c r="H13899" t="s">
        <v>120</v>
      </c>
      <c r="I13899" t="s">
        <v>15</v>
      </c>
      <c r="J13899" s="10">
        <v>11.303319180000001</v>
      </c>
    </row>
    <row r="13900" spans="1:10" x14ac:dyDescent="0.35">
      <c r="A13900" t="s">
        <v>35</v>
      </c>
      <c r="B13900" t="s">
        <v>84</v>
      </c>
      <c r="C13900" t="s">
        <v>117</v>
      </c>
      <c r="D13900" t="s">
        <v>118</v>
      </c>
      <c r="E13900">
        <v>2014</v>
      </c>
      <c r="F13900">
        <v>2014</v>
      </c>
      <c r="G13900" t="s">
        <v>14</v>
      </c>
      <c r="H13900" t="s">
        <v>121</v>
      </c>
      <c r="I13900" t="s">
        <v>15</v>
      </c>
      <c r="J13900" s="10">
        <v>34.426275140000001</v>
      </c>
    </row>
    <row r="13901" spans="1:10" x14ac:dyDescent="0.35">
      <c r="A13901" t="s">
        <v>35</v>
      </c>
      <c r="B13901" t="s">
        <v>84</v>
      </c>
      <c r="C13901" t="s">
        <v>117</v>
      </c>
      <c r="D13901" t="s">
        <v>118</v>
      </c>
      <c r="E13901">
        <v>2014</v>
      </c>
      <c r="F13901">
        <v>2014</v>
      </c>
      <c r="G13901" t="s">
        <v>14</v>
      </c>
      <c r="H13901" t="s">
        <v>122</v>
      </c>
      <c r="I13901" t="s">
        <v>15</v>
      </c>
      <c r="J13901" s="10">
        <v>20.410549020000001</v>
      </c>
    </row>
    <row r="13902" spans="1:10" x14ac:dyDescent="0.35">
      <c r="A13902" t="s">
        <v>35</v>
      </c>
      <c r="B13902" t="s">
        <v>84</v>
      </c>
      <c r="C13902" t="s">
        <v>117</v>
      </c>
      <c r="D13902" t="s">
        <v>118</v>
      </c>
      <c r="E13902">
        <v>2014</v>
      </c>
      <c r="F13902">
        <v>2014</v>
      </c>
      <c r="G13902" t="s">
        <v>14</v>
      </c>
      <c r="H13902" t="s">
        <v>123</v>
      </c>
      <c r="I13902" t="s">
        <v>15</v>
      </c>
      <c r="J13902" s="10">
        <v>15.10263726</v>
      </c>
    </row>
    <row r="13903" spans="1:10" x14ac:dyDescent="0.35">
      <c r="A13903" t="s">
        <v>35</v>
      </c>
      <c r="B13903" t="s">
        <v>84</v>
      </c>
      <c r="C13903" t="s">
        <v>117</v>
      </c>
      <c r="D13903" t="s">
        <v>118</v>
      </c>
      <c r="E13903">
        <v>2014</v>
      </c>
      <c r="F13903">
        <v>2014</v>
      </c>
      <c r="G13903" t="s">
        <v>14</v>
      </c>
      <c r="H13903" t="s">
        <v>124</v>
      </c>
      <c r="I13903" t="s">
        <v>15</v>
      </c>
      <c r="J13903" s="10">
        <v>2.187739197</v>
      </c>
    </row>
    <row r="13904" spans="1:10" x14ac:dyDescent="0.35">
      <c r="A13904" t="s">
        <v>35</v>
      </c>
      <c r="B13904" t="s">
        <v>84</v>
      </c>
      <c r="C13904" t="s">
        <v>117</v>
      </c>
      <c r="D13904" t="s">
        <v>118</v>
      </c>
      <c r="E13904">
        <v>2014</v>
      </c>
      <c r="F13904">
        <v>2014</v>
      </c>
      <c r="G13904" t="s">
        <v>125</v>
      </c>
      <c r="H13904" t="s">
        <v>119</v>
      </c>
      <c r="I13904" t="s">
        <v>15</v>
      </c>
      <c r="J13904" s="10">
        <v>17.325658749999999</v>
      </c>
    </row>
    <row r="13905" spans="1:10" x14ac:dyDescent="0.35">
      <c r="A13905" t="s">
        <v>35</v>
      </c>
      <c r="B13905" t="s">
        <v>84</v>
      </c>
      <c r="C13905" t="s">
        <v>117</v>
      </c>
      <c r="D13905" t="s">
        <v>118</v>
      </c>
      <c r="E13905">
        <v>2014</v>
      </c>
      <c r="F13905">
        <v>2014</v>
      </c>
      <c r="G13905" t="s">
        <v>125</v>
      </c>
      <c r="H13905" t="s">
        <v>120</v>
      </c>
      <c r="I13905" t="s">
        <v>15</v>
      </c>
      <c r="J13905" s="10">
        <v>11.83293321</v>
      </c>
    </row>
    <row r="13906" spans="1:10" x14ac:dyDescent="0.35">
      <c r="A13906" t="s">
        <v>35</v>
      </c>
      <c r="B13906" t="s">
        <v>84</v>
      </c>
      <c r="C13906" t="s">
        <v>117</v>
      </c>
      <c r="D13906" t="s">
        <v>118</v>
      </c>
      <c r="E13906">
        <v>2014</v>
      </c>
      <c r="F13906">
        <v>2014</v>
      </c>
      <c r="G13906" t="s">
        <v>125</v>
      </c>
      <c r="H13906" t="s">
        <v>121</v>
      </c>
      <c r="I13906" t="s">
        <v>15</v>
      </c>
      <c r="J13906" s="10">
        <v>34.743875279999997</v>
      </c>
    </row>
    <row r="13907" spans="1:10" x14ac:dyDescent="0.35">
      <c r="A13907" t="s">
        <v>35</v>
      </c>
      <c r="B13907" t="s">
        <v>84</v>
      </c>
      <c r="C13907" t="s">
        <v>117</v>
      </c>
      <c r="D13907" t="s">
        <v>118</v>
      </c>
      <c r="E13907">
        <v>2014</v>
      </c>
      <c r="F13907">
        <v>2014</v>
      </c>
      <c r="G13907" t="s">
        <v>125</v>
      </c>
      <c r="H13907" t="s">
        <v>122</v>
      </c>
      <c r="I13907" t="s">
        <v>15</v>
      </c>
      <c r="J13907" s="10">
        <v>20.918057439999998</v>
      </c>
    </row>
    <row r="13908" spans="1:10" x14ac:dyDescent="0.35">
      <c r="A13908" t="s">
        <v>35</v>
      </c>
      <c r="B13908" t="s">
        <v>84</v>
      </c>
      <c r="C13908" t="s">
        <v>117</v>
      </c>
      <c r="D13908" t="s">
        <v>118</v>
      </c>
      <c r="E13908">
        <v>2014</v>
      </c>
      <c r="F13908">
        <v>2014</v>
      </c>
      <c r="G13908" t="s">
        <v>125</v>
      </c>
      <c r="H13908" t="s">
        <v>123</v>
      </c>
      <c r="I13908" t="s">
        <v>15</v>
      </c>
      <c r="J13908" s="10">
        <v>13.718797909999999</v>
      </c>
    </row>
    <row r="13909" spans="1:10" x14ac:dyDescent="0.35">
      <c r="A13909" t="s">
        <v>35</v>
      </c>
      <c r="B13909" t="s">
        <v>84</v>
      </c>
      <c r="C13909" t="s">
        <v>117</v>
      </c>
      <c r="D13909" t="s">
        <v>118</v>
      </c>
      <c r="E13909">
        <v>2014</v>
      </c>
      <c r="F13909">
        <v>2014</v>
      </c>
      <c r="G13909" t="s">
        <v>125</v>
      </c>
      <c r="H13909" t="s">
        <v>124</v>
      </c>
      <c r="I13909" t="s">
        <v>15</v>
      </c>
      <c r="J13909" s="10">
        <v>1.4606774069999999</v>
      </c>
    </row>
    <row r="13910" spans="1:10" x14ac:dyDescent="0.35">
      <c r="A13910" t="s">
        <v>35</v>
      </c>
      <c r="B13910" t="s">
        <v>84</v>
      </c>
      <c r="C13910" t="s">
        <v>117</v>
      </c>
      <c r="D13910" t="s">
        <v>118</v>
      </c>
      <c r="E13910">
        <v>2014</v>
      </c>
      <c r="F13910">
        <v>2014</v>
      </c>
      <c r="G13910" t="s">
        <v>126</v>
      </c>
      <c r="H13910" t="s">
        <v>119</v>
      </c>
      <c r="I13910" t="s">
        <v>15</v>
      </c>
      <c r="J13910" s="10">
        <v>15.86824741</v>
      </c>
    </row>
    <row r="13911" spans="1:10" x14ac:dyDescent="0.35">
      <c r="A13911" t="s">
        <v>35</v>
      </c>
      <c r="B13911" t="s">
        <v>84</v>
      </c>
      <c r="C13911" t="s">
        <v>117</v>
      </c>
      <c r="D13911" t="s">
        <v>118</v>
      </c>
      <c r="E13911">
        <v>2014</v>
      </c>
      <c r="F13911">
        <v>2014</v>
      </c>
      <c r="G13911" t="s">
        <v>126</v>
      </c>
      <c r="H13911" t="s">
        <v>120</v>
      </c>
      <c r="I13911" t="s">
        <v>15</v>
      </c>
      <c r="J13911" s="10">
        <v>10.812188190000001</v>
      </c>
    </row>
    <row r="13912" spans="1:10" x14ac:dyDescent="0.35">
      <c r="A13912" t="s">
        <v>35</v>
      </c>
      <c r="B13912" t="s">
        <v>84</v>
      </c>
      <c r="C13912" t="s">
        <v>117</v>
      </c>
      <c r="D13912" t="s">
        <v>118</v>
      </c>
      <c r="E13912">
        <v>2014</v>
      </c>
      <c r="F13912">
        <v>2014</v>
      </c>
      <c r="G13912" t="s">
        <v>126</v>
      </c>
      <c r="H13912" t="s">
        <v>121</v>
      </c>
      <c r="I13912" t="s">
        <v>15</v>
      </c>
      <c r="J13912" s="10">
        <v>34.131752589999998</v>
      </c>
    </row>
    <row r="13913" spans="1:10" x14ac:dyDescent="0.35">
      <c r="A13913" t="s">
        <v>35</v>
      </c>
      <c r="B13913" t="s">
        <v>84</v>
      </c>
      <c r="C13913" t="s">
        <v>117</v>
      </c>
      <c r="D13913" t="s">
        <v>118</v>
      </c>
      <c r="E13913">
        <v>2014</v>
      </c>
      <c r="F13913">
        <v>2014</v>
      </c>
      <c r="G13913" t="s">
        <v>126</v>
      </c>
      <c r="H13913" t="s">
        <v>122</v>
      </c>
      <c r="I13913" t="s">
        <v>15</v>
      </c>
      <c r="J13913" s="10">
        <v>19.939917390000002</v>
      </c>
    </row>
    <row r="13914" spans="1:10" x14ac:dyDescent="0.35">
      <c r="A13914" t="s">
        <v>35</v>
      </c>
      <c r="B13914" t="s">
        <v>84</v>
      </c>
      <c r="C13914" t="s">
        <v>117</v>
      </c>
      <c r="D13914" t="s">
        <v>118</v>
      </c>
      <c r="E13914">
        <v>2014</v>
      </c>
      <c r="F13914">
        <v>2014</v>
      </c>
      <c r="G13914" t="s">
        <v>126</v>
      </c>
      <c r="H13914" t="s">
        <v>123</v>
      </c>
      <c r="I13914" t="s">
        <v>15</v>
      </c>
      <c r="J13914" s="10">
        <v>16.385923500000001</v>
      </c>
    </row>
    <row r="13915" spans="1:10" x14ac:dyDescent="0.35">
      <c r="A13915" t="s">
        <v>35</v>
      </c>
      <c r="B13915" t="s">
        <v>84</v>
      </c>
      <c r="C13915" t="s">
        <v>117</v>
      </c>
      <c r="D13915" t="s">
        <v>118</v>
      </c>
      <c r="E13915">
        <v>2014</v>
      </c>
      <c r="F13915">
        <v>2014</v>
      </c>
      <c r="G13915" t="s">
        <v>126</v>
      </c>
      <c r="H13915" t="s">
        <v>124</v>
      </c>
      <c r="I13915" t="s">
        <v>15</v>
      </c>
      <c r="J13915" s="10">
        <v>2.861970924</v>
      </c>
    </row>
    <row r="13916" spans="1:10" x14ac:dyDescent="0.35">
      <c r="A13916" t="s">
        <v>35</v>
      </c>
      <c r="B13916" t="s">
        <v>84</v>
      </c>
      <c r="C13916" t="s">
        <v>117</v>
      </c>
      <c r="D13916" t="s">
        <v>118</v>
      </c>
      <c r="E13916">
        <v>2013</v>
      </c>
      <c r="F13916">
        <v>2013</v>
      </c>
      <c r="G13916" t="s">
        <v>14</v>
      </c>
      <c r="H13916" t="s">
        <v>119</v>
      </c>
      <c r="I13916" t="s">
        <v>15</v>
      </c>
      <c r="J13916" s="10">
        <v>16.657366849999999</v>
      </c>
    </row>
    <row r="13917" spans="1:10" x14ac:dyDescent="0.35">
      <c r="A13917" t="s">
        <v>35</v>
      </c>
      <c r="B13917" t="s">
        <v>84</v>
      </c>
      <c r="C13917" t="s">
        <v>117</v>
      </c>
      <c r="D13917" t="s">
        <v>118</v>
      </c>
      <c r="E13917">
        <v>2013</v>
      </c>
      <c r="F13917">
        <v>2013</v>
      </c>
      <c r="G13917" t="s">
        <v>14</v>
      </c>
      <c r="H13917" t="s">
        <v>120</v>
      </c>
      <c r="I13917" t="s">
        <v>15</v>
      </c>
      <c r="J13917" s="10">
        <v>11.41506012</v>
      </c>
    </row>
    <row r="13918" spans="1:10" x14ac:dyDescent="0.35">
      <c r="A13918" t="s">
        <v>35</v>
      </c>
      <c r="B13918" t="s">
        <v>84</v>
      </c>
      <c r="C13918" t="s">
        <v>117</v>
      </c>
      <c r="D13918" t="s">
        <v>118</v>
      </c>
      <c r="E13918">
        <v>2013</v>
      </c>
      <c r="F13918">
        <v>2013</v>
      </c>
      <c r="G13918" t="s">
        <v>14</v>
      </c>
      <c r="H13918" t="s">
        <v>121</v>
      </c>
      <c r="I13918" t="s">
        <v>15</v>
      </c>
      <c r="J13918" s="10">
        <v>34.948246519999998</v>
      </c>
    </row>
    <row r="13919" spans="1:10" x14ac:dyDescent="0.35">
      <c r="A13919" t="s">
        <v>35</v>
      </c>
      <c r="B13919" t="s">
        <v>84</v>
      </c>
      <c r="C13919" t="s">
        <v>117</v>
      </c>
      <c r="D13919" t="s">
        <v>118</v>
      </c>
      <c r="E13919">
        <v>2013</v>
      </c>
      <c r="F13919">
        <v>2013</v>
      </c>
      <c r="G13919" t="s">
        <v>14</v>
      </c>
      <c r="H13919" t="s">
        <v>122</v>
      </c>
      <c r="I13919" t="s">
        <v>15</v>
      </c>
      <c r="J13919" s="10">
        <v>19.918812599999999</v>
      </c>
    </row>
    <row r="13920" spans="1:10" x14ac:dyDescent="0.35">
      <c r="A13920" t="s">
        <v>35</v>
      </c>
      <c r="B13920" t="s">
        <v>84</v>
      </c>
      <c r="C13920" t="s">
        <v>117</v>
      </c>
      <c r="D13920" t="s">
        <v>118</v>
      </c>
      <c r="E13920">
        <v>2013</v>
      </c>
      <c r="F13920">
        <v>2013</v>
      </c>
      <c r="G13920" t="s">
        <v>14</v>
      </c>
      <c r="H13920" t="s">
        <v>123</v>
      </c>
      <c r="I13920" t="s">
        <v>15</v>
      </c>
      <c r="J13920" s="10">
        <v>14.9847948</v>
      </c>
    </row>
    <row r="13921" spans="1:10" x14ac:dyDescent="0.35">
      <c r="A13921" t="s">
        <v>35</v>
      </c>
      <c r="B13921" t="s">
        <v>84</v>
      </c>
      <c r="C13921" t="s">
        <v>117</v>
      </c>
      <c r="D13921" t="s">
        <v>118</v>
      </c>
      <c r="E13921">
        <v>2013</v>
      </c>
      <c r="F13921">
        <v>2013</v>
      </c>
      <c r="G13921" t="s">
        <v>14</v>
      </c>
      <c r="H13921" t="s">
        <v>124</v>
      </c>
      <c r="I13921" t="s">
        <v>15</v>
      </c>
      <c r="J13921" s="10">
        <v>2.0757191079999999</v>
      </c>
    </row>
    <row r="13922" spans="1:10" x14ac:dyDescent="0.35">
      <c r="A13922" t="s">
        <v>35</v>
      </c>
      <c r="B13922" t="s">
        <v>84</v>
      </c>
      <c r="C13922" t="s">
        <v>117</v>
      </c>
      <c r="D13922" t="s">
        <v>118</v>
      </c>
      <c r="E13922">
        <v>2013</v>
      </c>
      <c r="F13922">
        <v>2013</v>
      </c>
      <c r="G13922" t="s">
        <v>125</v>
      </c>
      <c r="H13922" t="s">
        <v>119</v>
      </c>
      <c r="I13922" t="s">
        <v>15</v>
      </c>
      <c r="J13922" s="10">
        <v>17.38638671</v>
      </c>
    </row>
    <row r="13923" spans="1:10" x14ac:dyDescent="0.35">
      <c r="A13923" t="s">
        <v>35</v>
      </c>
      <c r="B13923" t="s">
        <v>84</v>
      </c>
      <c r="C13923" t="s">
        <v>117</v>
      </c>
      <c r="D13923" t="s">
        <v>118</v>
      </c>
      <c r="E13923">
        <v>2013</v>
      </c>
      <c r="F13923">
        <v>2013</v>
      </c>
      <c r="G13923" t="s">
        <v>125</v>
      </c>
      <c r="H13923" t="s">
        <v>120</v>
      </c>
      <c r="I13923" t="s">
        <v>15</v>
      </c>
      <c r="J13923" s="10">
        <v>12.07911603</v>
      </c>
    </row>
    <row r="13924" spans="1:10" x14ac:dyDescent="0.35">
      <c r="A13924" t="s">
        <v>35</v>
      </c>
      <c r="B13924" t="s">
        <v>84</v>
      </c>
      <c r="C13924" t="s">
        <v>117</v>
      </c>
      <c r="D13924" t="s">
        <v>118</v>
      </c>
      <c r="E13924">
        <v>2013</v>
      </c>
      <c r="F13924">
        <v>2013</v>
      </c>
      <c r="G13924" t="s">
        <v>125</v>
      </c>
      <c r="H13924" t="s">
        <v>121</v>
      </c>
      <c r="I13924" t="s">
        <v>15</v>
      </c>
      <c r="J13924" s="10">
        <v>35.210695749999999</v>
      </c>
    </row>
    <row r="13925" spans="1:10" x14ac:dyDescent="0.35">
      <c r="A13925" t="s">
        <v>35</v>
      </c>
      <c r="B13925" t="s">
        <v>84</v>
      </c>
      <c r="C13925" t="s">
        <v>117</v>
      </c>
      <c r="D13925" t="s">
        <v>118</v>
      </c>
      <c r="E13925">
        <v>2013</v>
      </c>
      <c r="F13925">
        <v>2013</v>
      </c>
      <c r="G13925" t="s">
        <v>125</v>
      </c>
      <c r="H13925" t="s">
        <v>122</v>
      </c>
      <c r="I13925" t="s">
        <v>15</v>
      </c>
      <c r="J13925" s="10">
        <v>20.530147039999999</v>
      </c>
    </row>
    <row r="13926" spans="1:10" x14ac:dyDescent="0.35">
      <c r="A13926" t="s">
        <v>35</v>
      </c>
      <c r="B13926" t="s">
        <v>84</v>
      </c>
      <c r="C13926" t="s">
        <v>117</v>
      </c>
      <c r="D13926" t="s">
        <v>118</v>
      </c>
      <c r="E13926">
        <v>2013</v>
      </c>
      <c r="F13926">
        <v>2013</v>
      </c>
      <c r="G13926" t="s">
        <v>125</v>
      </c>
      <c r="H13926" t="s">
        <v>123</v>
      </c>
      <c r="I13926" t="s">
        <v>15</v>
      </c>
      <c r="J13926" s="10">
        <v>13.421884520000001</v>
      </c>
    </row>
    <row r="13927" spans="1:10" x14ac:dyDescent="0.35">
      <c r="A13927" t="s">
        <v>35</v>
      </c>
      <c r="B13927" t="s">
        <v>84</v>
      </c>
      <c r="C13927" t="s">
        <v>117</v>
      </c>
      <c r="D13927" t="s">
        <v>118</v>
      </c>
      <c r="E13927">
        <v>2013</v>
      </c>
      <c r="F13927">
        <v>2013</v>
      </c>
      <c r="G13927" t="s">
        <v>125</v>
      </c>
      <c r="H13927" t="s">
        <v>124</v>
      </c>
      <c r="I13927" t="s">
        <v>15</v>
      </c>
      <c r="J13927" s="10">
        <v>1.37176996</v>
      </c>
    </row>
    <row r="13928" spans="1:10" x14ac:dyDescent="0.35">
      <c r="A13928" t="s">
        <v>35</v>
      </c>
      <c r="B13928" t="s">
        <v>84</v>
      </c>
      <c r="C13928" t="s">
        <v>117</v>
      </c>
      <c r="D13928" t="s">
        <v>118</v>
      </c>
      <c r="E13928">
        <v>2013</v>
      </c>
      <c r="F13928">
        <v>2013</v>
      </c>
      <c r="G13928" t="s">
        <v>126</v>
      </c>
      <c r="H13928" t="s">
        <v>119</v>
      </c>
      <c r="I13928" t="s">
        <v>15</v>
      </c>
      <c r="J13928" s="10">
        <v>15.98172289</v>
      </c>
    </row>
    <row r="13929" spans="1:10" x14ac:dyDescent="0.35">
      <c r="A13929" t="s">
        <v>35</v>
      </c>
      <c r="B13929" t="s">
        <v>84</v>
      </c>
      <c r="C13929" t="s">
        <v>117</v>
      </c>
      <c r="D13929" t="s">
        <v>118</v>
      </c>
      <c r="E13929">
        <v>2013</v>
      </c>
      <c r="F13929">
        <v>2013</v>
      </c>
      <c r="G13929" t="s">
        <v>126</v>
      </c>
      <c r="H13929" t="s">
        <v>120</v>
      </c>
      <c r="I13929" t="s">
        <v>15</v>
      </c>
      <c r="J13929" s="10">
        <v>10.799623710000001</v>
      </c>
    </row>
    <row r="13930" spans="1:10" x14ac:dyDescent="0.35">
      <c r="A13930" t="s">
        <v>35</v>
      </c>
      <c r="B13930" t="s">
        <v>84</v>
      </c>
      <c r="C13930" t="s">
        <v>117</v>
      </c>
      <c r="D13930" t="s">
        <v>118</v>
      </c>
      <c r="E13930">
        <v>2013</v>
      </c>
      <c r="F13930">
        <v>2013</v>
      </c>
      <c r="G13930" t="s">
        <v>126</v>
      </c>
      <c r="H13930" t="s">
        <v>121</v>
      </c>
      <c r="I13930" t="s">
        <v>15</v>
      </c>
      <c r="J13930" s="10">
        <v>34.705012770000003</v>
      </c>
    </row>
    <row r="13931" spans="1:10" x14ac:dyDescent="0.35">
      <c r="A13931" t="s">
        <v>35</v>
      </c>
      <c r="B13931" t="s">
        <v>84</v>
      </c>
      <c r="C13931" t="s">
        <v>117</v>
      </c>
      <c r="D13931" t="s">
        <v>118</v>
      </c>
      <c r="E13931">
        <v>2013</v>
      </c>
      <c r="F13931">
        <v>2013</v>
      </c>
      <c r="G13931" t="s">
        <v>126</v>
      </c>
      <c r="H13931" t="s">
        <v>122</v>
      </c>
      <c r="I13931" t="s">
        <v>15</v>
      </c>
      <c r="J13931" s="10">
        <v>19.352237599999999</v>
      </c>
    </row>
    <row r="13932" spans="1:10" x14ac:dyDescent="0.35">
      <c r="A13932" t="s">
        <v>35</v>
      </c>
      <c r="B13932" t="s">
        <v>84</v>
      </c>
      <c r="C13932" t="s">
        <v>117</v>
      </c>
      <c r="D13932" t="s">
        <v>118</v>
      </c>
      <c r="E13932">
        <v>2013</v>
      </c>
      <c r="F13932">
        <v>2013</v>
      </c>
      <c r="G13932" t="s">
        <v>126</v>
      </c>
      <c r="H13932" t="s">
        <v>123</v>
      </c>
      <c r="I13932" t="s">
        <v>15</v>
      </c>
      <c r="J13932" s="10">
        <v>16.433275099999999</v>
      </c>
    </row>
    <row r="13933" spans="1:10" x14ac:dyDescent="0.35">
      <c r="A13933" t="s">
        <v>35</v>
      </c>
      <c r="B13933" t="s">
        <v>84</v>
      </c>
      <c r="C13933" t="s">
        <v>117</v>
      </c>
      <c r="D13933" t="s">
        <v>118</v>
      </c>
      <c r="E13933">
        <v>2013</v>
      </c>
      <c r="F13933">
        <v>2013</v>
      </c>
      <c r="G13933" t="s">
        <v>126</v>
      </c>
      <c r="H13933" t="s">
        <v>124</v>
      </c>
      <c r="I13933" t="s">
        <v>15</v>
      </c>
      <c r="J13933" s="10">
        <v>2.7281279399999998</v>
      </c>
    </row>
    <row r="13934" spans="1:10" x14ac:dyDescent="0.35">
      <c r="A13934" t="s">
        <v>35</v>
      </c>
      <c r="B13934" t="s">
        <v>84</v>
      </c>
      <c r="C13934" t="s">
        <v>117</v>
      </c>
      <c r="D13934" t="s">
        <v>118</v>
      </c>
      <c r="E13934">
        <v>2012</v>
      </c>
      <c r="F13934">
        <v>2012</v>
      </c>
      <c r="G13934" t="s">
        <v>14</v>
      </c>
      <c r="H13934" t="s">
        <v>119</v>
      </c>
      <c r="I13934" t="s">
        <v>15</v>
      </c>
      <c r="J13934" s="10">
        <v>16.717761490000001</v>
      </c>
    </row>
    <row r="13935" spans="1:10" x14ac:dyDescent="0.35">
      <c r="A13935" t="s">
        <v>35</v>
      </c>
      <c r="B13935" t="s">
        <v>84</v>
      </c>
      <c r="C13935" t="s">
        <v>117</v>
      </c>
      <c r="D13935" t="s">
        <v>118</v>
      </c>
      <c r="E13935">
        <v>2012</v>
      </c>
      <c r="F13935">
        <v>2012</v>
      </c>
      <c r="G13935" t="s">
        <v>14</v>
      </c>
      <c r="H13935" t="s">
        <v>120</v>
      </c>
      <c r="I13935" t="s">
        <v>15</v>
      </c>
      <c r="J13935" s="10">
        <v>11.687243949999999</v>
      </c>
    </row>
    <row r="13936" spans="1:10" x14ac:dyDescent="0.35">
      <c r="A13936" t="s">
        <v>35</v>
      </c>
      <c r="B13936" t="s">
        <v>84</v>
      </c>
      <c r="C13936" t="s">
        <v>117</v>
      </c>
      <c r="D13936" t="s">
        <v>118</v>
      </c>
      <c r="E13936">
        <v>2012</v>
      </c>
      <c r="F13936">
        <v>2012</v>
      </c>
      <c r="G13936" t="s">
        <v>14</v>
      </c>
      <c r="H13936" t="s">
        <v>121</v>
      </c>
      <c r="I13936" t="s">
        <v>15</v>
      </c>
      <c r="J13936" s="10">
        <v>35.111897659999997</v>
      </c>
    </row>
    <row r="13937" spans="1:10" x14ac:dyDescent="0.35">
      <c r="A13937" t="s">
        <v>35</v>
      </c>
      <c r="B13937" t="s">
        <v>84</v>
      </c>
      <c r="C13937" t="s">
        <v>117</v>
      </c>
      <c r="D13937" t="s">
        <v>118</v>
      </c>
      <c r="E13937">
        <v>2012</v>
      </c>
      <c r="F13937">
        <v>2012</v>
      </c>
      <c r="G13937" t="s">
        <v>14</v>
      </c>
      <c r="H13937" t="s">
        <v>122</v>
      </c>
      <c r="I13937" t="s">
        <v>15</v>
      </c>
      <c r="J13937" s="10">
        <v>19.567459100000001</v>
      </c>
    </row>
    <row r="13938" spans="1:10" x14ac:dyDescent="0.35">
      <c r="A13938" t="s">
        <v>35</v>
      </c>
      <c r="B13938" t="s">
        <v>84</v>
      </c>
      <c r="C13938" t="s">
        <v>117</v>
      </c>
      <c r="D13938" t="s">
        <v>118</v>
      </c>
      <c r="E13938">
        <v>2012</v>
      </c>
      <c r="F13938">
        <v>2012</v>
      </c>
      <c r="G13938" t="s">
        <v>14</v>
      </c>
      <c r="H13938" t="s">
        <v>123</v>
      </c>
      <c r="I13938" t="s">
        <v>15</v>
      </c>
      <c r="J13938" s="10">
        <v>14.836543020000001</v>
      </c>
    </row>
    <row r="13939" spans="1:10" x14ac:dyDescent="0.35">
      <c r="A13939" t="s">
        <v>35</v>
      </c>
      <c r="B13939" t="s">
        <v>84</v>
      </c>
      <c r="C13939" t="s">
        <v>117</v>
      </c>
      <c r="D13939" t="s">
        <v>118</v>
      </c>
      <c r="E13939">
        <v>2012</v>
      </c>
      <c r="F13939">
        <v>2012</v>
      </c>
      <c r="G13939" t="s">
        <v>14</v>
      </c>
      <c r="H13939" t="s">
        <v>124</v>
      </c>
      <c r="I13939" t="s">
        <v>15</v>
      </c>
      <c r="J13939" s="10">
        <v>2.0790947860000002</v>
      </c>
    </row>
    <row r="13940" spans="1:10" x14ac:dyDescent="0.35">
      <c r="A13940" t="s">
        <v>35</v>
      </c>
      <c r="B13940" t="s">
        <v>84</v>
      </c>
      <c r="C13940" t="s">
        <v>117</v>
      </c>
      <c r="D13940" t="s">
        <v>118</v>
      </c>
      <c r="E13940">
        <v>2012</v>
      </c>
      <c r="F13940">
        <v>2012</v>
      </c>
      <c r="G13940" t="s">
        <v>125</v>
      </c>
      <c r="H13940" t="s">
        <v>119</v>
      </c>
      <c r="I13940" t="s">
        <v>15</v>
      </c>
      <c r="J13940" s="10">
        <v>17.57690075</v>
      </c>
    </row>
    <row r="13941" spans="1:10" x14ac:dyDescent="0.35">
      <c r="A13941" t="s">
        <v>35</v>
      </c>
      <c r="B13941" t="s">
        <v>84</v>
      </c>
      <c r="C13941" t="s">
        <v>117</v>
      </c>
      <c r="D13941" t="s">
        <v>118</v>
      </c>
      <c r="E13941">
        <v>2012</v>
      </c>
      <c r="F13941">
        <v>2012</v>
      </c>
      <c r="G13941" t="s">
        <v>125</v>
      </c>
      <c r="H13941" t="s">
        <v>120</v>
      </c>
      <c r="I13941" t="s">
        <v>15</v>
      </c>
      <c r="J13941" s="10">
        <v>12.370864770000001</v>
      </c>
    </row>
    <row r="13942" spans="1:10" x14ac:dyDescent="0.35">
      <c r="A13942" t="s">
        <v>35</v>
      </c>
      <c r="B13942" t="s">
        <v>84</v>
      </c>
      <c r="C13942" t="s">
        <v>117</v>
      </c>
      <c r="D13942" t="s">
        <v>118</v>
      </c>
      <c r="E13942">
        <v>2012</v>
      </c>
      <c r="F13942">
        <v>2012</v>
      </c>
      <c r="G13942" t="s">
        <v>125</v>
      </c>
      <c r="H13942" t="s">
        <v>121</v>
      </c>
      <c r="I13942" t="s">
        <v>15</v>
      </c>
      <c r="J13942" s="10">
        <v>35.423679630000002</v>
      </c>
    </row>
    <row r="13943" spans="1:10" x14ac:dyDescent="0.35">
      <c r="A13943" t="s">
        <v>35</v>
      </c>
      <c r="B13943" t="s">
        <v>84</v>
      </c>
      <c r="C13943" t="s">
        <v>117</v>
      </c>
      <c r="D13943" t="s">
        <v>118</v>
      </c>
      <c r="E13943">
        <v>2012</v>
      </c>
      <c r="F13943">
        <v>2012</v>
      </c>
      <c r="G13943" t="s">
        <v>125</v>
      </c>
      <c r="H13943" t="s">
        <v>122</v>
      </c>
      <c r="I13943" t="s">
        <v>15</v>
      </c>
      <c r="J13943" s="10">
        <v>20.133488100000001</v>
      </c>
    </row>
    <row r="13944" spans="1:10" x14ac:dyDescent="0.35">
      <c r="A13944" t="s">
        <v>35</v>
      </c>
      <c r="B13944" t="s">
        <v>84</v>
      </c>
      <c r="C13944" t="s">
        <v>117</v>
      </c>
      <c r="D13944" t="s">
        <v>118</v>
      </c>
      <c r="E13944">
        <v>2012</v>
      </c>
      <c r="F13944">
        <v>2012</v>
      </c>
      <c r="G13944" t="s">
        <v>125</v>
      </c>
      <c r="H13944" t="s">
        <v>123</v>
      </c>
      <c r="I13944" t="s">
        <v>15</v>
      </c>
      <c r="J13944" s="10">
        <v>13.19210679</v>
      </c>
    </row>
    <row r="13945" spans="1:10" x14ac:dyDescent="0.35">
      <c r="A13945" t="s">
        <v>35</v>
      </c>
      <c r="B13945" t="s">
        <v>84</v>
      </c>
      <c r="C13945" t="s">
        <v>117</v>
      </c>
      <c r="D13945" t="s">
        <v>118</v>
      </c>
      <c r="E13945">
        <v>2012</v>
      </c>
      <c r="F13945">
        <v>2012</v>
      </c>
      <c r="G13945" t="s">
        <v>125</v>
      </c>
      <c r="H13945" t="s">
        <v>124</v>
      </c>
      <c r="I13945" t="s">
        <v>15</v>
      </c>
      <c r="J13945" s="10">
        <v>1.3029599540000001</v>
      </c>
    </row>
    <row r="13946" spans="1:10" x14ac:dyDescent="0.35">
      <c r="A13946" t="s">
        <v>35</v>
      </c>
      <c r="B13946" t="s">
        <v>84</v>
      </c>
      <c r="C13946" t="s">
        <v>117</v>
      </c>
      <c r="D13946" t="s">
        <v>118</v>
      </c>
      <c r="E13946">
        <v>2012</v>
      </c>
      <c r="F13946">
        <v>2012</v>
      </c>
      <c r="G13946" t="s">
        <v>126</v>
      </c>
      <c r="H13946" t="s">
        <v>119</v>
      </c>
      <c r="I13946" t="s">
        <v>15</v>
      </c>
      <c r="J13946" s="10">
        <v>15.92407914</v>
      </c>
    </row>
    <row r="13947" spans="1:10" x14ac:dyDescent="0.35">
      <c r="A13947" t="s">
        <v>35</v>
      </c>
      <c r="B13947" t="s">
        <v>84</v>
      </c>
      <c r="C13947" t="s">
        <v>117</v>
      </c>
      <c r="D13947" t="s">
        <v>118</v>
      </c>
      <c r="E13947">
        <v>2012</v>
      </c>
      <c r="F13947">
        <v>2012</v>
      </c>
      <c r="G13947" t="s">
        <v>126</v>
      </c>
      <c r="H13947" t="s">
        <v>120</v>
      </c>
      <c r="I13947" t="s">
        <v>15</v>
      </c>
      <c r="J13947" s="10">
        <v>11.05570747</v>
      </c>
    </row>
    <row r="13948" spans="1:10" x14ac:dyDescent="0.35">
      <c r="A13948" t="s">
        <v>35</v>
      </c>
      <c r="B13948" t="s">
        <v>84</v>
      </c>
      <c r="C13948" t="s">
        <v>117</v>
      </c>
      <c r="D13948" t="s">
        <v>118</v>
      </c>
      <c r="E13948">
        <v>2012</v>
      </c>
      <c r="F13948">
        <v>2012</v>
      </c>
      <c r="G13948" t="s">
        <v>126</v>
      </c>
      <c r="H13948" t="s">
        <v>121</v>
      </c>
      <c r="I13948" t="s">
        <v>15</v>
      </c>
      <c r="J13948" s="10">
        <v>34.823870030000002</v>
      </c>
    </row>
    <row r="13949" spans="1:10" x14ac:dyDescent="0.35">
      <c r="A13949" t="s">
        <v>35</v>
      </c>
      <c r="B13949" t="s">
        <v>84</v>
      </c>
      <c r="C13949" t="s">
        <v>117</v>
      </c>
      <c r="D13949" t="s">
        <v>118</v>
      </c>
      <c r="E13949">
        <v>2012</v>
      </c>
      <c r="F13949">
        <v>2012</v>
      </c>
      <c r="G13949" t="s">
        <v>126</v>
      </c>
      <c r="H13949" t="s">
        <v>122</v>
      </c>
      <c r="I13949" t="s">
        <v>15</v>
      </c>
      <c r="J13949" s="10">
        <v>19.044555249999998</v>
      </c>
    </row>
    <row r="13950" spans="1:10" x14ac:dyDescent="0.35">
      <c r="A13950" t="s">
        <v>35</v>
      </c>
      <c r="B13950" t="s">
        <v>84</v>
      </c>
      <c r="C13950" t="s">
        <v>117</v>
      </c>
      <c r="D13950" t="s">
        <v>118</v>
      </c>
      <c r="E13950">
        <v>2012</v>
      </c>
      <c r="F13950">
        <v>2012</v>
      </c>
      <c r="G13950" t="s">
        <v>126</v>
      </c>
      <c r="H13950" t="s">
        <v>123</v>
      </c>
      <c r="I13950" t="s">
        <v>15</v>
      </c>
      <c r="J13950" s="10">
        <v>16.35569138</v>
      </c>
    </row>
    <row r="13951" spans="1:10" x14ac:dyDescent="0.35">
      <c r="A13951" t="s">
        <v>35</v>
      </c>
      <c r="B13951" t="s">
        <v>84</v>
      </c>
      <c r="C13951" t="s">
        <v>117</v>
      </c>
      <c r="D13951" t="s">
        <v>118</v>
      </c>
      <c r="E13951">
        <v>2012</v>
      </c>
      <c r="F13951">
        <v>2012</v>
      </c>
      <c r="G13951" t="s">
        <v>126</v>
      </c>
      <c r="H13951" t="s">
        <v>124</v>
      </c>
      <c r="I13951" t="s">
        <v>15</v>
      </c>
      <c r="J13951" s="10">
        <v>2.7960967239999999</v>
      </c>
    </row>
    <row r="13952" spans="1:10" x14ac:dyDescent="0.35">
      <c r="A13952" t="s">
        <v>35</v>
      </c>
      <c r="B13952" t="s">
        <v>84</v>
      </c>
      <c r="C13952" t="s">
        <v>117</v>
      </c>
      <c r="D13952" t="s">
        <v>118</v>
      </c>
      <c r="E13952">
        <v>2011</v>
      </c>
      <c r="F13952">
        <v>2011</v>
      </c>
      <c r="G13952" t="s">
        <v>14</v>
      </c>
      <c r="H13952" t="s">
        <v>119</v>
      </c>
      <c r="I13952" t="s">
        <v>15</v>
      </c>
      <c r="J13952" s="10">
        <v>16.65345516</v>
      </c>
    </row>
    <row r="13953" spans="1:10" x14ac:dyDescent="0.35">
      <c r="A13953" t="s">
        <v>35</v>
      </c>
      <c r="B13953" t="s">
        <v>84</v>
      </c>
      <c r="C13953" t="s">
        <v>117</v>
      </c>
      <c r="D13953" t="s">
        <v>118</v>
      </c>
      <c r="E13953">
        <v>2011</v>
      </c>
      <c r="F13953">
        <v>2011</v>
      </c>
      <c r="G13953" t="s">
        <v>14</v>
      </c>
      <c r="H13953" t="s">
        <v>120</v>
      </c>
      <c r="I13953" t="s">
        <v>15</v>
      </c>
      <c r="J13953" s="10">
        <v>11.834730970000001</v>
      </c>
    </row>
    <row r="13954" spans="1:10" x14ac:dyDescent="0.35">
      <c r="A13954" t="s">
        <v>35</v>
      </c>
      <c r="B13954" t="s">
        <v>84</v>
      </c>
      <c r="C13954" t="s">
        <v>117</v>
      </c>
      <c r="D13954" t="s">
        <v>118</v>
      </c>
      <c r="E13954">
        <v>2011</v>
      </c>
      <c r="F13954">
        <v>2011</v>
      </c>
      <c r="G13954" t="s">
        <v>14</v>
      </c>
      <c r="H13954" t="s">
        <v>121</v>
      </c>
      <c r="I13954" t="s">
        <v>15</v>
      </c>
      <c r="J13954" s="10">
        <v>35.701670210000003</v>
      </c>
    </row>
    <row r="13955" spans="1:10" x14ac:dyDescent="0.35">
      <c r="A13955" t="s">
        <v>35</v>
      </c>
      <c r="B13955" t="s">
        <v>84</v>
      </c>
      <c r="C13955" t="s">
        <v>117</v>
      </c>
      <c r="D13955" t="s">
        <v>118</v>
      </c>
      <c r="E13955">
        <v>2011</v>
      </c>
      <c r="F13955">
        <v>2011</v>
      </c>
      <c r="G13955" t="s">
        <v>14</v>
      </c>
      <c r="H13955" t="s">
        <v>122</v>
      </c>
      <c r="I13955" t="s">
        <v>15</v>
      </c>
      <c r="J13955" s="10">
        <v>19.2971477</v>
      </c>
    </row>
    <row r="13956" spans="1:10" x14ac:dyDescent="0.35">
      <c r="A13956" t="s">
        <v>35</v>
      </c>
      <c r="B13956" t="s">
        <v>84</v>
      </c>
      <c r="C13956" t="s">
        <v>117</v>
      </c>
      <c r="D13956" t="s">
        <v>118</v>
      </c>
      <c r="E13956">
        <v>2011</v>
      </c>
      <c r="F13956">
        <v>2011</v>
      </c>
      <c r="G13956" t="s">
        <v>14</v>
      </c>
      <c r="H13956" t="s">
        <v>123</v>
      </c>
      <c r="I13956" t="s">
        <v>15</v>
      </c>
      <c r="J13956" s="10">
        <v>14.42140543</v>
      </c>
    </row>
    <row r="13957" spans="1:10" x14ac:dyDescent="0.35">
      <c r="A13957" t="s">
        <v>35</v>
      </c>
      <c r="B13957" t="s">
        <v>84</v>
      </c>
      <c r="C13957" t="s">
        <v>117</v>
      </c>
      <c r="D13957" t="s">
        <v>118</v>
      </c>
      <c r="E13957">
        <v>2011</v>
      </c>
      <c r="F13957">
        <v>2011</v>
      </c>
      <c r="G13957" t="s">
        <v>14</v>
      </c>
      <c r="H13957" t="s">
        <v>124</v>
      </c>
      <c r="I13957" t="s">
        <v>15</v>
      </c>
      <c r="J13957" s="10">
        <v>2.0915905270000001</v>
      </c>
    </row>
    <row r="13958" spans="1:10" x14ac:dyDescent="0.35">
      <c r="A13958" t="s">
        <v>35</v>
      </c>
      <c r="B13958" t="s">
        <v>84</v>
      </c>
      <c r="C13958" t="s">
        <v>117</v>
      </c>
      <c r="D13958" t="s">
        <v>118</v>
      </c>
      <c r="E13958">
        <v>2011</v>
      </c>
      <c r="F13958">
        <v>2011</v>
      </c>
      <c r="G13958" t="s">
        <v>125</v>
      </c>
      <c r="H13958" t="s">
        <v>119</v>
      </c>
      <c r="I13958" t="s">
        <v>15</v>
      </c>
      <c r="J13958" s="10">
        <v>17.568779469999999</v>
      </c>
    </row>
    <row r="13959" spans="1:10" x14ac:dyDescent="0.35">
      <c r="A13959" t="s">
        <v>35</v>
      </c>
      <c r="B13959" t="s">
        <v>84</v>
      </c>
      <c r="C13959" t="s">
        <v>117</v>
      </c>
      <c r="D13959" t="s">
        <v>118</v>
      </c>
      <c r="E13959">
        <v>2011</v>
      </c>
      <c r="F13959">
        <v>2011</v>
      </c>
      <c r="G13959" t="s">
        <v>125</v>
      </c>
      <c r="H13959" t="s">
        <v>120</v>
      </c>
      <c r="I13959" t="s">
        <v>15</v>
      </c>
      <c r="J13959" s="10">
        <v>12.537969739999999</v>
      </c>
    </row>
    <row r="13960" spans="1:10" x14ac:dyDescent="0.35">
      <c r="A13960" t="s">
        <v>35</v>
      </c>
      <c r="B13960" t="s">
        <v>84</v>
      </c>
      <c r="C13960" t="s">
        <v>117</v>
      </c>
      <c r="D13960" t="s">
        <v>118</v>
      </c>
      <c r="E13960">
        <v>2011</v>
      </c>
      <c r="F13960">
        <v>2011</v>
      </c>
      <c r="G13960" t="s">
        <v>125</v>
      </c>
      <c r="H13960" t="s">
        <v>121</v>
      </c>
      <c r="I13960" t="s">
        <v>15</v>
      </c>
      <c r="J13960" s="10">
        <v>36.103798419999997</v>
      </c>
    </row>
    <row r="13961" spans="1:10" x14ac:dyDescent="0.35">
      <c r="A13961" t="s">
        <v>35</v>
      </c>
      <c r="B13961" t="s">
        <v>84</v>
      </c>
      <c r="C13961" t="s">
        <v>117</v>
      </c>
      <c r="D13961" t="s">
        <v>118</v>
      </c>
      <c r="E13961">
        <v>2011</v>
      </c>
      <c r="F13961">
        <v>2011</v>
      </c>
      <c r="G13961" t="s">
        <v>125</v>
      </c>
      <c r="H13961" t="s">
        <v>122</v>
      </c>
      <c r="I13961" t="s">
        <v>15</v>
      </c>
      <c r="J13961" s="10">
        <v>19.805016349999999</v>
      </c>
    </row>
    <row r="13962" spans="1:10" x14ac:dyDescent="0.35">
      <c r="A13962" t="s">
        <v>35</v>
      </c>
      <c r="B13962" t="s">
        <v>84</v>
      </c>
      <c r="C13962" t="s">
        <v>117</v>
      </c>
      <c r="D13962" t="s">
        <v>118</v>
      </c>
      <c r="E13962">
        <v>2011</v>
      </c>
      <c r="F13962">
        <v>2011</v>
      </c>
      <c r="G13962" t="s">
        <v>125</v>
      </c>
      <c r="H13962" t="s">
        <v>123</v>
      </c>
      <c r="I13962" t="s">
        <v>15</v>
      </c>
      <c r="J13962" s="10">
        <v>12.72022449</v>
      </c>
    </row>
    <row r="13963" spans="1:10" x14ac:dyDescent="0.35">
      <c r="A13963" t="s">
        <v>35</v>
      </c>
      <c r="B13963" t="s">
        <v>84</v>
      </c>
      <c r="C13963" t="s">
        <v>117</v>
      </c>
      <c r="D13963" t="s">
        <v>118</v>
      </c>
      <c r="E13963">
        <v>2011</v>
      </c>
      <c r="F13963">
        <v>2011</v>
      </c>
      <c r="G13963" t="s">
        <v>125</v>
      </c>
      <c r="H13963" t="s">
        <v>124</v>
      </c>
      <c r="I13963" t="s">
        <v>15</v>
      </c>
      <c r="J13963" s="10">
        <v>1.2642115309999999</v>
      </c>
    </row>
    <row r="13964" spans="1:10" x14ac:dyDescent="0.35">
      <c r="A13964" t="s">
        <v>35</v>
      </c>
      <c r="B13964" t="s">
        <v>84</v>
      </c>
      <c r="C13964" t="s">
        <v>117</v>
      </c>
      <c r="D13964" t="s">
        <v>118</v>
      </c>
      <c r="E13964">
        <v>2011</v>
      </c>
      <c r="F13964">
        <v>2011</v>
      </c>
      <c r="G13964" t="s">
        <v>126</v>
      </c>
      <c r="H13964" t="s">
        <v>119</v>
      </c>
      <c r="I13964" t="s">
        <v>15</v>
      </c>
      <c r="J13964" s="10">
        <v>15.80610605</v>
      </c>
    </row>
    <row r="13965" spans="1:10" x14ac:dyDescent="0.35">
      <c r="A13965" t="s">
        <v>35</v>
      </c>
      <c r="B13965" t="s">
        <v>84</v>
      </c>
      <c r="C13965" t="s">
        <v>117</v>
      </c>
      <c r="D13965" t="s">
        <v>118</v>
      </c>
      <c r="E13965">
        <v>2011</v>
      </c>
      <c r="F13965">
        <v>2011</v>
      </c>
      <c r="G13965" t="s">
        <v>126</v>
      </c>
      <c r="H13965" t="s">
        <v>120</v>
      </c>
      <c r="I13965" t="s">
        <v>15</v>
      </c>
      <c r="J13965" s="10">
        <v>11.183717189999999</v>
      </c>
    </row>
    <row r="13966" spans="1:10" x14ac:dyDescent="0.35">
      <c r="A13966" t="s">
        <v>35</v>
      </c>
      <c r="B13966" t="s">
        <v>84</v>
      </c>
      <c r="C13966" t="s">
        <v>117</v>
      </c>
      <c r="D13966" t="s">
        <v>118</v>
      </c>
      <c r="E13966">
        <v>2011</v>
      </c>
      <c r="F13966">
        <v>2011</v>
      </c>
      <c r="G13966" t="s">
        <v>126</v>
      </c>
      <c r="H13966" t="s">
        <v>121</v>
      </c>
      <c r="I13966" t="s">
        <v>15</v>
      </c>
      <c r="J13966" s="10">
        <v>35.329405459999997</v>
      </c>
    </row>
    <row r="13967" spans="1:10" x14ac:dyDescent="0.35">
      <c r="A13967" t="s">
        <v>35</v>
      </c>
      <c r="B13967" t="s">
        <v>84</v>
      </c>
      <c r="C13967" t="s">
        <v>117</v>
      </c>
      <c r="D13967" t="s">
        <v>118</v>
      </c>
      <c r="E13967">
        <v>2011</v>
      </c>
      <c r="F13967">
        <v>2011</v>
      </c>
      <c r="G13967" t="s">
        <v>126</v>
      </c>
      <c r="H13967" t="s">
        <v>122</v>
      </c>
      <c r="I13967" t="s">
        <v>15</v>
      </c>
      <c r="J13967" s="10">
        <v>18.826995180000001</v>
      </c>
    </row>
    <row r="13968" spans="1:10" x14ac:dyDescent="0.35">
      <c r="A13968" t="s">
        <v>35</v>
      </c>
      <c r="B13968" t="s">
        <v>84</v>
      </c>
      <c r="C13968" t="s">
        <v>117</v>
      </c>
      <c r="D13968" t="s">
        <v>118</v>
      </c>
      <c r="E13968">
        <v>2011</v>
      </c>
      <c r="F13968">
        <v>2011</v>
      </c>
      <c r="G13968" t="s">
        <v>126</v>
      </c>
      <c r="H13968" t="s">
        <v>123</v>
      </c>
      <c r="I13968" t="s">
        <v>15</v>
      </c>
      <c r="J13968" s="10">
        <v>15.99625067</v>
      </c>
    </row>
    <row r="13969" spans="1:10" x14ac:dyDescent="0.35">
      <c r="A13969" t="s">
        <v>35</v>
      </c>
      <c r="B13969" t="s">
        <v>84</v>
      </c>
      <c r="C13969" t="s">
        <v>117</v>
      </c>
      <c r="D13969" t="s">
        <v>118</v>
      </c>
      <c r="E13969">
        <v>2011</v>
      </c>
      <c r="F13969">
        <v>2011</v>
      </c>
      <c r="G13969" t="s">
        <v>126</v>
      </c>
      <c r="H13969" t="s">
        <v>124</v>
      </c>
      <c r="I13969" t="s">
        <v>15</v>
      </c>
      <c r="J13969" s="10">
        <v>2.857525442</v>
      </c>
    </row>
    <row r="13970" spans="1:10" x14ac:dyDescent="0.35">
      <c r="A13970" t="s">
        <v>33</v>
      </c>
      <c r="B13970" t="s">
        <v>85</v>
      </c>
      <c r="C13970" t="s">
        <v>117</v>
      </c>
      <c r="D13970" t="s">
        <v>118</v>
      </c>
      <c r="E13970">
        <v>2020</v>
      </c>
      <c r="F13970">
        <v>2020</v>
      </c>
      <c r="G13970" t="s">
        <v>14</v>
      </c>
      <c r="H13970" t="s">
        <v>119</v>
      </c>
      <c r="I13970" t="s">
        <v>15</v>
      </c>
      <c r="J13970" s="10">
        <v>14.83459019</v>
      </c>
    </row>
    <row r="13971" spans="1:10" x14ac:dyDescent="0.35">
      <c r="A13971" t="s">
        <v>33</v>
      </c>
      <c r="B13971" t="s">
        <v>85</v>
      </c>
      <c r="C13971" t="s">
        <v>117</v>
      </c>
      <c r="D13971" t="s">
        <v>118</v>
      </c>
      <c r="E13971">
        <v>2020</v>
      </c>
      <c r="F13971">
        <v>2020</v>
      </c>
      <c r="G13971" t="s">
        <v>14</v>
      </c>
      <c r="H13971" t="s">
        <v>120</v>
      </c>
      <c r="I13971" t="s">
        <v>15</v>
      </c>
      <c r="J13971" s="10">
        <v>8.4576429789999992</v>
      </c>
    </row>
    <row r="13972" spans="1:10" x14ac:dyDescent="0.35">
      <c r="A13972" t="s">
        <v>33</v>
      </c>
      <c r="B13972" t="s">
        <v>85</v>
      </c>
      <c r="C13972" t="s">
        <v>117</v>
      </c>
      <c r="D13972" t="s">
        <v>118</v>
      </c>
      <c r="E13972">
        <v>2020</v>
      </c>
      <c r="F13972">
        <v>2020</v>
      </c>
      <c r="G13972" t="s">
        <v>14</v>
      </c>
      <c r="H13972" t="s">
        <v>121</v>
      </c>
      <c r="I13972" t="s">
        <v>15</v>
      </c>
      <c r="J13972" s="10">
        <v>29.299003689999999</v>
      </c>
    </row>
    <row r="13973" spans="1:10" x14ac:dyDescent="0.35">
      <c r="A13973" t="s">
        <v>33</v>
      </c>
      <c r="B13973" t="s">
        <v>85</v>
      </c>
      <c r="C13973" t="s">
        <v>117</v>
      </c>
      <c r="D13973" t="s">
        <v>118</v>
      </c>
      <c r="E13973">
        <v>2020</v>
      </c>
      <c r="F13973">
        <v>2020</v>
      </c>
      <c r="G13973" t="s">
        <v>14</v>
      </c>
      <c r="H13973" t="s">
        <v>122</v>
      </c>
      <c r="I13973" t="s">
        <v>15</v>
      </c>
      <c r="J13973" s="10">
        <v>22.30142566</v>
      </c>
    </row>
    <row r="13974" spans="1:10" x14ac:dyDescent="0.35">
      <c r="A13974" t="s">
        <v>33</v>
      </c>
      <c r="B13974" t="s">
        <v>85</v>
      </c>
      <c r="C13974" t="s">
        <v>117</v>
      </c>
      <c r="D13974" t="s">
        <v>118</v>
      </c>
      <c r="E13974">
        <v>2020</v>
      </c>
      <c r="F13974">
        <v>2020</v>
      </c>
      <c r="G13974" t="s">
        <v>14</v>
      </c>
      <c r="H13974" t="s">
        <v>123</v>
      </c>
      <c r="I13974" t="s">
        <v>15</v>
      </c>
      <c r="J13974" s="10">
        <v>21.687675460000001</v>
      </c>
    </row>
    <row r="13975" spans="1:10" x14ac:dyDescent="0.35">
      <c r="A13975" t="s">
        <v>33</v>
      </c>
      <c r="B13975" t="s">
        <v>85</v>
      </c>
      <c r="C13975" t="s">
        <v>117</v>
      </c>
      <c r="D13975" t="s">
        <v>118</v>
      </c>
      <c r="E13975">
        <v>2020</v>
      </c>
      <c r="F13975">
        <v>2020</v>
      </c>
      <c r="G13975" t="s">
        <v>14</v>
      </c>
      <c r="H13975" t="s">
        <v>124</v>
      </c>
      <c r="I13975" t="s">
        <v>15</v>
      </c>
      <c r="J13975" s="10">
        <v>3.419662025</v>
      </c>
    </row>
    <row r="13976" spans="1:10" x14ac:dyDescent="0.35">
      <c r="A13976" t="s">
        <v>33</v>
      </c>
      <c r="B13976" t="s">
        <v>85</v>
      </c>
      <c r="C13976" t="s">
        <v>117</v>
      </c>
      <c r="D13976" t="s">
        <v>118</v>
      </c>
      <c r="E13976">
        <v>2020</v>
      </c>
      <c r="F13976">
        <v>2020</v>
      </c>
      <c r="G13976" t="s">
        <v>125</v>
      </c>
      <c r="H13976" t="s">
        <v>119</v>
      </c>
      <c r="I13976" t="s">
        <v>15</v>
      </c>
      <c r="J13976" s="10">
        <v>15.34946832</v>
      </c>
    </row>
    <row r="13977" spans="1:10" x14ac:dyDescent="0.35">
      <c r="A13977" t="s">
        <v>33</v>
      </c>
      <c r="B13977" t="s">
        <v>85</v>
      </c>
      <c r="C13977" t="s">
        <v>117</v>
      </c>
      <c r="D13977" t="s">
        <v>118</v>
      </c>
      <c r="E13977">
        <v>2020</v>
      </c>
      <c r="F13977">
        <v>2020</v>
      </c>
      <c r="G13977" t="s">
        <v>125</v>
      </c>
      <c r="H13977" t="s">
        <v>120</v>
      </c>
      <c r="I13977" t="s">
        <v>15</v>
      </c>
      <c r="J13977" s="10">
        <v>9.1797740359999995</v>
      </c>
    </row>
    <row r="13978" spans="1:10" x14ac:dyDescent="0.35">
      <c r="A13978" t="s">
        <v>33</v>
      </c>
      <c r="B13978" t="s">
        <v>85</v>
      </c>
      <c r="C13978" t="s">
        <v>117</v>
      </c>
      <c r="D13978" t="s">
        <v>118</v>
      </c>
      <c r="E13978">
        <v>2020</v>
      </c>
      <c r="F13978">
        <v>2020</v>
      </c>
      <c r="G13978" t="s">
        <v>125</v>
      </c>
      <c r="H13978" t="s">
        <v>121</v>
      </c>
      <c r="I13978" t="s">
        <v>15</v>
      </c>
      <c r="J13978" s="10">
        <v>30.153411609999999</v>
      </c>
    </row>
    <row r="13979" spans="1:10" x14ac:dyDescent="0.35">
      <c r="A13979" t="s">
        <v>33</v>
      </c>
      <c r="B13979" t="s">
        <v>85</v>
      </c>
      <c r="C13979" t="s">
        <v>117</v>
      </c>
      <c r="D13979" t="s">
        <v>118</v>
      </c>
      <c r="E13979">
        <v>2020</v>
      </c>
      <c r="F13979">
        <v>2020</v>
      </c>
      <c r="G13979" t="s">
        <v>125</v>
      </c>
      <c r="H13979" t="s">
        <v>122</v>
      </c>
      <c r="I13979" t="s">
        <v>15</v>
      </c>
      <c r="J13979" s="10">
        <v>22.02591936</v>
      </c>
    </row>
    <row r="13980" spans="1:10" x14ac:dyDescent="0.35">
      <c r="A13980" t="s">
        <v>33</v>
      </c>
      <c r="B13980" t="s">
        <v>85</v>
      </c>
      <c r="C13980" t="s">
        <v>117</v>
      </c>
      <c r="D13980" t="s">
        <v>118</v>
      </c>
      <c r="E13980">
        <v>2020</v>
      </c>
      <c r="F13980">
        <v>2020</v>
      </c>
      <c r="G13980" t="s">
        <v>125</v>
      </c>
      <c r="H13980" t="s">
        <v>123</v>
      </c>
      <c r="I13980" t="s">
        <v>15</v>
      </c>
      <c r="J13980" s="10">
        <v>20.60533895</v>
      </c>
    </row>
    <row r="13981" spans="1:10" x14ac:dyDescent="0.35">
      <c r="A13981" t="s">
        <v>33</v>
      </c>
      <c r="B13981" t="s">
        <v>85</v>
      </c>
      <c r="C13981" t="s">
        <v>117</v>
      </c>
      <c r="D13981" t="s">
        <v>118</v>
      </c>
      <c r="E13981">
        <v>2020</v>
      </c>
      <c r="F13981">
        <v>2020</v>
      </c>
      <c r="G13981" t="s">
        <v>125</v>
      </c>
      <c r="H13981" t="s">
        <v>124</v>
      </c>
      <c r="I13981" t="s">
        <v>15</v>
      </c>
      <c r="J13981" s="10">
        <v>2.6860877269999999</v>
      </c>
    </row>
    <row r="13982" spans="1:10" x14ac:dyDescent="0.35">
      <c r="A13982" t="s">
        <v>33</v>
      </c>
      <c r="B13982" t="s">
        <v>85</v>
      </c>
      <c r="C13982" t="s">
        <v>117</v>
      </c>
      <c r="D13982" t="s">
        <v>118</v>
      </c>
      <c r="E13982">
        <v>2020</v>
      </c>
      <c r="F13982">
        <v>2020</v>
      </c>
      <c r="G13982" t="s">
        <v>126</v>
      </c>
      <c r="H13982" t="s">
        <v>119</v>
      </c>
      <c r="I13982" t="s">
        <v>15</v>
      </c>
      <c r="J13982" s="10">
        <v>14.32596564</v>
      </c>
    </row>
    <row r="13983" spans="1:10" x14ac:dyDescent="0.35">
      <c r="A13983" t="s">
        <v>33</v>
      </c>
      <c r="B13983" t="s">
        <v>85</v>
      </c>
      <c r="C13983" t="s">
        <v>117</v>
      </c>
      <c r="D13983" t="s">
        <v>118</v>
      </c>
      <c r="E13983">
        <v>2020</v>
      </c>
      <c r="F13983">
        <v>2020</v>
      </c>
      <c r="G13983" t="s">
        <v>126</v>
      </c>
      <c r="H13983" t="s">
        <v>120</v>
      </c>
      <c r="I13983" t="s">
        <v>15</v>
      </c>
      <c r="J13983" s="10">
        <v>7.7442827440000004</v>
      </c>
    </row>
    <row r="13984" spans="1:10" x14ac:dyDescent="0.35">
      <c r="A13984" t="s">
        <v>33</v>
      </c>
      <c r="B13984" t="s">
        <v>85</v>
      </c>
      <c r="C13984" t="s">
        <v>117</v>
      </c>
      <c r="D13984" t="s">
        <v>118</v>
      </c>
      <c r="E13984">
        <v>2020</v>
      </c>
      <c r="F13984">
        <v>2020</v>
      </c>
      <c r="G13984" t="s">
        <v>126</v>
      </c>
      <c r="H13984" t="s">
        <v>121</v>
      </c>
      <c r="I13984" t="s">
        <v>15</v>
      </c>
      <c r="J13984" s="10">
        <v>28.45497319</v>
      </c>
    </row>
    <row r="13985" spans="1:10" x14ac:dyDescent="0.35">
      <c r="A13985" t="s">
        <v>33</v>
      </c>
      <c r="B13985" t="s">
        <v>85</v>
      </c>
      <c r="C13985" t="s">
        <v>117</v>
      </c>
      <c r="D13985" t="s">
        <v>118</v>
      </c>
      <c r="E13985">
        <v>2020</v>
      </c>
      <c r="F13985">
        <v>2020</v>
      </c>
      <c r="G13985" t="s">
        <v>126</v>
      </c>
      <c r="H13985" t="s">
        <v>122</v>
      </c>
      <c r="I13985" t="s">
        <v>15</v>
      </c>
      <c r="J13985" s="10">
        <v>22.573585730000001</v>
      </c>
    </row>
    <row r="13986" spans="1:10" x14ac:dyDescent="0.35">
      <c r="A13986" t="s">
        <v>33</v>
      </c>
      <c r="B13986" t="s">
        <v>85</v>
      </c>
      <c r="C13986" t="s">
        <v>117</v>
      </c>
      <c r="D13986" t="s">
        <v>118</v>
      </c>
      <c r="E13986">
        <v>2020</v>
      </c>
      <c r="F13986">
        <v>2020</v>
      </c>
      <c r="G13986" t="s">
        <v>126</v>
      </c>
      <c r="H13986" t="s">
        <v>123</v>
      </c>
      <c r="I13986" t="s">
        <v>15</v>
      </c>
      <c r="J13986" s="10">
        <v>22.756866179999999</v>
      </c>
    </row>
    <row r="13987" spans="1:10" x14ac:dyDescent="0.35">
      <c r="A13987" t="s">
        <v>33</v>
      </c>
      <c r="B13987" t="s">
        <v>85</v>
      </c>
      <c r="C13987" t="s">
        <v>117</v>
      </c>
      <c r="D13987" t="s">
        <v>118</v>
      </c>
      <c r="E13987">
        <v>2020</v>
      </c>
      <c r="F13987">
        <v>2020</v>
      </c>
      <c r="G13987" t="s">
        <v>126</v>
      </c>
      <c r="H13987" t="s">
        <v>124</v>
      </c>
      <c r="I13987" t="s">
        <v>15</v>
      </c>
      <c r="J13987" s="10">
        <v>4.1443265130000002</v>
      </c>
    </row>
    <row r="13988" spans="1:10" x14ac:dyDescent="0.35">
      <c r="A13988" t="s">
        <v>33</v>
      </c>
      <c r="B13988" t="s">
        <v>85</v>
      </c>
      <c r="C13988" t="s">
        <v>117</v>
      </c>
      <c r="D13988" t="s">
        <v>118</v>
      </c>
      <c r="E13988">
        <v>2019</v>
      </c>
      <c r="F13988">
        <v>2019</v>
      </c>
      <c r="G13988" t="s">
        <v>14</v>
      </c>
      <c r="H13988" t="s">
        <v>119</v>
      </c>
      <c r="I13988" t="s">
        <v>15</v>
      </c>
      <c r="J13988" s="10">
        <v>14.75684663</v>
      </c>
    </row>
    <row r="13989" spans="1:10" x14ac:dyDescent="0.35">
      <c r="A13989" t="s">
        <v>33</v>
      </c>
      <c r="B13989" t="s">
        <v>85</v>
      </c>
      <c r="C13989" t="s">
        <v>117</v>
      </c>
      <c r="D13989" t="s">
        <v>118</v>
      </c>
      <c r="E13989">
        <v>2019</v>
      </c>
      <c r="F13989">
        <v>2019</v>
      </c>
      <c r="G13989" t="s">
        <v>14</v>
      </c>
      <c r="H13989" t="s">
        <v>120</v>
      </c>
      <c r="I13989" t="s">
        <v>15</v>
      </c>
      <c r="J13989" s="10">
        <v>8.6611792839999993</v>
      </c>
    </row>
    <row r="13990" spans="1:10" x14ac:dyDescent="0.35">
      <c r="A13990" t="s">
        <v>33</v>
      </c>
      <c r="B13990" t="s">
        <v>85</v>
      </c>
      <c r="C13990" t="s">
        <v>117</v>
      </c>
      <c r="D13990" t="s">
        <v>118</v>
      </c>
      <c r="E13990">
        <v>2019</v>
      </c>
      <c r="F13990">
        <v>2019</v>
      </c>
      <c r="G13990" t="s">
        <v>14</v>
      </c>
      <c r="H13990" t="s">
        <v>121</v>
      </c>
      <c r="I13990" t="s">
        <v>15</v>
      </c>
      <c r="J13990" s="10">
        <v>29.581025929999999</v>
      </c>
    </row>
    <row r="13991" spans="1:10" x14ac:dyDescent="0.35">
      <c r="A13991" t="s">
        <v>33</v>
      </c>
      <c r="B13991" t="s">
        <v>85</v>
      </c>
      <c r="C13991" t="s">
        <v>117</v>
      </c>
      <c r="D13991" t="s">
        <v>118</v>
      </c>
      <c r="E13991">
        <v>2019</v>
      </c>
      <c r="F13991">
        <v>2019</v>
      </c>
      <c r="G13991" t="s">
        <v>14</v>
      </c>
      <c r="H13991" t="s">
        <v>122</v>
      </c>
      <c r="I13991" t="s">
        <v>15</v>
      </c>
      <c r="J13991" s="10">
        <v>22.107100160000002</v>
      </c>
    </row>
    <row r="13992" spans="1:10" x14ac:dyDescent="0.35">
      <c r="A13992" t="s">
        <v>33</v>
      </c>
      <c r="B13992" t="s">
        <v>85</v>
      </c>
      <c r="C13992" t="s">
        <v>117</v>
      </c>
      <c r="D13992" t="s">
        <v>118</v>
      </c>
      <c r="E13992">
        <v>2019</v>
      </c>
      <c r="F13992">
        <v>2019</v>
      </c>
      <c r="G13992" t="s">
        <v>14</v>
      </c>
      <c r="H13992" t="s">
        <v>123</v>
      </c>
      <c r="I13992" t="s">
        <v>15</v>
      </c>
      <c r="J13992" s="10">
        <v>21.474997599999998</v>
      </c>
    </row>
    <row r="13993" spans="1:10" x14ac:dyDescent="0.35">
      <c r="A13993" t="s">
        <v>33</v>
      </c>
      <c r="B13993" t="s">
        <v>85</v>
      </c>
      <c r="C13993" t="s">
        <v>117</v>
      </c>
      <c r="D13993" t="s">
        <v>118</v>
      </c>
      <c r="E13993">
        <v>2019</v>
      </c>
      <c r="F13993">
        <v>2019</v>
      </c>
      <c r="G13993" t="s">
        <v>14</v>
      </c>
      <c r="H13993" t="s">
        <v>124</v>
      </c>
      <c r="I13993" t="s">
        <v>15</v>
      </c>
      <c r="J13993" s="10">
        <v>3.418850398</v>
      </c>
    </row>
    <row r="13994" spans="1:10" x14ac:dyDescent="0.35">
      <c r="A13994" t="s">
        <v>33</v>
      </c>
      <c r="B13994" t="s">
        <v>85</v>
      </c>
      <c r="C13994" t="s">
        <v>117</v>
      </c>
      <c r="D13994" t="s">
        <v>118</v>
      </c>
      <c r="E13994">
        <v>2019</v>
      </c>
      <c r="F13994">
        <v>2019</v>
      </c>
      <c r="G13994" t="s">
        <v>125</v>
      </c>
      <c r="H13994" t="s">
        <v>119</v>
      </c>
      <c r="I13994" t="s">
        <v>15</v>
      </c>
      <c r="J13994" s="10">
        <v>15.23230088</v>
      </c>
    </row>
    <row r="13995" spans="1:10" x14ac:dyDescent="0.35">
      <c r="A13995" t="s">
        <v>33</v>
      </c>
      <c r="B13995" t="s">
        <v>85</v>
      </c>
      <c r="C13995" t="s">
        <v>117</v>
      </c>
      <c r="D13995" t="s">
        <v>118</v>
      </c>
      <c r="E13995">
        <v>2019</v>
      </c>
      <c r="F13995">
        <v>2019</v>
      </c>
      <c r="G13995" t="s">
        <v>125</v>
      </c>
      <c r="H13995" t="s">
        <v>120</v>
      </c>
      <c r="I13995" t="s">
        <v>15</v>
      </c>
      <c r="J13995" s="10">
        <v>9.4634955749999996</v>
      </c>
    </row>
    <row r="13996" spans="1:10" x14ac:dyDescent="0.35">
      <c r="A13996" t="s">
        <v>33</v>
      </c>
      <c r="B13996" t="s">
        <v>85</v>
      </c>
      <c r="C13996" t="s">
        <v>117</v>
      </c>
      <c r="D13996" t="s">
        <v>118</v>
      </c>
      <c r="E13996">
        <v>2019</v>
      </c>
      <c r="F13996">
        <v>2019</v>
      </c>
      <c r="G13996" t="s">
        <v>125</v>
      </c>
      <c r="H13996" t="s">
        <v>121</v>
      </c>
      <c r="I13996" t="s">
        <v>15</v>
      </c>
      <c r="J13996" s="10">
        <v>30.43971239</v>
      </c>
    </row>
    <row r="13997" spans="1:10" x14ac:dyDescent="0.35">
      <c r="A13997" t="s">
        <v>33</v>
      </c>
      <c r="B13997" t="s">
        <v>85</v>
      </c>
      <c r="C13997" t="s">
        <v>117</v>
      </c>
      <c r="D13997" t="s">
        <v>118</v>
      </c>
      <c r="E13997">
        <v>2019</v>
      </c>
      <c r="F13997">
        <v>2019</v>
      </c>
      <c r="G13997" t="s">
        <v>125</v>
      </c>
      <c r="H13997" t="s">
        <v>122</v>
      </c>
      <c r="I13997" t="s">
        <v>15</v>
      </c>
      <c r="J13997" s="10">
        <v>21.933075219999999</v>
      </c>
    </row>
    <row r="13998" spans="1:10" x14ac:dyDescent="0.35">
      <c r="A13998" t="s">
        <v>33</v>
      </c>
      <c r="B13998" t="s">
        <v>85</v>
      </c>
      <c r="C13998" t="s">
        <v>117</v>
      </c>
      <c r="D13998" t="s">
        <v>118</v>
      </c>
      <c r="E13998">
        <v>2019</v>
      </c>
      <c r="F13998">
        <v>2019</v>
      </c>
      <c r="G13998" t="s">
        <v>125</v>
      </c>
      <c r="H13998" t="s">
        <v>123</v>
      </c>
      <c r="I13998" t="s">
        <v>15</v>
      </c>
      <c r="J13998" s="10">
        <v>20.262721240000001</v>
      </c>
    </row>
    <row r="13999" spans="1:10" x14ac:dyDescent="0.35">
      <c r="A13999" t="s">
        <v>33</v>
      </c>
      <c r="B13999" t="s">
        <v>85</v>
      </c>
      <c r="C13999" t="s">
        <v>117</v>
      </c>
      <c r="D13999" t="s">
        <v>118</v>
      </c>
      <c r="E13999">
        <v>2019</v>
      </c>
      <c r="F13999">
        <v>2019</v>
      </c>
      <c r="G13999" t="s">
        <v>125</v>
      </c>
      <c r="H13999" t="s">
        <v>124</v>
      </c>
      <c r="I13999" t="s">
        <v>15</v>
      </c>
      <c r="J13999" s="10">
        <v>2.6686946900000001</v>
      </c>
    </row>
    <row r="14000" spans="1:10" x14ac:dyDescent="0.35">
      <c r="A14000" t="s">
        <v>33</v>
      </c>
      <c r="B14000" t="s">
        <v>85</v>
      </c>
      <c r="C14000" t="s">
        <v>117</v>
      </c>
      <c r="D14000" t="s">
        <v>118</v>
      </c>
      <c r="E14000">
        <v>2019</v>
      </c>
      <c r="F14000">
        <v>2019</v>
      </c>
      <c r="G14000" t="s">
        <v>126</v>
      </c>
      <c r="H14000" t="s">
        <v>119</v>
      </c>
      <c r="I14000" t="s">
        <v>15</v>
      </c>
      <c r="J14000" s="10">
        <v>14.28727501</v>
      </c>
    </row>
    <row r="14001" spans="1:10" x14ac:dyDescent="0.35">
      <c r="A14001" t="s">
        <v>33</v>
      </c>
      <c r="B14001" t="s">
        <v>85</v>
      </c>
      <c r="C14001" t="s">
        <v>117</v>
      </c>
      <c r="D14001" t="s">
        <v>118</v>
      </c>
      <c r="E14001">
        <v>2019</v>
      </c>
      <c r="F14001">
        <v>2019</v>
      </c>
      <c r="G14001" t="s">
        <v>126</v>
      </c>
      <c r="H14001" t="s">
        <v>120</v>
      </c>
      <c r="I14001" t="s">
        <v>15</v>
      </c>
      <c r="J14001" s="10">
        <v>7.8687897739999997</v>
      </c>
    </row>
    <row r="14002" spans="1:10" x14ac:dyDescent="0.35">
      <c r="A14002" t="s">
        <v>33</v>
      </c>
      <c r="B14002" t="s">
        <v>85</v>
      </c>
      <c r="C14002" t="s">
        <v>117</v>
      </c>
      <c r="D14002" t="s">
        <v>118</v>
      </c>
      <c r="E14002">
        <v>2019</v>
      </c>
      <c r="F14002">
        <v>2019</v>
      </c>
      <c r="G14002" t="s">
        <v>126</v>
      </c>
      <c r="H14002" t="s">
        <v>121</v>
      </c>
      <c r="I14002" t="s">
        <v>15</v>
      </c>
      <c r="J14002" s="10">
        <v>28.732963699999999</v>
      </c>
    </row>
    <row r="14003" spans="1:10" x14ac:dyDescent="0.35">
      <c r="A14003" t="s">
        <v>33</v>
      </c>
      <c r="B14003" t="s">
        <v>85</v>
      </c>
      <c r="C14003" t="s">
        <v>117</v>
      </c>
      <c r="D14003" t="s">
        <v>118</v>
      </c>
      <c r="E14003">
        <v>2019</v>
      </c>
      <c r="F14003">
        <v>2019</v>
      </c>
      <c r="G14003" t="s">
        <v>126</v>
      </c>
      <c r="H14003" t="s">
        <v>122</v>
      </c>
      <c r="I14003" t="s">
        <v>15</v>
      </c>
      <c r="J14003" s="10">
        <v>22.278971949999999</v>
      </c>
    </row>
    <row r="14004" spans="1:10" x14ac:dyDescent="0.35">
      <c r="A14004" t="s">
        <v>33</v>
      </c>
      <c r="B14004" t="s">
        <v>85</v>
      </c>
      <c r="C14004" t="s">
        <v>117</v>
      </c>
      <c r="D14004" t="s">
        <v>118</v>
      </c>
      <c r="E14004">
        <v>2019</v>
      </c>
      <c r="F14004">
        <v>2019</v>
      </c>
      <c r="G14004" t="s">
        <v>126</v>
      </c>
      <c r="H14004" t="s">
        <v>123</v>
      </c>
      <c r="I14004" t="s">
        <v>15</v>
      </c>
      <c r="J14004" s="10">
        <v>22.67227488</v>
      </c>
    </row>
    <row r="14005" spans="1:10" x14ac:dyDescent="0.35">
      <c r="A14005" t="s">
        <v>33</v>
      </c>
      <c r="B14005" t="s">
        <v>85</v>
      </c>
      <c r="C14005" t="s">
        <v>117</v>
      </c>
      <c r="D14005" t="s">
        <v>118</v>
      </c>
      <c r="E14005">
        <v>2019</v>
      </c>
      <c r="F14005">
        <v>2019</v>
      </c>
      <c r="G14005" t="s">
        <v>126</v>
      </c>
      <c r="H14005" t="s">
        <v>124</v>
      </c>
      <c r="I14005" t="s">
        <v>15</v>
      </c>
      <c r="J14005" s="10">
        <v>4.1597246879999998</v>
      </c>
    </row>
    <row r="14006" spans="1:10" x14ac:dyDescent="0.35">
      <c r="A14006" t="s">
        <v>33</v>
      </c>
      <c r="B14006" t="s">
        <v>85</v>
      </c>
      <c r="C14006" t="s">
        <v>117</v>
      </c>
      <c r="D14006" t="s">
        <v>118</v>
      </c>
      <c r="E14006">
        <v>2018</v>
      </c>
      <c r="F14006">
        <v>2018</v>
      </c>
      <c r="G14006" t="s">
        <v>14</v>
      </c>
      <c r="H14006" t="s">
        <v>119</v>
      </c>
      <c r="I14006" t="s">
        <v>15</v>
      </c>
      <c r="J14006" s="10">
        <v>14.708516469999999</v>
      </c>
    </row>
    <row r="14007" spans="1:10" x14ac:dyDescent="0.35">
      <c r="A14007" t="s">
        <v>33</v>
      </c>
      <c r="B14007" t="s">
        <v>85</v>
      </c>
      <c r="C14007" t="s">
        <v>117</v>
      </c>
      <c r="D14007" t="s">
        <v>118</v>
      </c>
      <c r="E14007">
        <v>2018</v>
      </c>
      <c r="F14007">
        <v>2018</v>
      </c>
      <c r="G14007" t="s">
        <v>14</v>
      </c>
      <c r="H14007" t="s">
        <v>120</v>
      </c>
      <c r="I14007" t="s">
        <v>15</v>
      </c>
      <c r="J14007" s="10">
        <v>8.9601388869999994</v>
      </c>
    </row>
    <row r="14008" spans="1:10" x14ac:dyDescent="0.35">
      <c r="A14008" t="s">
        <v>33</v>
      </c>
      <c r="B14008" t="s">
        <v>85</v>
      </c>
      <c r="C14008" t="s">
        <v>117</v>
      </c>
      <c r="D14008" t="s">
        <v>118</v>
      </c>
      <c r="E14008">
        <v>2018</v>
      </c>
      <c r="F14008">
        <v>2018</v>
      </c>
      <c r="G14008" t="s">
        <v>14</v>
      </c>
      <c r="H14008" t="s">
        <v>121</v>
      </c>
      <c r="I14008" t="s">
        <v>15</v>
      </c>
      <c r="J14008" s="10">
        <v>29.611309370000001</v>
      </c>
    </row>
    <row r="14009" spans="1:10" x14ac:dyDescent="0.35">
      <c r="A14009" t="s">
        <v>33</v>
      </c>
      <c r="B14009" t="s">
        <v>85</v>
      </c>
      <c r="C14009" t="s">
        <v>117</v>
      </c>
      <c r="D14009" t="s">
        <v>118</v>
      </c>
      <c r="E14009">
        <v>2018</v>
      </c>
      <c r="F14009">
        <v>2018</v>
      </c>
      <c r="G14009" t="s">
        <v>14</v>
      </c>
      <c r="H14009" t="s">
        <v>122</v>
      </c>
      <c r="I14009" t="s">
        <v>15</v>
      </c>
      <c r="J14009" s="10">
        <v>22.155779379999998</v>
      </c>
    </row>
    <row r="14010" spans="1:10" x14ac:dyDescent="0.35">
      <c r="A14010" t="s">
        <v>33</v>
      </c>
      <c r="B14010" t="s">
        <v>85</v>
      </c>
      <c r="C14010" t="s">
        <v>117</v>
      </c>
      <c r="D14010" t="s">
        <v>118</v>
      </c>
      <c r="E14010">
        <v>2018</v>
      </c>
      <c r="F14010">
        <v>2018</v>
      </c>
      <c r="G14010" t="s">
        <v>14</v>
      </c>
      <c r="H14010" t="s">
        <v>123</v>
      </c>
      <c r="I14010" t="s">
        <v>15</v>
      </c>
      <c r="J14010" s="10">
        <v>21.213332050000002</v>
      </c>
    </row>
    <row r="14011" spans="1:10" x14ac:dyDescent="0.35">
      <c r="A14011" t="s">
        <v>33</v>
      </c>
      <c r="B14011" t="s">
        <v>85</v>
      </c>
      <c r="C14011" t="s">
        <v>117</v>
      </c>
      <c r="D14011" t="s">
        <v>118</v>
      </c>
      <c r="E14011">
        <v>2018</v>
      </c>
      <c r="F14011">
        <v>2018</v>
      </c>
      <c r="G14011" t="s">
        <v>14</v>
      </c>
      <c r="H14011" t="s">
        <v>124</v>
      </c>
      <c r="I14011" t="s">
        <v>15</v>
      </c>
      <c r="J14011" s="10">
        <v>3.3509238460000002</v>
      </c>
    </row>
    <row r="14012" spans="1:10" x14ac:dyDescent="0.35">
      <c r="A14012" t="s">
        <v>33</v>
      </c>
      <c r="B14012" t="s">
        <v>85</v>
      </c>
      <c r="C14012" t="s">
        <v>117</v>
      </c>
      <c r="D14012" t="s">
        <v>118</v>
      </c>
      <c r="E14012">
        <v>2018</v>
      </c>
      <c r="F14012">
        <v>2018</v>
      </c>
      <c r="G14012" t="s">
        <v>125</v>
      </c>
      <c r="H14012" t="s">
        <v>119</v>
      </c>
      <c r="I14012" t="s">
        <v>15</v>
      </c>
      <c r="J14012" s="10">
        <v>15.18674732</v>
      </c>
    </row>
    <row r="14013" spans="1:10" x14ac:dyDescent="0.35">
      <c r="A14013" t="s">
        <v>33</v>
      </c>
      <c r="B14013" t="s">
        <v>85</v>
      </c>
      <c r="C14013" t="s">
        <v>117</v>
      </c>
      <c r="D14013" t="s">
        <v>118</v>
      </c>
      <c r="E14013">
        <v>2018</v>
      </c>
      <c r="F14013">
        <v>2018</v>
      </c>
      <c r="G14013" t="s">
        <v>125</v>
      </c>
      <c r="H14013" t="s">
        <v>120</v>
      </c>
      <c r="I14013" t="s">
        <v>15</v>
      </c>
      <c r="J14013" s="10">
        <v>9.8673622289999994</v>
      </c>
    </row>
    <row r="14014" spans="1:10" x14ac:dyDescent="0.35">
      <c r="A14014" t="s">
        <v>33</v>
      </c>
      <c r="B14014" t="s">
        <v>85</v>
      </c>
      <c r="C14014" t="s">
        <v>117</v>
      </c>
      <c r="D14014" t="s">
        <v>118</v>
      </c>
      <c r="E14014">
        <v>2018</v>
      </c>
      <c r="F14014">
        <v>2018</v>
      </c>
      <c r="G14014" t="s">
        <v>125</v>
      </c>
      <c r="H14014" t="s">
        <v>121</v>
      </c>
      <c r="I14014" t="s">
        <v>15</v>
      </c>
      <c r="J14014" s="10">
        <v>30.373494640000001</v>
      </c>
    </row>
    <row r="14015" spans="1:10" x14ac:dyDescent="0.35">
      <c r="A14015" t="s">
        <v>33</v>
      </c>
      <c r="B14015" t="s">
        <v>85</v>
      </c>
      <c r="C14015" t="s">
        <v>117</v>
      </c>
      <c r="D14015" t="s">
        <v>118</v>
      </c>
      <c r="E14015">
        <v>2018</v>
      </c>
      <c r="F14015">
        <v>2018</v>
      </c>
      <c r="G14015" t="s">
        <v>125</v>
      </c>
      <c r="H14015" t="s">
        <v>122</v>
      </c>
      <c r="I14015" t="s">
        <v>15</v>
      </c>
      <c r="J14015" s="10">
        <v>22.03784894</v>
      </c>
    </row>
    <row r="14016" spans="1:10" x14ac:dyDescent="0.35">
      <c r="A14016" t="s">
        <v>33</v>
      </c>
      <c r="B14016" t="s">
        <v>85</v>
      </c>
      <c r="C14016" t="s">
        <v>117</v>
      </c>
      <c r="D14016" t="s">
        <v>118</v>
      </c>
      <c r="E14016">
        <v>2018</v>
      </c>
      <c r="F14016">
        <v>2018</v>
      </c>
      <c r="G14016" t="s">
        <v>125</v>
      </c>
      <c r="H14016" t="s">
        <v>123</v>
      </c>
      <c r="I14016" t="s">
        <v>15</v>
      </c>
      <c r="J14016" s="10">
        <v>19.973361449999999</v>
      </c>
    </row>
    <row r="14017" spans="1:10" x14ac:dyDescent="0.35">
      <c r="A14017" t="s">
        <v>33</v>
      </c>
      <c r="B14017" t="s">
        <v>85</v>
      </c>
      <c r="C14017" t="s">
        <v>117</v>
      </c>
      <c r="D14017" t="s">
        <v>118</v>
      </c>
      <c r="E14017">
        <v>2018</v>
      </c>
      <c r="F14017">
        <v>2018</v>
      </c>
      <c r="G14017" t="s">
        <v>125</v>
      </c>
      <c r="H14017" t="s">
        <v>124</v>
      </c>
      <c r="I14017" t="s">
        <v>15</v>
      </c>
      <c r="J14017" s="10">
        <v>2.5611854150000002</v>
      </c>
    </row>
    <row r="14018" spans="1:10" x14ac:dyDescent="0.35">
      <c r="A14018" t="s">
        <v>33</v>
      </c>
      <c r="B14018" t="s">
        <v>85</v>
      </c>
      <c r="C14018" t="s">
        <v>117</v>
      </c>
      <c r="D14018" t="s">
        <v>118</v>
      </c>
      <c r="E14018">
        <v>2018</v>
      </c>
      <c r="F14018">
        <v>2018</v>
      </c>
      <c r="G14018" t="s">
        <v>126</v>
      </c>
      <c r="H14018" t="s">
        <v>119</v>
      </c>
      <c r="I14018" t="s">
        <v>15</v>
      </c>
      <c r="J14018" s="10">
        <v>14.236842830000001</v>
      </c>
    </row>
    <row r="14019" spans="1:10" x14ac:dyDescent="0.35">
      <c r="A14019" t="s">
        <v>33</v>
      </c>
      <c r="B14019" t="s">
        <v>85</v>
      </c>
      <c r="C14019" t="s">
        <v>117</v>
      </c>
      <c r="D14019" t="s">
        <v>118</v>
      </c>
      <c r="E14019">
        <v>2018</v>
      </c>
      <c r="F14019">
        <v>2018</v>
      </c>
      <c r="G14019" t="s">
        <v>126</v>
      </c>
      <c r="H14019" t="s">
        <v>120</v>
      </c>
      <c r="I14019" t="s">
        <v>15</v>
      </c>
      <c r="J14019" s="10">
        <v>8.0653548260000001</v>
      </c>
    </row>
    <row r="14020" spans="1:10" x14ac:dyDescent="0.35">
      <c r="A14020" t="s">
        <v>33</v>
      </c>
      <c r="B14020" t="s">
        <v>85</v>
      </c>
      <c r="C14020" t="s">
        <v>117</v>
      </c>
      <c r="D14020" t="s">
        <v>118</v>
      </c>
      <c r="E14020">
        <v>2018</v>
      </c>
      <c r="F14020">
        <v>2018</v>
      </c>
      <c r="G14020" t="s">
        <v>126</v>
      </c>
      <c r="H14020" t="s">
        <v>121</v>
      </c>
      <c r="I14020" t="s">
        <v>15</v>
      </c>
      <c r="J14020" s="10">
        <v>28.8595747</v>
      </c>
    </row>
    <row r="14021" spans="1:10" x14ac:dyDescent="0.35">
      <c r="A14021" t="s">
        <v>33</v>
      </c>
      <c r="B14021" t="s">
        <v>85</v>
      </c>
      <c r="C14021" t="s">
        <v>117</v>
      </c>
      <c r="D14021" t="s">
        <v>118</v>
      </c>
      <c r="E14021">
        <v>2018</v>
      </c>
      <c r="F14021">
        <v>2018</v>
      </c>
      <c r="G14021" t="s">
        <v>126</v>
      </c>
      <c r="H14021" t="s">
        <v>122</v>
      </c>
      <c r="I14021" t="s">
        <v>15</v>
      </c>
      <c r="J14021" s="10">
        <v>22.272092829999998</v>
      </c>
    </row>
    <row r="14022" spans="1:10" x14ac:dyDescent="0.35">
      <c r="A14022" t="s">
        <v>33</v>
      </c>
      <c r="B14022" t="s">
        <v>85</v>
      </c>
      <c r="C14022" t="s">
        <v>117</v>
      </c>
      <c r="D14022" t="s">
        <v>118</v>
      </c>
      <c r="E14022">
        <v>2018</v>
      </c>
      <c r="F14022">
        <v>2018</v>
      </c>
      <c r="G14022" t="s">
        <v>126</v>
      </c>
      <c r="H14022" t="s">
        <v>123</v>
      </c>
      <c r="I14022" t="s">
        <v>15</v>
      </c>
      <c r="J14022" s="10">
        <v>22.436300939999999</v>
      </c>
    </row>
    <row r="14023" spans="1:10" x14ac:dyDescent="0.35">
      <c r="A14023" t="s">
        <v>33</v>
      </c>
      <c r="B14023" t="s">
        <v>85</v>
      </c>
      <c r="C14023" t="s">
        <v>117</v>
      </c>
      <c r="D14023" t="s">
        <v>118</v>
      </c>
      <c r="E14023">
        <v>2018</v>
      </c>
      <c r="F14023">
        <v>2018</v>
      </c>
      <c r="G14023" t="s">
        <v>126</v>
      </c>
      <c r="H14023" t="s">
        <v>124</v>
      </c>
      <c r="I14023" t="s">
        <v>15</v>
      </c>
      <c r="J14023" s="10">
        <v>4.1298338760000002</v>
      </c>
    </row>
    <row r="14024" spans="1:10" x14ac:dyDescent="0.35">
      <c r="A14024" t="s">
        <v>33</v>
      </c>
      <c r="B14024" t="s">
        <v>85</v>
      </c>
      <c r="C14024" t="s">
        <v>117</v>
      </c>
      <c r="D14024" t="s">
        <v>118</v>
      </c>
      <c r="E14024">
        <v>2017</v>
      </c>
      <c r="F14024">
        <v>2017</v>
      </c>
      <c r="G14024" t="s">
        <v>14</v>
      </c>
      <c r="H14024" t="s">
        <v>119</v>
      </c>
      <c r="I14024" t="s">
        <v>15</v>
      </c>
      <c r="J14024" s="10">
        <v>14.819141330000001</v>
      </c>
    </row>
    <row r="14025" spans="1:10" x14ac:dyDescent="0.35">
      <c r="A14025" t="s">
        <v>33</v>
      </c>
      <c r="B14025" t="s">
        <v>85</v>
      </c>
      <c r="C14025" t="s">
        <v>117</v>
      </c>
      <c r="D14025" t="s">
        <v>118</v>
      </c>
      <c r="E14025">
        <v>2017</v>
      </c>
      <c r="F14025">
        <v>2017</v>
      </c>
      <c r="G14025" t="s">
        <v>14</v>
      </c>
      <c r="H14025" t="s">
        <v>120</v>
      </c>
      <c r="I14025" t="s">
        <v>15</v>
      </c>
      <c r="J14025" s="10">
        <v>9.4181188500000008</v>
      </c>
    </row>
    <row r="14026" spans="1:10" x14ac:dyDescent="0.35">
      <c r="A14026" t="s">
        <v>33</v>
      </c>
      <c r="B14026" t="s">
        <v>85</v>
      </c>
      <c r="C14026" t="s">
        <v>117</v>
      </c>
      <c r="D14026" t="s">
        <v>118</v>
      </c>
      <c r="E14026">
        <v>2017</v>
      </c>
      <c r="F14026">
        <v>2017</v>
      </c>
      <c r="G14026" t="s">
        <v>14</v>
      </c>
      <c r="H14026" t="s">
        <v>121</v>
      </c>
      <c r="I14026" t="s">
        <v>15</v>
      </c>
      <c r="J14026" s="10">
        <v>29.826562590000002</v>
      </c>
    </row>
    <row r="14027" spans="1:10" x14ac:dyDescent="0.35">
      <c r="A14027" t="s">
        <v>33</v>
      </c>
      <c r="B14027" t="s">
        <v>85</v>
      </c>
      <c r="C14027" t="s">
        <v>117</v>
      </c>
      <c r="D14027" t="s">
        <v>118</v>
      </c>
      <c r="E14027">
        <v>2017</v>
      </c>
      <c r="F14027">
        <v>2017</v>
      </c>
      <c r="G14027" t="s">
        <v>14</v>
      </c>
      <c r="H14027" t="s">
        <v>122</v>
      </c>
      <c r="I14027" t="s">
        <v>15</v>
      </c>
      <c r="J14027" s="10">
        <v>21.812984440000001</v>
      </c>
    </row>
    <row r="14028" spans="1:10" x14ac:dyDescent="0.35">
      <c r="A14028" t="s">
        <v>33</v>
      </c>
      <c r="B14028" t="s">
        <v>85</v>
      </c>
      <c r="C14028" t="s">
        <v>117</v>
      </c>
      <c r="D14028" t="s">
        <v>118</v>
      </c>
      <c r="E14028">
        <v>2017</v>
      </c>
      <c r="F14028">
        <v>2017</v>
      </c>
      <c r="G14028" t="s">
        <v>14</v>
      </c>
      <c r="H14028" t="s">
        <v>123</v>
      </c>
      <c r="I14028" t="s">
        <v>15</v>
      </c>
      <c r="J14028" s="10">
        <v>20.806992470000001</v>
      </c>
    </row>
    <row r="14029" spans="1:10" x14ac:dyDescent="0.35">
      <c r="A14029" t="s">
        <v>33</v>
      </c>
      <c r="B14029" t="s">
        <v>85</v>
      </c>
      <c r="C14029" t="s">
        <v>117</v>
      </c>
      <c r="D14029" t="s">
        <v>118</v>
      </c>
      <c r="E14029">
        <v>2017</v>
      </c>
      <c r="F14029">
        <v>2017</v>
      </c>
      <c r="G14029" t="s">
        <v>14</v>
      </c>
      <c r="H14029" t="s">
        <v>124</v>
      </c>
      <c r="I14029" t="s">
        <v>15</v>
      </c>
      <c r="J14029" s="10">
        <v>3.316200319</v>
      </c>
    </row>
    <row r="14030" spans="1:10" x14ac:dyDescent="0.35">
      <c r="A14030" t="s">
        <v>33</v>
      </c>
      <c r="B14030" t="s">
        <v>85</v>
      </c>
      <c r="C14030" t="s">
        <v>117</v>
      </c>
      <c r="D14030" t="s">
        <v>118</v>
      </c>
      <c r="E14030">
        <v>2017</v>
      </c>
      <c r="F14030">
        <v>2017</v>
      </c>
      <c r="G14030" t="s">
        <v>125</v>
      </c>
      <c r="H14030" t="s">
        <v>119</v>
      </c>
      <c r="I14030" t="s">
        <v>15</v>
      </c>
      <c r="J14030" s="10">
        <v>15.282631609999999</v>
      </c>
    </row>
    <row r="14031" spans="1:10" x14ac:dyDescent="0.35">
      <c r="A14031" t="s">
        <v>33</v>
      </c>
      <c r="B14031" t="s">
        <v>85</v>
      </c>
      <c r="C14031" t="s">
        <v>117</v>
      </c>
      <c r="D14031" t="s">
        <v>118</v>
      </c>
      <c r="E14031">
        <v>2017</v>
      </c>
      <c r="F14031">
        <v>2017</v>
      </c>
      <c r="G14031" t="s">
        <v>125</v>
      </c>
      <c r="H14031" t="s">
        <v>120</v>
      </c>
      <c r="I14031" t="s">
        <v>15</v>
      </c>
      <c r="J14031" s="10">
        <v>10.29844123</v>
      </c>
    </row>
    <row r="14032" spans="1:10" x14ac:dyDescent="0.35">
      <c r="A14032" t="s">
        <v>33</v>
      </c>
      <c r="B14032" t="s">
        <v>85</v>
      </c>
      <c r="C14032" t="s">
        <v>117</v>
      </c>
      <c r="D14032" t="s">
        <v>118</v>
      </c>
      <c r="E14032">
        <v>2017</v>
      </c>
      <c r="F14032">
        <v>2017</v>
      </c>
      <c r="G14032" t="s">
        <v>125</v>
      </c>
      <c r="H14032" t="s">
        <v>121</v>
      </c>
      <c r="I14032" t="s">
        <v>15</v>
      </c>
      <c r="J14032" s="10">
        <v>30.482054699999999</v>
      </c>
    </row>
    <row r="14033" spans="1:10" x14ac:dyDescent="0.35">
      <c r="A14033" t="s">
        <v>33</v>
      </c>
      <c r="B14033" t="s">
        <v>85</v>
      </c>
      <c r="C14033" t="s">
        <v>117</v>
      </c>
      <c r="D14033" t="s">
        <v>118</v>
      </c>
      <c r="E14033">
        <v>2017</v>
      </c>
      <c r="F14033">
        <v>2017</v>
      </c>
      <c r="G14033" t="s">
        <v>125</v>
      </c>
      <c r="H14033" t="s">
        <v>122</v>
      </c>
      <c r="I14033" t="s">
        <v>15</v>
      </c>
      <c r="J14033" s="10">
        <v>21.778443450000001</v>
      </c>
    </row>
    <row r="14034" spans="1:10" x14ac:dyDescent="0.35">
      <c r="A14034" t="s">
        <v>33</v>
      </c>
      <c r="B14034" t="s">
        <v>85</v>
      </c>
      <c r="C14034" t="s">
        <v>117</v>
      </c>
      <c r="D14034" t="s">
        <v>118</v>
      </c>
      <c r="E14034">
        <v>2017</v>
      </c>
      <c r="F14034">
        <v>2017</v>
      </c>
      <c r="G14034" t="s">
        <v>125</v>
      </c>
      <c r="H14034" t="s">
        <v>123</v>
      </c>
      <c r="I14034" t="s">
        <v>15</v>
      </c>
      <c r="J14034" s="10">
        <v>19.692683200000001</v>
      </c>
    </row>
    <row r="14035" spans="1:10" x14ac:dyDescent="0.35">
      <c r="A14035" t="s">
        <v>33</v>
      </c>
      <c r="B14035" t="s">
        <v>85</v>
      </c>
      <c r="C14035" t="s">
        <v>117</v>
      </c>
      <c r="D14035" t="s">
        <v>118</v>
      </c>
      <c r="E14035">
        <v>2017</v>
      </c>
      <c r="F14035">
        <v>2017</v>
      </c>
      <c r="G14035" t="s">
        <v>125</v>
      </c>
      <c r="H14035" t="s">
        <v>124</v>
      </c>
      <c r="I14035" t="s">
        <v>15</v>
      </c>
      <c r="J14035" s="10">
        <v>2.465745826</v>
      </c>
    </row>
    <row r="14036" spans="1:10" x14ac:dyDescent="0.35">
      <c r="A14036" t="s">
        <v>33</v>
      </c>
      <c r="B14036" t="s">
        <v>85</v>
      </c>
      <c r="C14036" t="s">
        <v>117</v>
      </c>
      <c r="D14036" t="s">
        <v>118</v>
      </c>
      <c r="E14036">
        <v>2017</v>
      </c>
      <c r="F14036">
        <v>2017</v>
      </c>
      <c r="G14036" t="s">
        <v>126</v>
      </c>
      <c r="H14036" t="s">
        <v>119</v>
      </c>
      <c r="I14036" t="s">
        <v>15</v>
      </c>
      <c r="J14036" s="10">
        <v>14.363933530000001</v>
      </c>
    </row>
    <row r="14037" spans="1:10" x14ac:dyDescent="0.35">
      <c r="A14037" t="s">
        <v>33</v>
      </c>
      <c r="B14037" t="s">
        <v>85</v>
      </c>
      <c r="C14037" t="s">
        <v>117</v>
      </c>
      <c r="D14037" t="s">
        <v>118</v>
      </c>
      <c r="E14037">
        <v>2017</v>
      </c>
      <c r="F14037">
        <v>2017</v>
      </c>
      <c r="G14037" t="s">
        <v>126</v>
      </c>
      <c r="H14037" t="s">
        <v>120</v>
      </c>
      <c r="I14037" t="s">
        <v>15</v>
      </c>
      <c r="J14037" s="10">
        <v>8.5535276489999994</v>
      </c>
    </row>
    <row r="14038" spans="1:10" x14ac:dyDescent="0.35">
      <c r="A14038" t="s">
        <v>33</v>
      </c>
      <c r="B14038" t="s">
        <v>85</v>
      </c>
      <c r="C14038" t="s">
        <v>117</v>
      </c>
      <c r="D14038" t="s">
        <v>118</v>
      </c>
      <c r="E14038">
        <v>2017</v>
      </c>
      <c r="F14038">
        <v>2017</v>
      </c>
      <c r="G14038" t="s">
        <v>126</v>
      </c>
      <c r="H14038" t="s">
        <v>121</v>
      </c>
      <c r="I14038" t="s">
        <v>15</v>
      </c>
      <c r="J14038" s="10">
        <v>29.18278398</v>
      </c>
    </row>
    <row r="14039" spans="1:10" x14ac:dyDescent="0.35">
      <c r="A14039" t="s">
        <v>33</v>
      </c>
      <c r="B14039" t="s">
        <v>85</v>
      </c>
      <c r="C14039" t="s">
        <v>117</v>
      </c>
      <c r="D14039" t="s">
        <v>118</v>
      </c>
      <c r="E14039">
        <v>2017</v>
      </c>
      <c r="F14039">
        <v>2017</v>
      </c>
      <c r="G14039" t="s">
        <v>126</v>
      </c>
      <c r="H14039" t="s">
        <v>122</v>
      </c>
      <c r="I14039" t="s">
        <v>15</v>
      </c>
      <c r="J14039" s="10">
        <v>21.846908200000001</v>
      </c>
    </row>
    <row r="14040" spans="1:10" x14ac:dyDescent="0.35">
      <c r="A14040" t="s">
        <v>33</v>
      </c>
      <c r="B14040" t="s">
        <v>85</v>
      </c>
      <c r="C14040" t="s">
        <v>117</v>
      </c>
      <c r="D14040" t="s">
        <v>118</v>
      </c>
      <c r="E14040">
        <v>2017</v>
      </c>
      <c r="F14040">
        <v>2017</v>
      </c>
      <c r="G14040" t="s">
        <v>126</v>
      </c>
      <c r="H14040" t="s">
        <v>123</v>
      </c>
      <c r="I14040" t="s">
        <v>15</v>
      </c>
      <c r="J14040" s="10">
        <v>21.901389269999999</v>
      </c>
    </row>
    <row r="14041" spans="1:10" x14ac:dyDescent="0.35">
      <c r="A14041" t="s">
        <v>33</v>
      </c>
      <c r="B14041" t="s">
        <v>85</v>
      </c>
      <c r="C14041" t="s">
        <v>117</v>
      </c>
      <c r="D14041" t="s">
        <v>118</v>
      </c>
      <c r="E14041">
        <v>2017</v>
      </c>
      <c r="F14041">
        <v>2017</v>
      </c>
      <c r="G14041" t="s">
        <v>126</v>
      </c>
      <c r="H14041" t="s">
        <v>124</v>
      </c>
      <c r="I14041" t="s">
        <v>15</v>
      </c>
      <c r="J14041" s="10">
        <v>4.1514573690000001</v>
      </c>
    </row>
    <row r="14042" spans="1:10" x14ac:dyDescent="0.35">
      <c r="A14042" t="s">
        <v>33</v>
      </c>
      <c r="B14042" t="s">
        <v>85</v>
      </c>
      <c r="C14042" t="s">
        <v>117</v>
      </c>
      <c r="D14042" t="s">
        <v>118</v>
      </c>
      <c r="E14042">
        <v>2016</v>
      </c>
      <c r="F14042">
        <v>2016</v>
      </c>
      <c r="G14042" t="s">
        <v>14</v>
      </c>
      <c r="H14042" t="s">
        <v>119</v>
      </c>
      <c r="I14042" t="s">
        <v>15</v>
      </c>
      <c r="J14042" s="10">
        <v>14.94497937</v>
      </c>
    </row>
    <row r="14043" spans="1:10" x14ac:dyDescent="0.35">
      <c r="A14043" t="s">
        <v>33</v>
      </c>
      <c r="B14043" t="s">
        <v>85</v>
      </c>
      <c r="C14043" t="s">
        <v>117</v>
      </c>
      <c r="D14043" t="s">
        <v>118</v>
      </c>
      <c r="E14043">
        <v>2016</v>
      </c>
      <c r="F14043">
        <v>2016</v>
      </c>
      <c r="G14043" t="s">
        <v>14</v>
      </c>
      <c r="H14043" t="s">
        <v>120</v>
      </c>
      <c r="I14043" t="s">
        <v>15</v>
      </c>
      <c r="J14043" s="10">
        <v>9.6877579090000001</v>
      </c>
    </row>
    <row r="14044" spans="1:10" x14ac:dyDescent="0.35">
      <c r="A14044" t="s">
        <v>33</v>
      </c>
      <c r="B14044" t="s">
        <v>85</v>
      </c>
      <c r="C14044" t="s">
        <v>117</v>
      </c>
      <c r="D14044" t="s">
        <v>118</v>
      </c>
      <c r="E14044">
        <v>2016</v>
      </c>
      <c r="F14044">
        <v>2016</v>
      </c>
      <c r="G14044" t="s">
        <v>14</v>
      </c>
      <c r="H14044" t="s">
        <v>121</v>
      </c>
      <c r="I14044" t="s">
        <v>15</v>
      </c>
      <c r="J14044" s="10">
        <v>29.982118289999999</v>
      </c>
    </row>
    <row r="14045" spans="1:10" x14ac:dyDescent="0.35">
      <c r="A14045" t="s">
        <v>33</v>
      </c>
      <c r="B14045" t="s">
        <v>85</v>
      </c>
      <c r="C14045" t="s">
        <v>117</v>
      </c>
      <c r="D14045" t="s">
        <v>118</v>
      </c>
      <c r="E14045">
        <v>2016</v>
      </c>
      <c r="F14045">
        <v>2016</v>
      </c>
      <c r="G14045" t="s">
        <v>14</v>
      </c>
      <c r="H14045" t="s">
        <v>122</v>
      </c>
      <c r="I14045" t="s">
        <v>15</v>
      </c>
      <c r="J14045" s="10">
        <v>21.711141680000001</v>
      </c>
    </row>
    <row r="14046" spans="1:10" x14ac:dyDescent="0.35">
      <c r="A14046" t="s">
        <v>33</v>
      </c>
      <c r="B14046" t="s">
        <v>85</v>
      </c>
      <c r="C14046" t="s">
        <v>117</v>
      </c>
      <c r="D14046" t="s">
        <v>118</v>
      </c>
      <c r="E14046">
        <v>2016</v>
      </c>
      <c r="F14046">
        <v>2016</v>
      </c>
      <c r="G14046" t="s">
        <v>14</v>
      </c>
      <c r="H14046" t="s">
        <v>123</v>
      </c>
      <c r="I14046" t="s">
        <v>15</v>
      </c>
      <c r="J14046" s="10">
        <v>20.497936729999999</v>
      </c>
    </row>
    <row r="14047" spans="1:10" x14ac:dyDescent="0.35">
      <c r="A14047" t="s">
        <v>33</v>
      </c>
      <c r="B14047" t="s">
        <v>85</v>
      </c>
      <c r="C14047" t="s">
        <v>117</v>
      </c>
      <c r="D14047" t="s">
        <v>118</v>
      </c>
      <c r="E14047">
        <v>2016</v>
      </c>
      <c r="F14047">
        <v>2016</v>
      </c>
      <c r="G14047" t="s">
        <v>14</v>
      </c>
      <c r="H14047" t="s">
        <v>124</v>
      </c>
      <c r="I14047" t="s">
        <v>15</v>
      </c>
      <c r="J14047" s="10">
        <v>3.1760660249999999</v>
      </c>
    </row>
    <row r="14048" spans="1:10" x14ac:dyDescent="0.35">
      <c r="A14048" t="s">
        <v>33</v>
      </c>
      <c r="B14048" t="s">
        <v>85</v>
      </c>
      <c r="C14048" t="s">
        <v>117</v>
      </c>
      <c r="D14048" t="s">
        <v>118</v>
      </c>
      <c r="E14048">
        <v>2016</v>
      </c>
      <c r="F14048">
        <v>2016</v>
      </c>
      <c r="G14048" t="s">
        <v>125</v>
      </c>
      <c r="H14048" t="s">
        <v>119</v>
      </c>
      <c r="I14048" t="s">
        <v>15</v>
      </c>
      <c r="J14048" s="10">
        <v>15.505163769999999</v>
      </c>
    </row>
    <row r="14049" spans="1:10" x14ac:dyDescent="0.35">
      <c r="A14049" t="s">
        <v>33</v>
      </c>
      <c r="B14049" t="s">
        <v>85</v>
      </c>
      <c r="C14049" t="s">
        <v>117</v>
      </c>
      <c r="D14049" t="s">
        <v>118</v>
      </c>
      <c r="E14049">
        <v>2016</v>
      </c>
      <c r="F14049">
        <v>2016</v>
      </c>
      <c r="G14049" t="s">
        <v>125</v>
      </c>
      <c r="H14049" t="s">
        <v>120</v>
      </c>
      <c r="I14049" t="s">
        <v>15</v>
      </c>
      <c r="J14049" s="10">
        <v>10.62103718</v>
      </c>
    </row>
    <row r="14050" spans="1:10" x14ac:dyDescent="0.35">
      <c r="A14050" t="s">
        <v>33</v>
      </c>
      <c r="B14050" t="s">
        <v>85</v>
      </c>
      <c r="C14050" t="s">
        <v>117</v>
      </c>
      <c r="D14050" t="s">
        <v>118</v>
      </c>
      <c r="E14050">
        <v>2016</v>
      </c>
      <c r="F14050">
        <v>2016</v>
      </c>
      <c r="G14050" t="s">
        <v>125</v>
      </c>
      <c r="H14050" t="s">
        <v>121</v>
      </c>
      <c r="I14050" t="s">
        <v>15</v>
      </c>
      <c r="J14050" s="10">
        <v>30.572860429999999</v>
      </c>
    </row>
    <row r="14051" spans="1:10" x14ac:dyDescent="0.35">
      <c r="A14051" t="s">
        <v>33</v>
      </c>
      <c r="B14051" t="s">
        <v>85</v>
      </c>
      <c r="C14051" t="s">
        <v>117</v>
      </c>
      <c r="D14051" t="s">
        <v>118</v>
      </c>
      <c r="E14051">
        <v>2016</v>
      </c>
      <c r="F14051">
        <v>2016</v>
      </c>
      <c r="G14051" t="s">
        <v>125</v>
      </c>
      <c r="H14051" t="s">
        <v>122</v>
      </c>
      <c r="I14051" t="s">
        <v>15</v>
      </c>
      <c r="J14051" s="10">
        <v>21.613090790000001</v>
      </c>
    </row>
    <row r="14052" spans="1:10" x14ac:dyDescent="0.35">
      <c r="A14052" t="s">
        <v>33</v>
      </c>
      <c r="B14052" t="s">
        <v>85</v>
      </c>
      <c r="C14052" t="s">
        <v>117</v>
      </c>
      <c r="D14052" t="s">
        <v>118</v>
      </c>
      <c r="E14052">
        <v>2016</v>
      </c>
      <c r="F14052">
        <v>2016</v>
      </c>
      <c r="G14052" t="s">
        <v>125</v>
      </c>
      <c r="H14052" t="s">
        <v>123</v>
      </c>
      <c r="I14052" t="s">
        <v>15</v>
      </c>
      <c r="J14052" s="10">
        <v>19.400836170000002</v>
      </c>
    </row>
    <row r="14053" spans="1:10" x14ac:dyDescent="0.35">
      <c r="A14053" t="s">
        <v>33</v>
      </c>
      <c r="B14053" t="s">
        <v>85</v>
      </c>
      <c r="C14053" t="s">
        <v>117</v>
      </c>
      <c r="D14053" t="s">
        <v>118</v>
      </c>
      <c r="E14053">
        <v>2016</v>
      </c>
      <c r="F14053">
        <v>2016</v>
      </c>
      <c r="G14053" t="s">
        <v>125</v>
      </c>
      <c r="H14053" t="s">
        <v>124</v>
      </c>
      <c r="I14053" t="s">
        <v>15</v>
      </c>
      <c r="J14053" s="10">
        <v>2.2870116569999999</v>
      </c>
    </row>
    <row r="14054" spans="1:10" x14ac:dyDescent="0.35">
      <c r="A14054" t="s">
        <v>33</v>
      </c>
      <c r="B14054" t="s">
        <v>85</v>
      </c>
      <c r="C14054" t="s">
        <v>117</v>
      </c>
      <c r="D14054" t="s">
        <v>118</v>
      </c>
      <c r="E14054">
        <v>2016</v>
      </c>
      <c r="F14054">
        <v>2016</v>
      </c>
      <c r="G14054" t="s">
        <v>126</v>
      </c>
      <c r="H14054" t="s">
        <v>119</v>
      </c>
      <c r="I14054" t="s">
        <v>15</v>
      </c>
      <c r="J14054" s="10">
        <v>14.39193068</v>
      </c>
    </row>
    <row r="14055" spans="1:10" x14ac:dyDescent="0.35">
      <c r="A14055" t="s">
        <v>33</v>
      </c>
      <c r="B14055" t="s">
        <v>85</v>
      </c>
      <c r="C14055" t="s">
        <v>117</v>
      </c>
      <c r="D14055" t="s">
        <v>118</v>
      </c>
      <c r="E14055">
        <v>2016</v>
      </c>
      <c r="F14055">
        <v>2016</v>
      </c>
      <c r="G14055" t="s">
        <v>126</v>
      </c>
      <c r="H14055" t="s">
        <v>120</v>
      </c>
      <c r="I14055" t="s">
        <v>15</v>
      </c>
      <c r="J14055" s="10">
        <v>8.7663668920000006</v>
      </c>
    </row>
    <row r="14056" spans="1:10" x14ac:dyDescent="0.35">
      <c r="A14056" t="s">
        <v>33</v>
      </c>
      <c r="B14056" t="s">
        <v>85</v>
      </c>
      <c r="C14056" t="s">
        <v>117</v>
      </c>
      <c r="D14056" t="s">
        <v>118</v>
      </c>
      <c r="E14056">
        <v>2016</v>
      </c>
      <c r="F14056">
        <v>2016</v>
      </c>
      <c r="G14056" t="s">
        <v>126</v>
      </c>
      <c r="H14056" t="s">
        <v>121</v>
      </c>
      <c r="I14056" t="s">
        <v>15</v>
      </c>
      <c r="J14056" s="10">
        <v>29.398901129999999</v>
      </c>
    </row>
    <row r="14057" spans="1:10" x14ac:dyDescent="0.35">
      <c r="A14057" t="s">
        <v>33</v>
      </c>
      <c r="B14057" t="s">
        <v>85</v>
      </c>
      <c r="C14057" t="s">
        <v>117</v>
      </c>
      <c r="D14057" t="s">
        <v>118</v>
      </c>
      <c r="E14057">
        <v>2016</v>
      </c>
      <c r="F14057">
        <v>2016</v>
      </c>
      <c r="G14057" t="s">
        <v>126</v>
      </c>
      <c r="H14057" t="s">
        <v>122</v>
      </c>
      <c r="I14057" t="s">
        <v>15</v>
      </c>
      <c r="J14057" s="10">
        <v>21.80794358</v>
      </c>
    </row>
    <row r="14058" spans="1:10" x14ac:dyDescent="0.35">
      <c r="A14058" t="s">
        <v>33</v>
      </c>
      <c r="B14058" t="s">
        <v>85</v>
      </c>
      <c r="C14058" t="s">
        <v>117</v>
      </c>
      <c r="D14058" t="s">
        <v>118</v>
      </c>
      <c r="E14058">
        <v>2016</v>
      </c>
      <c r="F14058">
        <v>2016</v>
      </c>
      <c r="G14058" t="s">
        <v>126</v>
      </c>
      <c r="H14058" t="s">
        <v>123</v>
      </c>
      <c r="I14058" t="s">
        <v>15</v>
      </c>
      <c r="J14058" s="10">
        <v>21.581062240000001</v>
      </c>
    </row>
    <row r="14059" spans="1:10" x14ac:dyDescent="0.35">
      <c r="A14059" t="s">
        <v>33</v>
      </c>
      <c r="B14059" t="s">
        <v>85</v>
      </c>
      <c r="C14059" t="s">
        <v>117</v>
      </c>
      <c r="D14059" t="s">
        <v>118</v>
      </c>
      <c r="E14059">
        <v>2016</v>
      </c>
      <c r="F14059">
        <v>2016</v>
      </c>
      <c r="G14059" t="s">
        <v>126</v>
      </c>
      <c r="H14059" t="s">
        <v>124</v>
      </c>
      <c r="I14059" t="s">
        <v>15</v>
      </c>
      <c r="J14059" s="10">
        <v>4.0537954789999997</v>
      </c>
    </row>
    <row r="14060" spans="1:10" x14ac:dyDescent="0.35">
      <c r="A14060" t="s">
        <v>33</v>
      </c>
      <c r="B14060" t="s">
        <v>85</v>
      </c>
      <c r="C14060" t="s">
        <v>117</v>
      </c>
      <c r="D14060" t="s">
        <v>118</v>
      </c>
      <c r="E14060">
        <v>2015</v>
      </c>
      <c r="F14060">
        <v>2015</v>
      </c>
      <c r="G14060" t="s">
        <v>14</v>
      </c>
      <c r="H14060" t="s">
        <v>119</v>
      </c>
      <c r="I14060" t="s">
        <v>15</v>
      </c>
      <c r="J14060" s="10">
        <v>15.097801199999999</v>
      </c>
    </row>
    <row r="14061" spans="1:10" x14ac:dyDescent="0.35">
      <c r="A14061" t="s">
        <v>33</v>
      </c>
      <c r="B14061" t="s">
        <v>85</v>
      </c>
      <c r="C14061" t="s">
        <v>117</v>
      </c>
      <c r="D14061" t="s">
        <v>118</v>
      </c>
      <c r="E14061">
        <v>2015</v>
      </c>
      <c r="F14061">
        <v>2015</v>
      </c>
      <c r="G14061" t="s">
        <v>14</v>
      </c>
      <c r="H14061" t="s">
        <v>120</v>
      </c>
      <c r="I14061" t="s">
        <v>15</v>
      </c>
      <c r="J14061" s="10">
        <v>9.9787568629999992</v>
      </c>
    </row>
    <row r="14062" spans="1:10" x14ac:dyDescent="0.35">
      <c r="A14062" t="s">
        <v>33</v>
      </c>
      <c r="B14062" t="s">
        <v>85</v>
      </c>
      <c r="C14062" t="s">
        <v>117</v>
      </c>
      <c r="D14062" t="s">
        <v>118</v>
      </c>
      <c r="E14062">
        <v>2015</v>
      </c>
      <c r="F14062">
        <v>2015</v>
      </c>
      <c r="G14062" t="s">
        <v>14</v>
      </c>
      <c r="H14062" t="s">
        <v>121</v>
      </c>
      <c r="I14062" t="s">
        <v>15</v>
      </c>
      <c r="J14062" s="10">
        <v>30.082489590000002</v>
      </c>
    </row>
    <row r="14063" spans="1:10" x14ac:dyDescent="0.35">
      <c r="A14063" t="s">
        <v>33</v>
      </c>
      <c r="B14063" t="s">
        <v>85</v>
      </c>
      <c r="C14063" t="s">
        <v>117</v>
      </c>
      <c r="D14063" t="s">
        <v>118</v>
      </c>
      <c r="E14063">
        <v>2015</v>
      </c>
      <c r="F14063">
        <v>2015</v>
      </c>
      <c r="G14063" t="s">
        <v>14</v>
      </c>
      <c r="H14063" t="s">
        <v>122</v>
      </c>
      <c r="I14063" t="s">
        <v>15</v>
      </c>
      <c r="J14063" s="10">
        <v>21.484536649999999</v>
      </c>
    </row>
    <row r="14064" spans="1:10" x14ac:dyDescent="0.35">
      <c r="A14064" t="s">
        <v>33</v>
      </c>
      <c r="B14064" t="s">
        <v>85</v>
      </c>
      <c r="C14064" t="s">
        <v>117</v>
      </c>
      <c r="D14064" t="s">
        <v>118</v>
      </c>
      <c r="E14064">
        <v>2015</v>
      </c>
      <c r="F14064">
        <v>2015</v>
      </c>
      <c r="G14064" t="s">
        <v>14</v>
      </c>
      <c r="H14064" t="s">
        <v>123</v>
      </c>
      <c r="I14064" t="s">
        <v>15</v>
      </c>
      <c r="J14064" s="10">
        <v>20.318922950000001</v>
      </c>
    </row>
    <row r="14065" spans="1:10" x14ac:dyDescent="0.35">
      <c r="A14065" t="s">
        <v>33</v>
      </c>
      <c r="B14065" t="s">
        <v>85</v>
      </c>
      <c r="C14065" t="s">
        <v>117</v>
      </c>
      <c r="D14065" t="s">
        <v>118</v>
      </c>
      <c r="E14065">
        <v>2015</v>
      </c>
      <c r="F14065">
        <v>2015</v>
      </c>
      <c r="G14065" t="s">
        <v>14</v>
      </c>
      <c r="H14065" t="s">
        <v>124</v>
      </c>
      <c r="I14065" t="s">
        <v>15</v>
      </c>
      <c r="J14065" s="10">
        <v>3.037492758</v>
      </c>
    </row>
    <row r="14066" spans="1:10" x14ac:dyDescent="0.35">
      <c r="A14066" t="s">
        <v>33</v>
      </c>
      <c r="B14066" t="s">
        <v>85</v>
      </c>
      <c r="C14066" t="s">
        <v>117</v>
      </c>
      <c r="D14066" t="s">
        <v>118</v>
      </c>
      <c r="E14066">
        <v>2015</v>
      </c>
      <c r="F14066">
        <v>2015</v>
      </c>
      <c r="G14066" t="s">
        <v>125</v>
      </c>
      <c r="H14066" t="s">
        <v>119</v>
      </c>
      <c r="I14066" t="s">
        <v>15</v>
      </c>
      <c r="J14066" s="10">
        <v>15.72855513</v>
      </c>
    </row>
    <row r="14067" spans="1:10" x14ac:dyDescent="0.35">
      <c r="A14067" t="s">
        <v>33</v>
      </c>
      <c r="B14067" t="s">
        <v>85</v>
      </c>
      <c r="C14067" t="s">
        <v>117</v>
      </c>
      <c r="D14067" t="s">
        <v>118</v>
      </c>
      <c r="E14067">
        <v>2015</v>
      </c>
      <c r="F14067">
        <v>2015</v>
      </c>
      <c r="G14067" t="s">
        <v>125</v>
      </c>
      <c r="H14067" t="s">
        <v>120</v>
      </c>
      <c r="I14067" t="s">
        <v>15</v>
      </c>
      <c r="J14067" s="10">
        <v>10.88450516</v>
      </c>
    </row>
    <row r="14068" spans="1:10" x14ac:dyDescent="0.35">
      <c r="A14068" t="s">
        <v>33</v>
      </c>
      <c r="B14068" t="s">
        <v>85</v>
      </c>
      <c r="C14068" t="s">
        <v>117</v>
      </c>
      <c r="D14068" t="s">
        <v>118</v>
      </c>
      <c r="E14068">
        <v>2015</v>
      </c>
      <c r="F14068">
        <v>2015</v>
      </c>
      <c r="G14068" t="s">
        <v>125</v>
      </c>
      <c r="H14068" t="s">
        <v>121</v>
      </c>
      <c r="I14068" t="s">
        <v>15</v>
      </c>
      <c r="J14068" s="10">
        <v>30.678055700000002</v>
      </c>
    </row>
    <row r="14069" spans="1:10" x14ac:dyDescent="0.35">
      <c r="A14069" t="s">
        <v>33</v>
      </c>
      <c r="B14069" t="s">
        <v>85</v>
      </c>
      <c r="C14069" t="s">
        <v>117</v>
      </c>
      <c r="D14069" t="s">
        <v>118</v>
      </c>
      <c r="E14069">
        <v>2015</v>
      </c>
      <c r="F14069">
        <v>2015</v>
      </c>
      <c r="G14069" t="s">
        <v>125</v>
      </c>
      <c r="H14069" t="s">
        <v>122</v>
      </c>
      <c r="I14069" t="s">
        <v>15</v>
      </c>
      <c r="J14069" s="10">
        <v>21.27097187</v>
      </c>
    </row>
    <row r="14070" spans="1:10" x14ac:dyDescent="0.35">
      <c r="A14070" t="s">
        <v>33</v>
      </c>
      <c r="B14070" t="s">
        <v>85</v>
      </c>
      <c r="C14070" t="s">
        <v>117</v>
      </c>
      <c r="D14070" t="s">
        <v>118</v>
      </c>
      <c r="E14070">
        <v>2015</v>
      </c>
      <c r="F14070">
        <v>2015</v>
      </c>
      <c r="G14070" t="s">
        <v>125</v>
      </c>
      <c r="H14070" t="s">
        <v>123</v>
      </c>
      <c r="I14070" t="s">
        <v>15</v>
      </c>
      <c r="J14070" s="10">
        <v>19.326117799999999</v>
      </c>
    </row>
    <row r="14071" spans="1:10" x14ac:dyDescent="0.35">
      <c r="A14071" t="s">
        <v>33</v>
      </c>
      <c r="B14071" t="s">
        <v>85</v>
      </c>
      <c r="C14071" t="s">
        <v>117</v>
      </c>
      <c r="D14071" t="s">
        <v>118</v>
      </c>
      <c r="E14071">
        <v>2015</v>
      </c>
      <c r="F14071">
        <v>2015</v>
      </c>
      <c r="G14071" t="s">
        <v>125</v>
      </c>
      <c r="H14071" t="s">
        <v>124</v>
      </c>
      <c r="I14071" t="s">
        <v>15</v>
      </c>
      <c r="J14071" s="10">
        <v>2.1117943299999999</v>
      </c>
    </row>
    <row r="14072" spans="1:10" x14ac:dyDescent="0.35">
      <c r="A14072" t="s">
        <v>33</v>
      </c>
      <c r="B14072" t="s">
        <v>85</v>
      </c>
      <c r="C14072" t="s">
        <v>117</v>
      </c>
      <c r="D14072" t="s">
        <v>118</v>
      </c>
      <c r="E14072">
        <v>2015</v>
      </c>
      <c r="F14072">
        <v>2015</v>
      </c>
      <c r="G14072" t="s">
        <v>126</v>
      </c>
      <c r="H14072" t="s">
        <v>119</v>
      </c>
      <c r="I14072" t="s">
        <v>15</v>
      </c>
      <c r="J14072" s="10">
        <v>14.477607860000001</v>
      </c>
    </row>
    <row r="14073" spans="1:10" x14ac:dyDescent="0.35">
      <c r="A14073" t="s">
        <v>33</v>
      </c>
      <c r="B14073" t="s">
        <v>85</v>
      </c>
      <c r="C14073" t="s">
        <v>117</v>
      </c>
      <c r="D14073" t="s">
        <v>118</v>
      </c>
      <c r="E14073">
        <v>2015</v>
      </c>
      <c r="F14073">
        <v>2015</v>
      </c>
      <c r="G14073" t="s">
        <v>126</v>
      </c>
      <c r="H14073" t="s">
        <v>120</v>
      </c>
      <c r="I14073" t="s">
        <v>15</v>
      </c>
      <c r="J14073" s="10">
        <v>9.0881733370000006</v>
      </c>
    </row>
    <row r="14074" spans="1:10" x14ac:dyDescent="0.35">
      <c r="A14074" t="s">
        <v>33</v>
      </c>
      <c r="B14074" t="s">
        <v>85</v>
      </c>
      <c r="C14074" t="s">
        <v>117</v>
      </c>
      <c r="D14074" t="s">
        <v>118</v>
      </c>
      <c r="E14074">
        <v>2015</v>
      </c>
      <c r="F14074">
        <v>2015</v>
      </c>
      <c r="G14074" t="s">
        <v>126</v>
      </c>
      <c r="H14074" t="s">
        <v>121</v>
      </c>
      <c r="I14074" t="s">
        <v>15</v>
      </c>
      <c r="J14074" s="10">
        <v>29.496894919999999</v>
      </c>
    </row>
    <row r="14075" spans="1:10" x14ac:dyDescent="0.35">
      <c r="A14075" t="s">
        <v>33</v>
      </c>
      <c r="B14075" t="s">
        <v>85</v>
      </c>
      <c r="C14075" t="s">
        <v>117</v>
      </c>
      <c r="D14075" t="s">
        <v>118</v>
      </c>
      <c r="E14075">
        <v>2015</v>
      </c>
      <c r="F14075">
        <v>2015</v>
      </c>
      <c r="G14075" t="s">
        <v>126</v>
      </c>
      <c r="H14075" t="s">
        <v>122</v>
      </c>
      <c r="I14075" t="s">
        <v>15</v>
      </c>
      <c r="J14075" s="10">
        <v>21.694525760000001</v>
      </c>
    </row>
    <row r="14076" spans="1:10" x14ac:dyDescent="0.35">
      <c r="A14076" t="s">
        <v>33</v>
      </c>
      <c r="B14076" t="s">
        <v>85</v>
      </c>
      <c r="C14076" t="s">
        <v>117</v>
      </c>
      <c r="D14076" t="s">
        <v>118</v>
      </c>
      <c r="E14076">
        <v>2015</v>
      </c>
      <c r="F14076">
        <v>2015</v>
      </c>
      <c r="G14076" t="s">
        <v>126</v>
      </c>
      <c r="H14076" t="s">
        <v>123</v>
      </c>
      <c r="I14076" t="s">
        <v>15</v>
      </c>
      <c r="J14076" s="10">
        <v>21.29510574</v>
      </c>
    </row>
    <row r="14077" spans="1:10" x14ac:dyDescent="0.35">
      <c r="A14077" t="s">
        <v>33</v>
      </c>
      <c r="B14077" t="s">
        <v>85</v>
      </c>
      <c r="C14077" t="s">
        <v>117</v>
      </c>
      <c r="D14077" t="s">
        <v>118</v>
      </c>
      <c r="E14077">
        <v>2015</v>
      </c>
      <c r="F14077">
        <v>2015</v>
      </c>
      <c r="G14077" t="s">
        <v>126</v>
      </c>
      <c r="H14077" t="s">
        <v>124</v>
      </c>
      <c r="I14077" t="s">
        <v>15</v>
      </c>
      <c r="J14077" s="10">
        <v>3.947692392</v>
      </c>
    </row>
    <row r="14078" spans="1:10" x14ac:dyDescent="0.35">
      <c r="A14078" t="s">
        <v>33</v>
      </c>
      <c r="B14078" t="s">
        <v>85</v>
      </c>
      <c r="C14078" t="s">
        <v>117</v>
      </c>
      <c r="D14078" t="s">
        <v>118</v>
      </c>
      <c r="E14078">
        <v>2014</v>
      </c>
      <c r="F14078">
        <v>2014</v>
      </c>
      <c r="G14078" t="s">
        <v>14</v>
      </c>
      <c r="H14078" t="s">
        <v>119</v>
      </c>
      <c r="I14078" t="s">
        <v>15</v>
      </c>
      <c r="J14078" s="10">
        <v>15.11397217</v>
      </c>
    </row>
    <row r="14079" spans="1:10" x14ac:dyDescent="0.35">
      <c r="A14079" t="s">
        <v>33</v>
      </c>
      <c r="B14079" t="s">
        <v>85</v>
      </c>
      <c r="C14079" t="s">
        <v>117</v>
      </c>
      <c r="D14079" t="s">
        <v>118</v>
      </c>
      <c r="E14079">
        <v>2014</v>
      </c>
      <c r="F14079">
        <v>2014</v>
      </c>
      <c r="G14079" t="s">
        <v>14</v>
      </c>
      <c r="H14079" t="s">
        <v>120</v>
      </c>
      <c r="I14079" t="s">
        <v>15</v>
      </c>
      <c r="J14079" s="10">
        <v>10.0681197</v>
      </c>
    </row>
    <row r="14080" spans="1:10" x14ac:dyDescent="0.35">
      <c r="A14080" t="s">
        <v>33</v>
      </c>
      <c r="B14080" t="s">
        <v>85</v>
      </c>
      <c r="C14080" t="s">
        <v>117</v>
      </c>
      <c r="D14080" t="s">
        <v>118</v>
      </c>
      <c r="E14080">
        <v>2014</v>
      </c>
      <c r="F14080">
        <v>2014</v>
      </c>
      <c r="G14080" t="s">
        <v>14</v>
      </c>
      <c r="H14080" t="s">
        <v>121</v>
      </c>
      <c r="I14080" t="s">
        <v>15</v>
      </c>
      <c r="J14080" s="10">
        <v>30.562299700000001</v>
      </c>
    </row>
    <row r="14081" spans="1:10" x14ac:dyDescent="0.35">
      <c r="A14081" t="s">
        <v>33</v>
      </c>
      <c r="B14081" t="s">
        <v>85</v>
      </c>
      <c r="C14081" t="s">
        <v>117</v>
      </c>
      <c r="D14081" t="s">
        <v>118</v>
      </c>
      <c r="E14081">
        <v>2014</v>
      </c>
      <c r="F14081">
        <v>2014</v>
      </c>
      <c r="G14081" t="s">
        <v>14</v>
      </c>
      <c r="H14081" t="s">
        <v>122</v>
      </c>
      <c r="I14081" t="s">
        <v>15</v>
      </c>
      <c r="J14081" s="10">
        <v>21.307176850000001</v>
      </c>
    </row>
    <row r="14082" spans="1:10" x14ac:dyDescent="0.35">
      <c r="A14082" t="s">
        <v>33</v>
      </c>
      <c r="B14082" t="s">
        <v>85</v>
      </c>
      <c r="C14082" t="s">
        <v>117</v>
      </c>
      <c r="D14082" t="s">
        <v>118</v>
      </c>
      <c r="E14082">
        <v>2014</v>
      </c>
      <c r="F14082">
        <v>2014</v>
      </c>
      <c r="G14082" t="s">
        <v>14</v>
      </c>
      <c r="H14082" t="s">
        <v>123</v>
      </c>
      <c r="I14082" t="s">
        <v>15</v>
      </c>
      <c r="J14082" s="10">
        <v>19.954494369999999</v>
      </c>
    </row>
    <row r="14083" spans="1:10" x14ac:dyDescent="0.35">
      <c r="A14083" t="s">
        <v>33</v>
      </c>
      <c r="B14083" t="s">
        <v>85</v>
      </c>
      <c r="C14083" t="s">
        <v>117</v>
      </c>
      <c r="D14083" t="s">
        <v>118</v>
      </c>
      <c r="E14083">
        <v>2014</v>
      </c>
      <c r="F14083">
        <v>2014</v>
      </c>
      <c r="G14083" t="s">
        <v>14</v>
      </c>
      <c r="H14083" t="s">
        <v>124</v>
      </c>
      <c r="I14083" t="s">
        <v>15</v>
      </c>
      <c r="J14083" s="10">
        <v>2.9939372080000002</v>
      </c>
    </row>
    <row r="14084" spans="1:10" x14ac:dyDescent="0.35">
      <c r="A14084" t="s">
        <v>33</v>
      </c>
      <c r="B14084" t="s">
        <v>85</v>
      </c>
      <c r="C14084" t="s">
        <v>117</v>
      </c>
      <c r="D14084" t="s">
        <v>118</v>
      </c>
      <c r="E14084">
        <v>2014</v>
      </c>
      <c r="F14084">
        <v>2014</v>
      </c>
      <c r="G14084" t="s">
        <v>125</v>
      </c>
      <c r="H14084" t="s">
        <v>119</v>
      </c>
      <c r="I14084" t="s">
        <v>15</v>
      </c>
      <c r="J14084" s="10">
        <v>15.81073121</v>
      </c>
    </row>
    <row r="14085" spans="1:10" x14ac:dyDescent="0.35">
      <c r="A14085" t="s">
        <v>33</v>
      </c>
      <c r="B14085" t="s">
        <v>85</v>
      </c>
      <c r="C14085" t="s">
        <v>117</v>
      </c>
      <c r="D14085" t="s">
        <v>118</v>
      </c>
      <c r="E14085">
        <v>2014</v>
      </c>
      <c r="F14085">
        <v>2014</v>
      </c>
      <c r="G14085" t="s">
        <v>125</v>
      </c>
      <c r="H14085" t="s">
        <v>120</v>
      </c>
      <c r="I14085" t="s">
        <v>15</v>
      </c>
      <c r="J14085" s="10">
        <v>10.9107228</v>
      </c>
    </row>
    <row r="14086" spans="1:10" x14ac:dyDescent="0.35">
      <c r="A14086" t="s">
        <v>33</v>
      </c>
      <c r="B14086" t="s">
        <v>85</v>
      </c>
      <c r="C14086" t="s">
        <v>117</v>
      </c>
      <c r="D14086" t="s">
        <v>118</v>
      </c>
      <c r="E14086">
        <v>2014</v>
      </c>
      <c r="F14086">
        <v>2014</v>
      </c>
      <c r="G14086" t="s">
        <v>125</v>
      </c>
      <c r="H14086" t="s">
        <v>121</v>
      </c>
      <c r="I14086" t="s">
        <v>15</v>
      </c>
      <c r="J14086" s="10">
        <v>31.172692340000001</v>
      </c>
    </row>
    <row r="14087" spans="1:10" x14ac:dyDescent="0.35">
      <c r="A14087" t="s">
        <v>33</v>
      </c>
      <c r="B14087" t="s">
        <v>85</v>
      </c>
      <c r="C14087" t="s">
        <v>117</v>
      </c>
      <c r="D14087" t="s">
        <v>118</v>
      </c>
      <c r="E14087">
        <v>2014</v>
      </c>
      <c r="F14087">
        <v>2014</v>
      </c>
      <c r="G14087" t="s">
        <v>125</v>
      </c>
      <c r="H14087" t="s">
        <v>122</v>
      </c>
      <c r="I14087" t="s">
        <v>15</v>
      </c>
      <c r="J14087" s="10">
        <v>21.224020419999999</v>
      </c>
    </row>
    <row r="14088" spans="1:10" x14ac:dyDescent="0.35">
      <c r="A14088" t="s">
        <v>33</v>
      </c>
      <c r="B14088" t="s">
        <v>85</v>
      </c>
      <c r="C14088" t="s">
        <v>117</v>
      </c>
      <c r="D14088" t="s">
        <v>118</v>
      </c>
      <c r="E14088">
        <v>2014</v>
      </c>
      <c r="F14088">
        <v>2014</v>
      </c>
      <c r="G14088" t="s">
        <v>125</v>
      </c>
      <c r="H14088" t="s">
        <v>123</v>
      </c>
      <c r="I14088" t="s">
        <v>15</v>
      </c>
      <c r="J14088" s="10">
        <v>18.879196700000001</v>
      </c>
    </row>
    <row r="14089" spans="1:10" x14ac:dyDescent="0.35">
      <c r="A14089" t="s">
        <v>33</v>
      </c>
      <c r="B14089" t="s">
        <v>85</v>
      </c>
      <c r="C14089" t="s">
        <v>117</v>
      </c>
      <c r="D14089" t="s">
        <v>118</v>
      </c>
      <c r="E14089">
        <v>2014</v>
      </c>
      <c r="F14089">
        <v>2014</v>
      </c>
      <c r="G14089" t="s">
        <v>125</v>
      </c>
      <c r="H14089" t="s">
        <v>124</v>
      </c>
      <c r="I14089" t="s">
        <v>15</v>
      </c>
      <c r="J14089" s="10">
        <v>2.0026365240000001</v>
      </c>
    </row>
    <row r="14090" spans="1:10" x14ac:dyDescent="0.35">
      <c r="A14090" t="s">
        <v>33</v>
      </c>
      <c r="B14090" t="s">
        <v>85</v>
      </c>
      <c r="C14090" t="s">
        <v>117</v>
      </c>
      <c r="D14090" t="s">
        <v>118</v>
      </c>
      <c r="E14090">
        <v>2014</v>
      </c>
      <c r="F14090">
        <v>2014</v>
      </c>
      <c r="G14090" t="s">
        <v>126</v>
      </c>
      <c r="H14090" t="s">
        <v>119</v>
      </c>
      <c r="I14090" t="s">
        <v>15</v>
      </c>
      <c r="J14090" s="10">
        <v>14.43199912</v>
      </c>
    </row>
    <row r="14091" spans="1:10" x14ac:dyDescent="0.35">
      <c r="A14091" t="s">
        <v>33</v>
      </c>
      <c r="B14091" t="s">
        <v>85</v>
      </c>
      <c r="C14091" t="s">
        <v>117</v>
      </c>
      <c r="D14091" t="s">
        <v>118</v>
      </c>
      <c r="E14091">
        <v>2014</v>
      </c>
      <c r="F14091">
        <v>2014</v>
      </c>
      <c r="G14091" t="s">
        <v>126</v>
      </c>
      <c r="H14091" t="s">
        <v>120</v>
      </c>
      <c r="I14091" t="s">
        <v>15</v>
      </c>
      <c r="J14091" s="10">
        <v>9.2433975729999993</v>
      </c>
    </row>
    <row r="14092" spans="1:10" x14ac:dyDescent="0.35">
      <c r="A14092" t="s">
        <v>33</v>
      </c>
      <c r="B14092" t="s">
        <v>85</v>
      </c>
      <c r="C14092" t="s">
        <v>117</v>
      </c>
      <c r="D14092" t="s">
        <v>118</v>
      </c>
      <c r="E14092">
        <v>2014</v>
      </c>
      <c r="F14092">
        <v>2014</v>
      </c>
      <c r="G14092" t="s">
        <v>126</v>
      </c>
      <c r="H14092" t="s">
        <v>121</v>
      </c>
      <c r="I14092" t="s">
        <v>15</v>
      </c>
      <c r="J14092" s="10">
        <v>29.964860259999998</v>
      </c>
    </row>
    <row r="14093" spans="1:10" x14ac:dyDescent="0.35">
      <c r="A14093" t="s">
        <v>33</v>
      </c>
      <c r="B14093" t="s">
        <v>85</v>
      </c>
      <c r="C14093" t="s">
        <v>117</v>
      </c>
      <c r="D14093" t="s">
        <v>118</v>
      </c>
      <c r="E14093">
        <v>2014</v>
      </c>
      <c r="F14093">
        <v>2014</v>
      </c>
      <c r="G14093" t="s">
        <v>126</v>
      </c>
      <c r="H14093" t="s">
        <v>122</v>
      </c>
      <c r="I14093" t="s">
        <v>15</v>
      </c>
      <c r="J14093" s="10">
        <v>21.388568599999999</v>
      </c>
    </row>
    <row r="14094" spans="1:10" x14ac:dyDescent="0.35">
      <c r="A14094" t="s">
        <v>33</v>
      </c>
      <c r="B14094" t="s">
        <v>85</v>
      </c>
      <c r="C14094" t="s">
        <v>117</v>
      </c>
      <c r="D14094" t="s">
        <v>118</v>
      </c>
      <c r="E14094">
        <v>2014</v>
      </c>
      <c r="F14094">
        <v>2014</v>
      </c>
      <c r="G14094" t="s">
        <v>126</v>
      </c>
      <c r="H14094" t="s">
        <v>123</v>
      </c>
      <c r="I14094" t="s">
        <v>15</v>
      </c>
      <c r="J14094" s="10">
        <v>21.006973039999998</v>
      </c>
    </row>
    <row r="14095" spans="1:10" x14ac:dyDescent="0.35">
      <c r="A14095" t="s">
        <v>33</v>
      </c>
      <c r="B14095" t="s">
        <v>85</v>
      </c>
      <c r="C14095" t="s">
        <v>117</v>
      </c>
      <c r="D14095" t="s">
        <v>118</v>
      </c>
      <c r="E14095">
        <v>2014</v>
      </c>
      <c r="F14095">
        <v>2014</v>
      </c>
      <c r="G14095" t="s">
        <v>126</v>
      </c>
      <c r="H14095" t="s">
        <v>124</v>
      </c>
      <c r="I14095" t="s">
        <v>15</v>
      </c>
      <c r="J14095" s="10">
        <v>3.9642013949999999</v>
      </c>
    </row>
    <row r="14096" spans="1:10" x14ac:dyDescent="0.35">
      <c r="A14096" t="s">
        <v>33</v>
      </c>
      <c r="B14096" t="s">
        <v>85</v>
      </c>
      <c r="C14096" t="s">
        <v>117</v>
      </c>
      <c r="D14096" t="s">
        <v>118</v>
      </c>
      <c r="E14096">
        <v>2013</v>
      </c>
      <c r="F14096">
        <v>2013</v>
      </c>
      <c r="G14096" t="s">
        <v>14</v>
      </c>
      <c r="H14096" t="s">
        <v>119</v>
      </c>
      <c r="I14096" t="s">
        <v>15</v>
      </c>
      <c r="J14096" s="10">
        <v>15.39119822</v>
      </c>
    </row>
    <row r="14097" spans="1:10" x14ac:dyDescent="0.35">
      <c r="A14097" t="s">
        <v>33</v>
      </c>
      <c r="B14097" t="s">
        <v>85</v>
      </c>
      <c r="C14097" t="s">
        <v>117</v>
      </c>
      <c r="D14097" t="s">
        <v>118</v>
      </c>
      <c r="E14097">
        <v>2013</v>
      </c>
      <c r="F14097">
        <v>2013</v>
      </c>
      <c r="G14097" t="s">
        <v>14</v>
      </c>
      <c r="H14097" t="s">
        <v>120</v>
      </c>
      <c r="I14097" t="s">
        <v>15</v>
      </c>
      <c r="J14097" s="10">
        <v>9.7066539469999995</v>
      </c>
    </row>
    <row r="14098" spans="1:10" x14ac:dyDescent="0.35">
      <c r="A14098" t="s">
        <v>33</v>
      </c>
      <c r="B14098" t="s">
        <v>85</v>
      </c>
      <c r="C14098" t="s">
        <v>117</v>
      </c>
      <c r="D14098" t="s">
        <v>118</v>
      </c>
      <c r="E14098">
        <v>2013</v>
      </c>
      <c r="F14098">
        <v>2013</v>
      </c>
      <c r="G14098" t="s">
        <v>14</v>
      </c>
      <c r="H14098" t="s">
        <v>121</v>
      </c>
      <c r="I14098" t="s">
        <v>15</v>
      </c>
      <c r="J14098" s="10">
        <v>30.86516744</v>
      </c>
    </row>
    <row r="14099" spans="1:10" x14ac:dyDescent="0.35">
      <c r="A14099" t="s">
        <v>33</v>
      </c>
      <c r="B14099" t="s">
        <v>85</v>
      </c>
      <c r="C14099" t="s">
        <v>117</v>
      </c>
      <c r="D14099" t="s">
        <v>118</v>
      </c>
      <c r="E14099">
        <v>2013</v>
      </c>
      <c r="F14099">
        <v>2013</v>
      </c>
      <c r="G14099" t="s">
        <v>14</v>
      </c>
      <c r="H14099" t="s">
        <v>122</v>
      </c>
      <c r="I14099" t="s">
        <v>15</v>
      </c>
      <c r="J14099" s="10">
        <v>21.395603319999999</v>
      </c>
    </row>
    <row r="14100" spans="1:10" x14ac:dyDescent="0.35">
      <c r="A14100" t="s">
        <v>33</v>
      </c>
      <c r="B14100" t="s">
        <v>85</v>
      </c>
      <c r="C14100" t="s">
        <v>117</v>
      </c>
      <c r="D14100" t="s">
        <v>118</v>
      </c>
      <c r="E14100">
        <v>2013</v>
      </c>
      <c r="F14100">
        <v>2013</v>
      </c>
      <c r="G14100" t="s">
        <v>14</v>
      </c>
      <c r="H14100" t="s">
        <v>123</v>
      </c>
      <c r="I14100" t="s">
        <v>15</v>
      </c>
      <c r="J14100" s="10">
        <v>19.74579481</v>
      </c>
    </row>
    <row r="14101" spans="1:10" x14ac:dyDescent="0.35">
      <c r="A14101" t="s">
        <v>33</v>
      </c>
      <c r="B14101" t="s">
        <v>85</v>
      </c>
      <c r="C14101" t="s">
        <v>117</v>
      </c>
      <c r="D14101" t="s">
        <v>118</v>
      </c>
      <c r="E14101">
        <v>2013</v>
      </c>
      <c r="F14101">
        <v>2013</v>
      </c>
      <c r="G14101" t="s">
        <v>14</v>
      </c>
      <c r="H14101" t="s">
        <v>124</v>
      </c>
      <c r="I14101" t="s">
        <v>15</v>
      </c>
      <c r="J14101" s="10">
        <v>2.895582273</v>
      </c>
    </row>
    <row r="14102" spans="1:10" x14ac:dyDescent="0.35">
      <c r="A14102" t="s">
        <v>33</v>
      </c>
      <c r="B14102" t="s">
        <v>85</v>
      </c>
      <c r="C14102" t="s">
        <v>117</v>
      </c>
      <c r="D14102" t="s">
        <v>118</v>
      </c>
      <c r="E14102">
        <v>2013</v>
      </c>
      <c r="F14102">
        <v>2013</v>
      </c>
      <c r="G14102" t="s">
        <v>125</v>
      </c>
      <c r="H14102" t="s">
        <v>119</v>
      </c>
      <c r="I14102" t="s">
        <v>15</v>
      </c>
      <c r="J14102" s="10">
        <v>16.091497329999999</v>
      </c>
    </row>
    <row r="14103" spans="1:10" x14ac:dyDescent="0.35">
      <c r="A14103" t="s">
        <v>33</v>
      </c>
      <c r="B14103" t="s">
        <v>85</v>
      </c>
      <c r="C14103" t="s">
        <v>117</v>
      </c>
      <c r="D14103" t="s">
        <v>118</v>
      </c>
      <c r="E14103">
        <v>2013</v>
      </c>
      <c r="F14103">
        <v>2013</v>
      </c>
      <c r="G14103" t="s">
        <v>125</v>
      </c>
      <c r="H14103" t="s">
        <v>120</v>
      </c>
      <c r="I14103" t="s">
        <v>15</v>
      </c>
      <c r="J14103" s="10">
        <v>10.599954589999999</v>
      </c>
    </row>
    <row r="14104" spans="1:10" x14ac:dyDescent="0.35">
      <c r="A14104" t="s">
        <v>33</v>
      </c>
      <c r="B14104" t="s">
        <v>85</v>
      </c>
      <c r="C14104" t="s">
        <v>117</v>
      </c>
      <c r="D14104" t="s">
        <v>118</v>
      </c>
      <c r="E14104">
        <v>2013</v>
      </c>
      <c r="F14104">
        <v>2013</v>
      </c>
      <c r="G14104" t="s">
        <v>125</v>
      </c>
      <c r="H14104" t="s">
        <v>121</v>
      </c>
      <c r="I14104" t="s">
        <v>15</v>
      </c>
      <c r="J14104" s="10">
        <v>31.52173913</v>
      </c>
    </row>
    <row r="14105" spans="1:10" x14ac:dyDescent="0.35">
      <c r="A14105" t="s">
        <v>33</v>
      </c>
      <c r="B14105" t="s">
        <v>85</v>
      </c>
      <c r="C14105" t="s">
        <v>117</v>
      </c>
      <c r="D14105" t="s">
        <v>118</v>
      </c>
      <c r="E14105">
        <v>2013</v>
      </c>
      <c r="F14105">
        <v>2013</v>
      </c>
      <c r="G14105" t="s">
        <v>125</v>
      </c>
      <c r="H14105" t="s">
        <v>122</v>
      </c>
      <c r="I14105" t="s">
        <v>15</v>
      </c>
      <c r="J14105" s="10">
        <v>21.259507320000001</v>
      </c>
    </row>
    <row r="14106" spans="1:10" x14ac:dyDescent="0.35">
      <c r="A14106" t="s">
        <v>33</v>
      </c>
      <c r="B14106" t="s">
        <v>85</v>
      </c>
      <c r="C14106" t="s">
        <v>117</v>
      </c>
      <c r="D14106" t="s">
        <v>118</v>
      </c>
      <c r="E14106">
        <v>2013</v>
      </c>
      <c r="F14106">
        <v>2013</v>
      </c>
      <c r="G14106" t="s">
        <v>125</v>
      </c>
      <c r="H14106" t="s">
        <v>123</v>
      </c>
      <c r="I14106" t="s">
        <v>15</v>
      </c>
      <c r="J14106" s="10">
        <v>18.56907708</v>
      </c>
    </row>
    <row r="14107" spans="1:10" x14ac:dyDescent="0.35">
      <c r="A14107" t="s">
        <v>33</v>
      </c>
      <c r="B14107" t="s">
        <v>85</v>
      </c>
      <c r="C14107" t="s">
        <v>117</v>
      </c>
      <c r="D14107" t="s">
        <v>118</v>
      </c>
      <c r="E14107">
        <v>2013</v>
      </c>
      <c r="F14107">
        <v>2013</v>
      </c>
      <c r="G14107" t="s">
        <v>125</v>
      </c>
      <c r="H14107" t="s">
        <v>124</v>
      </c>
      <c r="I14107" t="s">
        <v>15</v>
      </c>
      <c r="J14107" s="10">
        <v>1.958224543</v>
      </c>
    </row>
    <row r="14108" spans="1:10" x14ac:dyDescent="0.35">
      <c r="A14108" t="s">
        <v>33</v>
      </c>
      <c r="B14108" t="s">
        <v>85</v>
      </c>
      <c r="C14108" t="s">
        <v>117</v>
      </c>
      <c r="D14108" t="s">
        <v>118</v>
      </c>
      <c r="E14108">
        <v>2013</v>
      </c>
      <c r="F14108">
        <v>2013</v>
      </c>
      <c r="G14108" t="s">
        <v>126</v>
      </c>
      <c r="H14108" t="s">
        <v>119</v>
      </c>
      <c r="I14108" t="s">
        <v>15</v>
      </c>
      <c r="J14108" s="10">
        <v>14.70661673</v>
      </c>
    </row>
    <row r="14109" spans="1:10" x14ac:dyDescent="0.35">
      <c r="A14109" t="s">
        <v>33</v>
      </c>
      <c r="B14109" t="s">
        <v>85</v>
      </c>
      <c r="C14109" t="s">
        <v>117</v>
      </c>
      <c r="D14109" t="s">
        <v>118</v>
      </c>
      <c r="E14109">
        <v>2013</v>
      </c>
      <c r="F14109">
        <v>2013</v>
      </c>
      <c r="G14109" t="s">
        <v>126</v>
      </c>
      <c r="H14109" t="s">
        <v>120</v>
      </c>
      <c r="I14109" t="s">
        <v>15</v>
      </c>
      <c r="J14109" s="10">
        <v>8.8334026909999999</v>
      </c>
    </row>
    <row r="14110" spans="1:10" x14ac:dyDescent="0.35">
      <c r="A14110" t="s">
        <v>33</v>
      </c>
      <c r="B14110" t="s">
        <v>85</v>
      </c>
      <c r="C14110" t="s">
        <v>117</v>
      </c>
      <c r="D14110" t="s">
        <v>118</v>
      </c>
      <c r="E14110">
        <v>2013</v>
      </c>
      <c r="F14110">
        <v>2013</v>
      </c>
      <c r="G14110" t="s">
        <v>126</v>
      </c>
      <c r="H14110" t="s">
        <v>121</v>
      </c>
      <c r="I14110" t="s">
        <v>15</v>
      </c>
      <c r="J14110" s="10">
        <v>30.223331949999999</v>
      </c>
    </row>
    <row r="14111" spans="1:10" x14ac:dyDescent="0.35">
      <c r="A14111" t="s">
        <v>33</v>
      </c>
      <c r="B14111" t="s">
        <v>85</v>
      </c>
      <c r="C14111" t="s">
        <v>117</v>
      </c>
      <c r="D14111" t="s">
        <v>118</v>
      </c>
      <c r="E14111">
        <v>2013</v>
      </c>
      <c r="F14111">
        <v>2013</v>
      </c>
      <c r="G14111" t="s">
        <v>126</v>
      </c>
      <c r="H14111" t="s">
        <v>122</v>
      </c>
      <c r="I14111" t="s">
        <v>15</v>
      </c>
      <c r="J14111" s="10">
        <v>21.528644750000002</v>
      </c>
    </row>
    <row r="14112" spans="1:10" x14ac:dyDescent="0.35">
      <c r="A14112" t="s">
        <v>33</v>
      </c>
      <c r="B14112" t="s">
        <v>85</v>
      </c>
      <c r="C14112" t="s">
        <v>117</v>
      </c>
      <c r="D14112" t="s">
        <v>118</v>
      </c>
      <c r="E14112">
        <v>2013</v>
      </c>
      <c r="F14112">
        <v>2013</v>
      </c>
      <c r="G14112" t="s">
        <v>126</v>
      </c>
      <c r="H14112" t="s">
        <v>123</v>
      </c>
      <c r="I14112" t="s">
        <v>15</v>
      </c>
      <c r="J14112" s="10">
        <v>20.896102089999999</v>
      </c>
    </row>
    <row r="14113" spans="1:10" x14ac:dyDescent="0.35">
      <c r="A14113" t="s">
        <v>33</v>
      </c>
      <c r="B14113" t="s">
        <v>85</v>
      </c>
      <c r="C14113" t="s">
        <v>117</v>
      </c>
      <c r="D14113" t="s">
        <v>118</v>
      </c>
      <c r="E14113">
        <v>2013</v>
      </c>
      <c r="F14113">
        <v>2013</v>
      </c>
      <c r="G14113" t="s">
        <v>126</v>
      </c>
      <c r="H14113" t="s">
        <v>124</v>
      </c>
      <c r="I14113" t="s">
        <v>15</v>
      </c>
      <c r="J14113" s="10">
        <v>3.8119017890000002</v>
      </c>
    </row>
    <row r="14114" spans="1:10" x14ac:dyDescent="0.35">
      <c r="A14114" t="s">
        <v>33</v>
      </c>
      <c r="B14114" t="s">
        <v>85</v>
      </c>
      <c r="C14114" t="s">
        <v>117</v>
      </c>
      <c r="D14114" t="s">
        <v>118</v>
      </c>
      <c r="E14114">
        <v>2012</v>
      </c>
      <c r="F14114">
        <v>2012</v>
      </c>
      <c r="G14114" t="s">
        <v>14</v>
      </c>
      <c r="H14114" t="s">
        <v>119</v>
      </c>
      <c r="I14114" t="s">
        <v>15</v>
      </c>
      <c r="J14114" s="10">
        <v>15.58185128</v>
      </c>
    </row>
    <row r="14115" spans="1:10" x14ac:dyDescent="0.35">
      <c r="A14115" t="s">
        <v>33</v>
      </c>
      <c r="B14115" t="s">
        <v>85</v>
      </c>
      <c r="C14115" t="s">
        <v>117</v>
      </c>
      <c r="D14115" t="s">
        <v>118</v>
      </c>
      <c r="E14115">
        <v>2012</v>
      </c>
      <c r="F14115">
        <v>2012</v>
      </c>
      <c r="G14115" t="s">
        <v>14</v>
      </c>
      <c r="H14115" t="s">
        <v>120</v>
      </c>
      <c r="I14115" t="s">
        <v>15</v>
      </c>
      <c r="J14115" s="10">
        <v>9.7787424729999994</v>
      </c>
    </row>
    <row r="14116" spans="1:10" x14ac:dyDescent="0.35">
      <c r="A14116" t="s">
        <v>33</v>
      </c>
      <c r="B14116" t="s">
        <v>85</v>
      </c>
      <c r="C14116" t="s">
        <v>117</v>
      </c>
      <c r="D14116" t="s">
        <v>118</v>
      </c>
      <c r="E14116">
        <v>2012</v>
      </c>
      <c r="F14116">
        <v>2012</v>
      </c>
      <c r="G14116" t="s">
        <v>14</v>
      </c>
      <c r="H14116" t="s">
        <v>121</v>
      </c>
      <c r="I14116" t="s">
        <v>15</v>
      </c>
      <c r="J14116" s="10">
        <v>31.356952809999999</v>
      </c>
    </row>
    <row r="14117" spans="1:10" x14ac:dyDescent="0.35">
      <c r="A14117" t="s">
        <v>33</v>
      </c>
      <c r="B14117" t="s">
        <v>85</v>
      </c>
      <c r="C14117" t="s">
        <v>117</v>
      </c>
      <c r="D14117" t="s">
        <v>118</v>
      </c>
      <c r="E14117">
        <v>2012</v>
      </c>
      <c r="F14117">
        <v>2012</v>
      </c>
      <c r="G14117" t="s">
        <v>14</v>
      </c>
      <c r="H14117" t="s">
        <v>122</v>
      </c>
      <c r="I14117" t="s">
        <v>15</v>
      </c>
      <c r="J14117" s="10">
        <v>21.138496010000001</v>
      </c>
    </row>
    <row r="14118" spans="1:10" x14ac:dyDescent="0.35">
      <c r="A14118" t="s">
        <v>33</v>
      </c>
      <c r="B14118" t="s">
        <v>85</v>
      </c>
      <c r="C14118" t="s">
        <v>117</v>
      </c>
      <c r="D14118" t="s">
        <v>118</v>
      </c>
      <c r="E14118">
        <v>2012</v>
      </c>
      <c r="F14118">
        <v>2012</v>
      </c>
      <c r="G14118" t="s">
        <v>14</v>
      </c>
      <c r="H14118" t="s">
        <v>123</v>
      </c>
      <c r="I14118" t="s">
        <v>15</v>
      </c>
      <c r="J14118" s="10">
        <v>19.236801570000001</v>
      </c>
    </row>
    <row r="14119" spans="1:10" x14ac:dyDescent="0.35">
      <c r="A14119" t="s">
        <v>33</v>
      </c>
      <c r="B14119" t="s">
        <v>85</v>
      </c>
      <c r="C14119" t="s">
        <v>117</v>
      </c>
      <c r="D14119" t="s">
        <v>118</v>
      </c>
      <c r="E14119">
        <v>2012</v>
      </c>
      <c r="F14119">
        <v>2012</v>
      </c>
      <c r="G14119" t="s">
        <v>14</v>
      </c>
      <c r="H14119" t="s">
        <v>124</v>
      </c>
      <c r="I14119" t="s">
        <v>15</v>
      </c>
      <c r="J14119" s="10">
        <v>2.9071558610000001</v>
      </c>
    </row>
    <row r="14120" spans="1:10" x14ac:dyDescent="0.35">
      <c r="A14120" t="s">
        <v>33</v>
      </c>
      <c r="B14120" t="s">
        <v>85</v>
      </c>
      <c r="C14120" t="s">
        <v>117</v>
      </c>
      <c r="D14120" t="s">
        <v>118</v>
      </c>
      <c r="E14120">
        <v>2012</v>
      </c>
      <c r="F14120">
        <v>2012</v>
      </c>
      <c r="G14120" t="s">
        <v>125</v>
      </c>
      <c r="H14120" t="s">
        <v>119</v>
      </c>
      <c r="I14120" t="s">
        <v>15</v>
      </c>
      <c r="J14120" s="10">
        <v>16.268335499999999</v>
      </c>
    </row>
    <row r="14121" spans="1:10" x14ac:dyDescent="0.35">
      <c r="A14121" t="s">
        <v>33</v>
      </c>
      <c r="B14121" t="s">
        <v>85</v>
      </c>
      <c r="C14121" t="s">
        <v>117</v>
      </c>
      <c r="D14121" t="s">
        <v>118</v>
      </c>
      <c r="E14121">
        <v>2012</v>
      </c>
      <c r="F14121">
        <v>2012</v>
      </c>
      <c r="G14121" t="s">
        <v>125</v>
      </c>
      <c r="H14121" t="s">
        <v>120</v>
      </c>
      <c r="I14121" t="s">
        <v>15</v>
      </c>
      <c r="J14121" s="10">
        <v>10.67565272</v>
      </c>
    </row>
    <row r="14122" spans="1:10" x14ac:dyDescent="0.35">
      <c r="A14122" t="s">
        <v>33</v>
      </c>
      <c r="B14122" t="s">
        <v>85</v>
      </c>
      <c r="C14122" t="s">
        <v>117</v>
      </c>
      <c r="D14122" t="s">
        <v>118</v>
      </c>
      <c r="E14122">
        <v>2012</v>
      </c>
      <c r="F14122">
        <v>2012</v>
      </c>
      <c r="G14122" t="s">
        <v>125</v>
      </c>
      <c r="H14122" t="s">
        <v>121</v>
      </c>
      <c r="I14122" t="s">
        <v>15</v>
      </c>
      <c r="J14122" s="10">
        <v>32.086424649999998</v>
      </c>
    </row>
    <row r="14123" spans="1:10" x14ac:dyDescent="0.35">
      <c r="A14123" t="s">
        <v>33</v>
      </c>
      <c r="B14123" t="s">
        <v>85</v>
      </c>
      <c r="C14123" t="s">
        <v>117</v>
      </c>
      <c r="D14123" t="s">
        <v>118</v>
      </c>
      <c r="E14123">
        <v>2012</v>
      </c>
      <c r="F14123">
        <v>2012</v>
      </c>
      <c r="G14123" t="s">
        <v>125</v>
      </c>
      <c r="H14123" t="s">
        <v>122</v>
      </c>
      <c r="I14123" t="s">
        <v>15</v>
      </c>
      <c r="J14123" s="10">
        <v>21.04547771</v>
      </c>
    </row>
    <row r="14124" spans="1:10" x14ac:dyDescent="0.35">
      <c r="A14124" t="s">
        <v>33</v>
      </c>
      <c r="B14124" t="s">
        <v>85</v>
      </c>
      <c r="C14124" t="s">
        <v>117</v>
      </c>
      <c r="D14124" t="s">
        <v>118</v>
      </c>
      <c r="E14124">
        <v>2012</v>
      </c>
      <c r="F14124">
        <v>2012</v>
      </c>
      <c r="G14124" t="s">
        <v>125</v>
      </c>
      <c r="H14124" t="s">
        <v>123</v>
      </c>
      <c r="I14124" t="s">
        <v>15</v>
      </c>
      <c r="J14124" s="10">
        <v>18.007022710000001</v>
      </c>
    </row>
    <row r="14125" spans="1:10" x14ac:dyDescent="0.35">
      <c r="A14125" t="s">
        <v>33</v>
      </c>
      <c r="B14125" t="s">
        <v>85</v>
      </c>
      <c r="C14125" t="s">
        <v>117</v>
      </c>
      <c r="D14125" t="s">
        <v>118</v>
      </c>
      <c r="E14125">
        <v>2012</v>
      </c>
      <c r="F14125">
        <v>2012</v>
      </c>
      <c r="G14125" t="s">
        <v>125</v>
      </c>
      <c r="H14125" t="s">
        <v>124</v>
      </c>
      <c r="I14125" t="s">
        <v>15</v>
      </c>
      <c r="J14125" s="10">
        <v>1.917086708</v>
      </c>
    </row>
    <row r="14126" spans="1:10" x14ac:dyDescent="0.35">
      <c r="A14126" t="s">
        <v>33</v>
      </c>
      <c r="B14126" t="s">
        <v>85</v>
      </c>
      <c r="C14126" t="s">
        <v>117</v>
      </c>
      <c r="D14126" t="s">
        <v>118</v>
      </c>
      <c r="E14126">
        <v>2012</v>
      </c>
      <c r="F14126">
        <v>2012</v>
      </c>
      <c r="G14126" t="s">
        <v>126</v>
      </c>
      <c r="H14126" t="s">
        <v>119</v>
      </c>
      <c r="I14126" t="s">
        <v>15</v>
      </c>
      <c r="J14126" s="10">
        <v>14.91023936</v>
      </c>
    </row>
    <row r="14127" spans="1:10" x14ac:dyDescent="0.35">
      <c r="A14127" t="s">
        <v>33</v>
      </c>
      <c r="B14127" t="s">
        <v>85</v>
      </c>
      <c r="C14127" t="s">
        <v>117</v>
      </c>
      <c r="D14127" t="s">
        <v>118</v>
      </c>
      <c r="E14127">
        <v>2012</v>
      </c>
      <c r="F14127">
        <v>2012</v>
      </c>
      <c r="G14127" t="s">
        <v>126</v>
      </c>
      <c r="H14127" t="s">
        <v>120</v>
      </c>
      <c r="I14127" t="s">
        <v>15</v>
      </c>
      <c r="J14127" s="10">
        <v>8.9012632979999999</v>
      </c>
    </row>
    <row r="14128" spans="1:10" x14ac:dyDescent="0.35">
      <c r="A14128" t="s">
        <v>33</v>
      </c>
      <c r="B14128" t="s">
        <v>85</v>
      </c>
      <c r="C14128" t="s">
        <v>117</v>
      </c>
      <c r="D14128" t="s">
        <v>118</v>
      </c>
      <c r="E14128">
        <v>2012</v>
      </c>
      <c r="F14128">
        <v>2012</v>
      </c>
      <c r="G14128" t="s">
        <v>126</v>
      </c>
      <c r="H14128" t="s">
        <v>121</v>
      </c>
      <c r="I14128" t="s">
        <v>15</v>
      </c>
      <c r="J14128" s="10">
        <v>30.643284569999999</v>
      </c>
    </row>
    <row r="14129" spans="1:10" x14ac:dyDescent="0.35">
      <c r="A14129" t="s">
        <v>33</v>
      </c>
      <c r="B14129" t="s">
        <v>85</v>
      </c>
      <c r="C14129" t="s">
        <v>117</v>
      </c>
      <c r="D14129" t="s">
        <v>118</v>
      </c>
      <c r="E14129">
        <v>2012</v>
      </c>
      <c r="F14129">
        <v>2012</v>
      </c>
      <c r="G14129" t="s">
        <v>126</v>
      </c>
      <c r="H14129" t="s">
        <v>122</v>
      </c>
      <c r="I14129" t="s">
        <v>15</v>
      </c>
      <c r="J14129" s="10">
        <v>21.229499109999999</v>
      </c>
    </row>
    <row r="14130" spans="1:10" x14ac:dyDescent="0.35">
      <c r="A14130" t="s">
        <v>33</v>
      </c>
      <c r="B14130" t="s">
        <v>85</v>
      </c>
      <c r="C14130" t="s">
        <v>117</v>
      </c>
      <c r="D14130" t="s">
        <v>118</v>
      </c>
      <c r="E14130">
        <v>2012</v>
      </c>
      <c r="F14130">
        <v>2012</v>
      </c>
      <c r="G14130" t="s">
        <v>126</v>
      </c>
      <c r="H14130" t="s">
        <v>123</v>
      </c>
      <c r="I14130" t="s">
        <v>15</v>
      </c>
      <c r="J14130" s="10">
        <v>20.43993794</v>
      </c>
    </row>
    <row r="14131" spans="1:10" x14ac:dyDescent="0.35">
      <c r="A14131" t="s">
        <v>33</v>
      </c>
      <c r="B14131" t="s">
        <v>85</v>
      </c>
      <c r="C14131" t="s">
        <v>117</v>
      </c>
      <c r="D14131" t="s">
        <v>118</v>
      </c>
      <c r="E14131">
        <v>2012</v>
      </c>
      <c r="F14131">
        <v>2012</v>
      </c>
      <c r="G14131" t="s">
        <v>126</v>
      </c>
      <c r="H14131" t="s">
        <v>124</v>
      </c>
      <c r="I14131" t="s">
        <v>15</v>
      </c>
      <c r="J14131" s="10">
        <v>3.875775709</v>
      </c>
    </row>
    <row r="14132" spans="1:10" x14ac:dyDescent="0.35">
      <c r="A14132" t="s">
        <v>33</v>
      </c>
      <c r="B14132" t="s">
        <v>85</v>
      </c>
      <c r="C14132" t="s">
        <v>117</v>
      </c>
      <c r="D14132" t="s">
        <v>118</v>
      </c>
      <c r="E14132">
        <v>2011</v>
      </c>
      <c r="F14132">
        <v>2011</v>
      </c>
      <c r="G14132" t="s">
        <v>14</v>
      </c>
      <c r="H14132" t="s">
        <v>119</v>
      </c>
      <c r="I14132" t="s">
        <v>15</v>
      </c>
      <c r="J14132" s="10">
        <v>15.755998030000001</v>
      </c>
    </row>
    <row r="14133" spans="1:10" x14ac:dyDescent="0.35">
      <c r="A14133" t="s">
        <v>33</v>
      </c>
      <c r="B14133" t="s">
        <v>85</v>
      </c>
      <c r="C14133" t="s">
        <v>117</v>
      </c>
      <c r="D14133" t="s">
        <v>118</v>
      </c>
      <c r="E14133">
        <v>2011</v>
      </c>
      <c r="F14133">
        <v>2011</v>
      </c>
      <c r="G14133" t="s">
        <v>14</v>
      </c>
      <c r="H14133" t="s">
        <v>120</v>
      </c>
      <c r="I14133" t="s">
        <v>15</v>
      </c>
      <c r="J14133" s="10">
        <v>9.7263069019999993</v>
      </c>
    </row>
    <row r="14134" spans="1:10" x14ac:dyDescent="0.35">
      <c r="A14134" t="s">
        <v>33</v>
      </c>
      <c r="B14134" t="s">
        <v>85</v>
      </c>
      <c r="C14134" t="s">
        <v>117</v>
      </c>
      <c r="D14134" t="s">
        <v>118</v>
      </c>
      <c r="E14134">
        <v>2011</v>
      </c>
      <c r="F14134">
        <v>2011</v>
      </c>
      <c r="G14134" t="s">
        <v>14</v>
      </c>
      <c r="H14134" t="s">
        <v>121</v>
      </c>
      <c r="I14134" t="s">
        <v>15</v>
      </c>
      <c r="J14134" s="10">
        <v>31.600647290000001</v>
      </c>
    </row>
    <row r="14135" spans="1:10" x14ac:dyDescent="0.35">
      <c r="A14135" t="s">
        <v>33</v>
      </c>
      <c r="B14135" t="s">
        <v>85</v>
      </c>
      <c r="C14135" t="s">
        <v>117</v>
      </c>
      <c r="D14135" t="s">
        <v>118</v>
      </c>
      <c r="E14135">
        <v>2011</v>
      </c>
      <c r="F14135">
        <v>2011</v>
      </c>
      <c r="G14135" t="s">
        <v>14</v>
      </c>
      <c r="H14135" t="s">
        <v>122</v>
      </c>
      <c r="I14135" t="s">
        <v>15</v>
      </c>
      <c r="J14135" s="10">
        <v>21.487370720000001</v>
      </c>
    </row>
    <row r="14136" spans="1:10" x14ac:dyDescent="0.35">
      <c r="A14136" t="s">
        <v>33</v>
      </c>
      <c r="B14136" t="s">
        <v>85</v>
      </c>
      <c r="C14136" t="s">
        <v>117</v>
      </c>
      <c r="D14136" t="s">
        <v>118</v>
      </c>
      <c r="E14136">
        <v>2011</v>
      </c>
      <c r="F14136">
        <v>2011</v>
      </c>
      <c r="G14136" t="s">
        <v>14</v>
      </c>
      <c r="H14136" t="s">
        <v>123</v>
      </c>
      <c r="I14136" t="s">
        <v>15</v>
      </c>
      <c r="J14136" s="10">
        <v>18.671638640000001</v>
      </c>
    </row>
    <row r="14137" spans="1:10" x14ac:dyDescent="0.35">
      <c r="A14137" t="s">
        <v>33</v>
      </c>
      <c r="B14137" t="s">
        <v>85</v>
      </c>
      <c r="C14137" t="s">
        <v>117</v>
      </c>
      <c r="D14137" t="s">
        <v>118</v>
      </c>
      <c r="E14137">
        <v>2011</v>
      </c>
      <c r="F14137">
        <v>2011</v>
      </c>
      <c r="G14137" t="s">
        <v>14</v>
      </c>
      <c r="H14137" t="s">
        <v>124</v>
      </c>
      <c r="I14137" t="s">
        <v>15</v>
      </c>
      <c r="J14137" s="10">
        <v>2.7580384160000002</v>
      </c>
    </row>
    <row r="14138" spans="1:10" x14ac:dyDescent="0.35">
      <c r="A14138" t="s">
        <v>33</v>
      </c>
      <c r="B14138" t="s">
        <v>85</v>
      </c>
      <c r="C14138" t="s">
        <v>117</v>
      </c>
      <c r="D14138" t="s">
        <v>118</v>
      </c>
      <c r="E14138">
        <v>2011</v>
      </c>
      <c r="F14138">
        <v>2011</v>
      </c>
      <c r="G14138" t="s">
        <v>125</v>
      </c>
      <c r="H14138" t="s">
        <v>119</v>
      </c>
      <c r="I14138" t="s">
        <v>15</v>
      </c>
      <c r="J14138" s="10">
        <v>16.446016889999999</v>
      </c>
    </row>
    <row r="14139" spans="1:10" x14ac:dyDescent="0.35">
      <c r="A14139" t="s">
        <v>33</v>
      </c>
      <c r="B14139" t="s">
        <v>85</v>
      </c>
      <c r="C14139" t="s">
        <v>117</v>
      </c>
      <c r="D14139" t="s">
        <v>118</v>
      </c>
      <c r="E14139">
        <v>2011</v>
      </c>
      <c r="F14139">
        <v>2011</v>
      </c>
      <c r="G14139" t="s">
        <v>125</v>
      </c>
      <c r="H14139" t="s">
        <v>120</v>
      </c>
      <c r="I14139" t="s">
        <v>15</v>
      </c>
      <c r="J14139" s="10">
        <v>10.57692308</v>
      </c>
    </row>
    <row r="14140" spans="1:10" x14ac:dyDescent="0.35">
      <c r="A14140" t="s">
        <v>33</v>
      </c>
      <c r="B14140" t="s">
        <v>85</v>
      </c>
      <c r="C14140" t="s">
        <v>117</v>
      </c>
      <c r="D14140" t="s">
        <v>118</v>
      </c>
      <c r="E14140">
        <v>2011</v>
      </c>
      <c r="F14140">
        <v>2011</v>
      </c>
      <c r="G14140" t="s">
        <v>125</v>
      </c>
      <c r="H14140" t="s">
        <v>121</v>
      </c>
      <c r="I14140" t="s">
        <v>15</v>
      </c>
      <c r="J14140" s="10">
        <v>32.42695732</v>
      </c>
    </row>
    <row r="14141" spans="1:10" x14ac:dyDescent="0.35">
      <c r="A14141" t="s">
        <v>33</v>
      </c>
      <c r="B14141" t="s">
        <v>85</v>
      </c>
      <c r="C14141" t="s">
        <v>117</v>
      </c>
      <c r="D14141" t="s">
        <v>118</v>
      </c>
      <c r="E14141">
        <v>2011</v>
      </c>
      <c r="F14141">
        <v>2011</v>
      </c>
      <c r="G14141" t="s">
        <v>125</v>
      </c>
      <c r="H14141" t="s">
        <v>122</v>
      </c>
      <c r="I14141" t="s">
        <v>15</v>
      </c>
      <c r="J14141" s="10">
        <v>21.379251310000001</v>
      </c>
    </row>
    <row r="14142" spans="1:10" x14ac:dyDescent="0.35">
      <c r="A14142" t="s">
        <v>33</v>
      </c>
      <c r="B14142" t="s">
        <v>85</v>
      </c>
      <c r="C14142" t="s">
        <v>117</v>
      </c>
      <c r="D14142" t="s">
        <v>118</v>
      </c>
      <c r="E14142">
        <v>2011</v>
      </c>
      <c r="F14142">
        <v>2011</v>
      </c>
      <c r="G14142" t="s">
        <v>125</v>
      </c>
      <c r="H14142" t="s">
        <v>123</v>
      </c>
      <c r="I14142" t="s">
        <v>15</v>
      </c>
      <c r="J14142" s="10">
        <v>17.34763753</v>
      </c>
    </row>
    <row r="14143" spans="1:10" x14ac:dyDescent="0.35">
      <c r="A14143" t="s">
        <v>33</v>
      </c>
      <c r="B14143" t="s">
        <v>85</v>
      </c>
      <c r="C14143" t="s">
        <v>117</v>
      </c>
      <c r="D14143" t="s">
        <v>118</v>
      </c>
      <c r="E14143">
        <v>2011</v>
      </c>
      <c r="F14143">
        <v>2011</v>
      </c>
      <c r="G14143" t="s">
        <v>125</v>
      </c>
      <c r="H14143" t="s">
        <v>124</v>
      </c>
      <c r="I14143" t="s">
        <v>15</v>
      </c>
      <c r="J14143" s="10">
        <v>1.823213878</v>
      </c>
    </row>
    <row r="14144" spans="1:10" x14ac:dyDescent="0.35">
      <c r="A14144" t="s">
        <v>33</v>
      </c>
      <c r="B14144" t="s">
        <v>85</v>
      </c>
      <c r="C14144" t="s">
        <v>117</v>
      </c>
      <c r="D14144" t="s">
        <v>118</v>
      </c>
      <c r="E14144">
        <v>2011</v>
      </c>
      <c r="F14144">
        <v>2011</v>
      </c>
      <c r="G14144" t="s">
        <v>126</v>
      </c>
      <c r="H14144" t="s">
        <v>119</v>
      </c>
      <c r="I14144" t="s">
        <v>15</v>
      </c>
      <c r="J14144" s="10">
        <v>15.08454341</v>
      </c>
    </row>
    <row r="14145" spans="1:10" x14ac:dyDescent="0.35">
      <c r="A14145" t="s">
        <v>33</v>
      </c>
      <c r="B14145" t="s">
        <v>85</v>
      </c>
      <c r="C14145" t="s">
        <v>117</v>
      </c>
      <c r="D14145" t="s">
        <v>118</v>
      </c>
      <c r="E14145">
        <v>2011</v>
      </c>
      <c r="F14145">
        <v>2011</v>
      </c>
      <c r="G14145" t="s">
        <v>126</v>
      </c>
      <c r="H14145" t="s">
        <v>120</v>
      </c>
      <c r="I14145" t="s">
        <v>15</v>
      </c>
      <c r="J14145" s="10">
        <v>8.8985756729999999</v>
      </c>
    </row>
    <row r="14146" spans="1:10" x14ac:dyDescent="0.35">
      <c r="A14146" t="s">
        <v>33</v>
      </c>
      <c r="B14146" t="s">
        <v>85</v>
      </c>
      <c r="C14146" t="s">
        <v>117</v>
      </c>
      <c r="D14146" t="s">
        <v>118</v>
      </c>
      <c r="E14146">
        <v>2011</v>
      </c>
      <c r="F14146">
        <v>2011</v>
      </c>
      <c r="G14146" t="s">
        <v>126</v>
      </c>
      <c r="H14146" t="s">
        <v>121</v>
      </c>
      <c r="I14146" t="s">
        <v>15</v>
      </c>
      <c r="J14146" s="10">
        <v>30.79656829</v>
      </c>
    </row>
    <row r="14147" spans="1:10" x14ac:dyDescent="0.35">
      <c r="A14147" t="s">
        <v>33</v>
      </c>
      <c r="B14147" t="s">
        <v>85</v>
      </c>
      <c r="C14147" t="s">
        <v>117</v>
      </c>
      <c r="D14147" t="s">
        <v>118</v>
      </c>
      <c r="E14147">
        <v>2011</v>
      </c>
      <c r="F14147">
        <v>2011</v>
      </c>
      <c r="G14147" t="s">
        <v>126</v>
      </c>
      <c r="H14147" t="s">
        <v>122</v>
      </c>
      <c r="I14147" t="s">
        <v>15</v>
      </c>
      <c r="J14147" s="10">
        <v>21.592581280000001</v>
      </c>
    </row>
    <row r="14148" spans="1:10" x14ac:dyDescent="0.35">
      <c r="A14148" t="s">
        <v>33</v>
      </c>
      <c r="B14148" t="s">
        <v>85</v>
      </c>
      <c r="C14148" t="s">
        <v>117</v>
      </c>
      <c r="D14148" t="s">
        <v>118</v>
      </c>
      <c r="E14148">
        <v>2011</v>
      </c>
      <c r="F14148">
        <v>2011</v>
      </c>
      <c r="G14148" t="s">
        <v>126</v>
      </c>
      <c r="H14148" t="s">
        <v>123</v>
      </c>
      <c r="I14148" t="s">
        <v>15</v>
      </c>
      <c r="J14148" s="10">
        <v>19.96001888</v>
      </c>
    </row>
    <row r="14149" spans="1:10" x14ac:dyDescent="0.35">
      <c r="A14149" t="s">
        <v>33</v>
      </c>
      <c r="B14149" t="s">
        <v>85</v>
      </c>
      <c r="C14149" t="s">
        <v>117</v>
      </c>
      <c r="D14149" t="s">
        <v>118</v>
      </c>
      <c r="E14149">
        <v>2011</v>
      </c>
      <c r="F14149">
        <v>2011</v>
      </c>
      <c r="G14149" t="s">
        <v>126</v>
      </c>
      <c r="H14149" t="s">
        <v>124</v>
      </c>
      <c r="I14149" t="s">
        <v>15</v>
      </c>
      <c r="J14149" s="10">
        <v>3.667712469</v>
      </c>
    </row>
    <row r="14150" spans="1:10" x14ac:dyDescent="0.35">
      <c r="A14150" t="s">
        <v>33</v>
      </c>
      <c r="B14150" t="s">
        <v>86</v>
      </c>
      <c r="C14150" t="s">
        <v>117</v>
      </c>
      <c r="D14150" t="s">
        <v>118</v>
      </c>
      <c r="E14150">
        <v>2020</v>
      </c>
      <c r="F14150">
        <v>2020</v>
      </c>
      <c r="G14150" t="s">
        <v>14</v>
      </c>
      <c r="H14150" t="s">
        <v>119</v>
      </c>
      <c r="I14150" t="s">
        <v>15</v>
      </c>
      <c r="J14150" s="10">
        <v>16.990989630000001</v>
      </c>
    </row>
    <row r="14151" spans="1:10" x14ac:dyDescent="0.35">
      <c r="A14151" t="s">
        <v>33</v>
      </c>
      <c r="B14151" t="s">
        <v>86</v>
      </c>
      <c r="C14151" t="s">
        <v>117</v>
      </c>
      <c r="D14151" t="s">
        <v>118</v>
      </c>
      <c r="E14151">
        <v>2020</v>
      </c>
      <c r="F14151">
        <v>2020</v>
      </c>
      <c r="G14151" t="s">
        <v>14</v>
      </c>
      <c r="H14151" t="s">
        <v>120</v>
      </c>
      <c r="I14151" t="s">
        <v>15</v>
      </c>
      <c r="J14151" s="10">
        <v>9.4621539079999994</v>
      </c>
    </row>
    <row r="14152" spans="1:10" x14ac:dyDescent="0.35">
      <c r="A14152" t="s">
        <v>33</v>
      </c>
      <c r="B14152" t="s">
        <v>86</v>
      </c>
      <c r="C14152" t="s">
        <v>117</v>
      </c>
      <c r="D14152" t="s">
        <v>118</v>
      </c>
      <c r="E14152">
        <v>2020</v>
      </c>
      <c r="F14152">
        <v>2020</v>
      </c>
      <c r="G14152" t="s">
        <v>14</v>
      </c>
      <c r="H14152" t="s">
        <v>121</v>
      </c>
      <c r="I14152" t="s">
        <v>15</v>
      </c>
      <c r="J14152" s="10">
        <v>28.23755079</v>
      </c>
    </row>
    <row r="14153" spans="1:10" x14ac:dyDescent="0.35">
      <c r="A14153" t="s">
        <v>33</v>
      </c>
      <c r="B14153" t="s">
        <v>86</v>
      </c>
      <c r="C14153" t="s">
        <v>117</v>
      </c>
      <c r="D14153" t="s">
        <v>118</v>
      </c>
      <c r="E14153">
        <v>2020</v>
      </c>
      <c r="F14153">
        <v>2020</v>
      </c>
      <c r="G14153" t="s">
        <v>14</v>
      </c>
      <c r="H14153" t="s">
        <v>122</v>
      </c>
      <c r="I14153" t="s">
        <v>15</v>
      </c>
      <c r="J14153" s="10">
        <v>22.50321799</v>
      </c>
    </row>
    <row r="14154" spans="1:10" x14ac:dyDescent="0.35">
      <c r="A14154" t="s">
        <v>33</v>
      </c>
      <c r="B14154" t="s">
        <v>86</v>
      </c>
      <c r="C14154" t="s">
        <v>117</v>
      </c>
      <c r="D14154" t="s">
        <v>118</v>
      </c>
      <c r="E14154">
        <v>2020</v>
      </c>
      <c r="F14154">
        <v>2020</v>
      </c>
      <c r="G14154" t="s">
        <v>14</v>
      </c>
      <c r="H14154" t="s">
        <v>123</v>
      </c>
      <c r="I14154" t="s">
        <v>15</v>
      </c>
      <c r="J14154" s="10">
        <v>19.654980940000002</v>
      </c>
    </row>
    <row r="14155" spans="1:10" x14ac:dyDescent="0.35">
      <c r="A14155" t="s">
        <v>33</v>
      </c>
      <c r="B14155" t="s">
        <v>86</v>
      </c>
      <c r="C14155" t="s">
        <v>117</v>
      </c>
      <c r="D14155" t="s">
        <v>118</v>
      </c>
      <c r="E14155">
        <v>2020</v>
      </c>
      <c r="F14155">
        <v>2020</v>
      </c>
      <c r="G14155" t="s">
        <v>14</v>
      </c>
      <c r="H14155" t="s">
        <v>124</v>
      </c>
      <c r="I14155" t="s">
        <v>15</v>
      </c>
      <c r="J14155" s="10">
        <v>3.151106736</v>
      </c>
    </row>
    <row r="14156" spans="1:10" x14ac:dyDescent="0.35">
      <c r="A14156" t="s">
        <v>33</v>
      </c>
      <c r="B14156" t="s">
        <v>86</v>
      </c>
      <c r="C14156" t="s">
        <v>117</v>
      </c>
      <c r="D14156" t="s">
        <v>118</v>
      </c>
      <c r="E14156">
        <v>2020</v>
      </c>
      <c r="F14156">
        <v>2020</v>
      </c>
      <c r="G14156" t="s">
        <v>125</v>
      </c>
      <c r="H14156" t="s">
        <v>119</v>
      </c>
      <c r="I14156" t="s">
        <v>15</v>
      </c>
      <c r="J14156" s="10">
        <v>17.912724260000001</v>
      </c>
    </row>
    <row r="14157" spans="1:10" x14ac:dyDescent="0.35">
      <c r="A14157" t="s">
        <v>33</v>
      </c>
      <c r="B14157" t="s">
        <v>86</v>
      </c>
      <c r="C14157" t="s">
        <v>117</v>
      </c>
      <c r="D14157" t="s">
        <v>118</v>
      </c>
      <c r="E14157">
        <v>2020</v>
      </c>
      <c r="F14157">
        <v>2020</v>
      </c>
      <c r="G14157" t="s">
        <v>125</v>
      </c>
      <c r="H14157" t="s">
        <v>120</v>
      </c>
      <c r="I14157" t="s">
        <v>15</v>
      </c>
      <c r="J14157" s="10">
        <v>10.28902332</v>
      </c>
    </row>
    <row r="14158" spans="1:10" x14ac:dyDescent="0.35">
      <c r="A14158" t="s">
        <v>33</v>
      </c>
      <c r="B14158" t="s">
        <v>86</v>
      </c>
      <c r="C14158" t="s">
        <v>117</v>
      </c>
      <c r="D14158" t="s">
        <v>118</v>
      </c>
      <c r="E14158">
        <v>2020</v>
      </c>
      <c r="F14158">
        <v>2020</v>
      </c>
      <c r="G14158" t="s">
        <v>125</v>
      </c>
      <c r="H14158" t="s">
        <v>121</v>
      </c>
      <c r="I14158" t="s">
        <v>15</v>
      </c>
      <c r="J14158" s="10">
        <v>27.958740500000001</v>
      </c>
    </row>
    <row r="14159" spans="1:10" x14ac:dyDescent="0.35">
      <c r="A14159" t="s">
        <v>33</v>
      </c>
      <c r="B14159" t="s">
        <v>86</v>
      </c>
      <c r="C14159" t="s">
        <v>117</v>
      </c>
      <c r="D14159" t="s">
        <v>118</v>
      </c>
      <c r="E14159">
        <v>2020</v>
      </c>
      <c r="F14159">
        <v>2020</v>
      </c>
      <c r="G14159" t="s">
        <v>125</v>
      </c>
      <c r="H14159" t="s">
        <v>122</v>
      </c>
      <c r="I14159" t="s">
        <v>15</v>
      </c>
      <c r="J14159" s="10">
        <v>22.206711129999999</v>
      </c>
    </row>
    <row r="14160" spans="1:10" x14ac:dyDescent="0.35">
      <c r="A14160" t="s">
        <v>33</v>
      </c>
      <c r="B14160" t="s">
        <v>86</v>
      </c>
      <c r="C14160" t="s">
        <v>117</v>
      </c>
      <c r="D14160" t="s">
        <v>118</v>
      </c>
      <c r="E14160">
        <v>2020</v>
      </c>
      <c r="F14160">
        <v>2020</v>
      </c>
      <c r="G14160" t="s">
        <v>125</v>
      </c>
      <c r="H14160" t="s">
        <v>123</v>
      </c>
      <c r="I14160" t="s">
        <v>15</v>
      </c>
      <c r="J14160" s="10">
        <v>19.145855950000001</v>
      </c>
    </row>
    <row r="14161" spans="1:10" x14ac:dyDescent="0.35">
      <c r="A14161" t="s">
        <v>33</v>
      </c>
      <c r="B14161" t="s">
        <v>86</v>
      </c>
      <c r="C14161" t="s">
        <v>117</v>
      </c>
      <c r="D14161" t="s">
        <v>118</v>
      </c>
      <c r="E14161">
        <v>2020</v>
      </c>
      <c r="F14161">
        <v>2020</v>
      </c>
      <c r="G14161" t="s">
        <v>125</v>
      </c>
      <c r="H14161" t="s">
        <v>124</v>
      </c>
      <c r="I14161" t="s">
        <v>15</v>
      </c>
      <c r="J14161" s="10">
        <v>2.4869448319999998</v>
      </c>
    </row>
    <row r="14162" spans="1:10" x14ac:dyDescent="0.35">
      <c r="A14162" t="s">
        <v>33</v>
      </c>
      <c r="B14162" t="s">
        <v>86</v>
      </c>
      <c r="C14162" t="s">
        <v>117</v>
      </c>
      <c r="D14162" t="s">
        <v>118</v>
      </c>
      <c r="E14162">
        <v>2020</v>
      </c>
      <c r="F14162">
        <v>2020</v>
      </c>
      <c r="G14162" t="s">
        <v>126</v>
      </c>
      <c r="H14162" t="s">
        <v>119</v>
      </c>
      <c r="I14162" t="s">
        <v>15</v>
      </c>
      <c r="J14162" s="10">
        <v>16.111932939999999</v>
      </c>
    </row>
    <row r="14163" spans="1:10" x14ac:dyDescent="0.35">
      <c r="A14163" t="s">
        <v>33</v>
      </c>
      <c r="B14163" t="s">
        <v>86</v>
      </c>
      <c r="C14163" t="s">
        <v>117</v>
      </c>
      <c r="D14163" t="s">
        <v>118</v>
      </c>
      <c r="E14163">
        <v>2020</v>
      </c>
      <c r="F14163">
        <v>2020</v>
      </c>
      <c r="G14163" t="s">
        <v>126</v>
      </c>
      <c r="H14163" t="s">
        <v>120</v>
      </c>
      <c r="I14163" t="s">
        <v>15</v>
      </c>
      <c r="J14163" s="10">
        <v>8.6735700199999997</v>
      </c>
    </row>
    <row r="14164" spans="1:10" x14ac:dyDescent="0.35">
      <c r="A14164" t="s">
        <v>33</v>
      </c>
      <c r="B14164" t="s">
        <v>86</v>
      </c>
      <c r="C14164" t="s">
        <v>117</v>
      </c>
      <c r="D14164" t="s">
        <v>118</v>
      </c>
      <c r="E14164">
        <v>2020</v>
      </c>
      <c r="F14164">
        <v>2020</v>
      </c>
      <c r="G14164" t="s">
        <v>126</v>
      </c>
      <c r="H14164" t="s">
        <v>121</v>
      </c>
      <c r="I14164" t="s">
        <v>15</v>
      </c>
      <c r="J14164" s="10">
        <v>28.503451680000001</v>
      </c>
    </row>
    <row r="14165" spans="1:10" x14ac:dyDescent="0.35">
      <c r="A14165" t="s">
        <v>33</v>
      </c>
      <c r="B14165" t="s">
        <v>86</v>
      </c>
      <c r="C14165" t="s">
        <v>117</v>
      </c>
      <c r="D14165" t="s">
        <v>118</v>
      </c>
      <c r="E14165">
        <v>2020</v>
      </c>
      <c r="F14165">
        <v>2020</v>
      </c>
      <c r="G14165" t="s">
        <v>126</v>
      </c>
      <c r="H14165" t="s">
        <v>122</v>
      </c>
      <c r="I14165" t="s">
        <v>15</v>
      </c>
      <c r="J14165" s="10">
        <v>22.785996059999999</v>
      </c>
    </row>
    <row r="14166" spans="1:10" x14ac:dyDescent="0.35">
      <c r="A14166" t="s">
        <v>33</v>
      </c>
      <c r="B14166" t="s">
        <v>86</v>
      </c>
      <c r="C14166" t="s">
        <v>117</v>
      </c>
      <c r="D14166" t="s">
        <v>118</v>
      </c>
      <c r="E14166">
        <v>2020</v>
      </c>
      <c r="F14166">
        <v>2020</v>
      </c>
      <c r="G14166" t="s">
        <v>126</v>
      </c>
      <c r="H14166" t="s">
        <v>123</v>
      </c>
      <c r="I14166" t="s">
        <v>15</v>
      </c>
      <c r="J14166" s="10">
        <v>20.140532539999999</v>
      </c>
    </row>
    <row r="14167" spans="1:10" x14ac:dyDescent="0.35">
      <c r="A14167" t="s">
        <v>33</v>
      </c>
      <c r="B14167" t="s">
        <v>86</v>
      </c>
      <c r="C14167" t="s">
        <v>117</v>
      </c>
      <c r="D14167" t="s">
        <v>118</v>
      </c>
      <c r="E14167">
        <v>2020</v>
      </c>
      <c r="F14167">
        <v>2020</v>
      </c>
      <c r="G14167" t="s">
        <v>126</v>
      </c>
      <c r="H14167" t="s">
        <v>124</v>
      </c>
      <c r="I14167" t="s">
        <v>15</v>
      </c>
      <c r="J14167" s="10">
        <v>3.7845167649999998</v>
      </c>
    </row>
    <row r="14168" spans="1:10" x14ac:dyDescent="0.35">
      <c r="A14168" t="s">
        <v>33</v>
      </c>
      <c r="B14168" t="s">
        <v>86</v>
      </c>
      <c r="C14168" t="s">
        <v>117</v>
      </c>
      <c r="D14168" t="s">
        <v>118</v>
      </c>
      <c r="E14168">
        <v>2019</v>
      </c>
      <c r="F14168">
        <v>2019</v>
      </c>
      <c r="G14168" t="s">
        <v>14</v>
      </c>
      <c r="H14168" t="s">
        <v>119</v>
      </c>
      <c r="I14168" t="s">
        <v>15</v>
      </c>
      <c r="J14168" s="10">
        <v>17.280270789999999</v>
      </c>
    </row>
    <row r="14169" spans="1:10" x14ac:dyDescent="0.35">
      <c r="A14169" t="s">
        <v>33</v>
      </c>
      <c r="B14169" t="s">
        <v>86</v>
      </c>
      <c r="C14169" t="s">
        <v>117</v>
      </c>
      <c r="D14169" t="s">
        <v>118</v>
      </c>
      <c r="E14169">
        <v>2019</v>
      </c>
      <c r="F14169">
        <v>2019</v>
      </c>
      <c r="G14169" t="s">
        <v>14</v>
      </c>
      <c r="H14169" t="s">
        <v>120</v>
      </c>
      <c r="I14169" t="s">
        <v>15</v>
      </c>
      <c r="J14169" s="10">
        <v>9.397931217</v>
      </c>
    </row>
    <row r="14170" spans="1:10" x14ac:dyDescent="0.35">
      <c r="A14170" t="s">
        <v>33</v>
      </c>
      <c r="B14170" t="s">
        <v>86</v>
      </c>
      <c r="C14170" t="s">
        <v>117</v>
      </c>
      <c r="D14170" t="s">
        <v>118</v>
      </c>
      <c r="E14170">
        <v>2019</v>
      </c>
      <c r="F14170">
        <v>2019</v>
      </c>
      <c r="G14170" t="s">
        <v>14</v>
      </c>
      <c r="H14170" t="s">
        <v>121</v>
      </c>
      <c r="I14170" t="s">
        <v>15</v>
      </c>
      <c r="J14170" s="10">
        <v>28.47417811</v>
      </c>
    </row>
    <row r="14171" spans="1:10" x14ac:dyDescent="0.35">
      <c r="A14171" t="s">
        <v>33</v>
      </c>
      <c r="B14171" t="s">
        <v>86</v>
      </c>
      <c r="C14171" t="s">
        <v>117</v>
      </c>
      <c r="D14171" t="s">
        <v>118</v>
      </c>
      <c r="E14171">
        <v>2019</v>
      </c>
      <c r="F14171">
        <v>2019</v>
      </c>
      <c r="G14171" t="s">
        <v>14</v>
      </c>
      <c r="H14171" t="s">
        <v>122</v>
      </c>
      <c r="I14171" t="s">
        <v>15</v>
      </c>
      <c r="J14171" s="10">
        <v>22.469909189999999</v>
      </c>
    </row>
    <row r="14172" spans="1:10" x14ac:dyDescent="0.35">
      <c r="A14172" t="s">
        <v>33</v>
      </c>
      <c r="B14172" t="s">
        <v>86</v>
      </c>
      <c r="C14172" t="s">
        <v>117</v>
      </c>
      <c r="D14172" t="s">
        <v>118</v>
      </c>
      <c r="E14172">
        <v>2019</v>
      </c>
      <c r="F14172">
        <v>2019</v>
      </c>
      <c r="G14172" t="s">
        <v>14</v>
      </c>
      <c r="H14172" t="s">
        <v>123</v>
      </c>
      <c r="I14172" t="s">
        <v>15</v>
      </c>
      <c r="J14172" s="10">
        <v>19.313689579999998</v>
      </c>
    </row>
    <row r="14173" spans="1:10" x14ac:dyDescent="0.35">
      <c r="A14173" t="s">
        <v>33</v>
      </c>
      <c r="B14173" t="s">
        <v>86</v>
      </c>
      <c r="C14173" t="s">
        <v>117</v>
      </c>
      <c r="D14173" t="s">
        <v>118</v>
      </c>
      <c r="E14173">
        <v>2019</v>
      </c>
      <c r="F14173">
        <v>2019</v>
      </c>
      <c r="G14173" t="s">
        <v>14</v>
      </c>
      <c r="H14173" t="s">
        <v>124</v>
      </c>
      <c r="I14173" t="s">
        <v>15</v>
      </c>
      <c r="J14173" s="10">
        <v>3.0640211169999998</v>
      </c>
    </row>
    <row r="14174" spans="1:10" x14ac:dyDescent="0.35">
      <c r="A14174" t="s">
        <v>33</v>
      </c>
      <c r="B14174" t="s">
        <v>86</v>
      </c>
      <c r="C14174" t="s">
        <v>117</v>
      </c>
      <c r="D14174" t="s">
        <v>118</v>
      </c>
      <c r="E14174">
        <v>2019</v>
      </c>
      <c r="F14174">
        <v>2019</v>
      </c>
      <c r="G14174" t="s">
        <v>125</v>
      </c>
      <c r="H14174" t="s">
        <v>119</v>
      </c>
      <c r="I14174" t="s">
        <v>15</v>
      </c>
      <c r="J14174" s="10">
        <v>18.177811200000001</v>
      </c>
    </row>
    <row r="14175" spans="1:10" x14ac:dyDescent="0.35">
      <c r="A14175" t="s">
        <v>33</v>
      </c>
      <c r="B14175" t="s">
        <v>86</v>
      </c>
      <c r="C14175" t="s">
        <v>117</v>
      </c>
      <c r="D14175" t="s">
        <v>118</v>
      </c>
      <c r="E14175">
        <v>2019</v>
      </c>
      <c r="F14175">
        <v>2019</v>
      </c>
      <c r="G14175" t="s">
        <v>125</v>
      </c>
      <c r="H14175" t="s">
        <v>120</v>
      </c>
      <c r="I14175" t="s">
        <v>15</v>
      </c>
      <c r="J14175" s="10">
        <v>10.251756589999999</v>
      </c>
    </row>
    <row r="14176" spans="1:10" x14ac:dyDescent="0.35">
      <c r="A14176" t="s">
        <v>33</v>
      </c>
      <c r="B14176" t="s">
        <v>86</v>
      </c>
      <c r="C14176" t="s">
        <v>117</v>
      </c>
      <c r="D14176" t="s">
        <v>118</v>
      </c>
      <c r="E14176">
        <v>2019</v>
      </c>
      <c r="F14176">
        <v>2019</v>
      </c>
      <c r="G14176" t="s">
        <v>125</v>
      </c>
      <c r="H14176" t="s">
        <v>121</v>
      </c>
      <c r="I14176" t="s">
        <v>15</v>
      </c>
      <c r="J14176" s="10">
        <v>28.058803699999999</v>
      </c>
    </row>
    <row r="14177" spans="1:10" x14ac:dyDescent="0.35">
      <c r="A14177" t="s">
        <v>33</v>
      </c>
      <c r="B14177" t="s">
        <v>86</v>
      </c>
      <c r="C14177" t="s">
        <v>117</v>
      </c>
      <c r="D14177" t="s">
        <v>118</v>
      </c>
      <c r="E14177">
        <v>2019</v>
      </c>
      <c r="F14177">
        <v>2019</v>
      </c>
      <c r="G14177" t="s">
        <v>125</v>
      </c>
      <c r="H14177" t="s">
        <v>122</v>
      </c>
      <c r="I14177" t="s">
        <v>15</v>
      </c>
      <c r="J14177" s="10">
        <v>22.225103059999999</v>
      </c>
    </row>
    <row r="14178" spans="1:10" x14ac:dyDescent="0.35">
      <c r="A14178" t="s">
        <v>33</v>
      </c>
      <c r="B14178" t="s">
        <v>86</v>
      </c>
      <c r="C14178" t="s">
        <v>117</v>
      </c>
      <c r="D14178" t="s">
        <v>118</v>
      </c>
      <c r="E14178">
        <v>2019</v>
      </c>
      <c r="F14178">
        <v>2019</v>
      </c>
      <c r="G14178" t="s">
        <v>125</v>
      </c>
      <c r="H14178" t="s">
        <v>123</v>
      </c>
      <c r="I14178" t="s">
        <v>15</v>
      </c>
      <c r="J14178" s="10">
        <v>18.872669760000001</v>
      </c>
    </row>
    <row r="14179" spans="1:10" x14ac:dyDescent="0.35">
      <c r="A14179" t="s">
        <v>33</v>
      </c>
      <c r="B14179" t="s">
        <v>86</v>
      </c>
      <c r="C14179" t="s">
        <v>117</v>
      </c>
      <c r="D14179" t="s">
        <v>118</v>
      </c>
      <c r="E14179">
        <v>2019</v>
      </c>
      <c r="F14179">
        <v>2019</v>
      </c>
      <c r="G14179" t="s">
        <v>125</v>
      </c>
      <c r="H14179" t="s">
        <v>124</v>
      </c>
      <c r="I14179" t="s">
        <v>15</v>
      </c>
      <c r="J14179" s="10">
        <v>2.4138556869999999</v>
      </c>
    </row>
    <row r="14180" spans="1:10" x14ac:dyDescent="0.35">
      <c r="A14180" t="s">
        <v>33</v>
      </c>
      <c r="B14180" t="s">
        <v>86</v>
      </c>
      <c r="C14180" t="s">
        <v>117</v>
      </c>
      <c r="D14180" t="s">
        <v>118</v>
      </c>
      <c r="E14180">
        <v>2019</v>
      </c>
      <c r="F14180">
        <v>2019</v>
      </c>
      <c r="G14180" t="s">
        <v>126</v>
      </c>
      <c r="H14180" t="s">
        <v>119</v>
      </c>
      <c r="I14180" t="s">
        <v>15</v>
      </c>
      <c r="J14180" s="10">
        <v>16.427797479999999</v>
      </c>
    </row>
    <row r="14181" spans="1:10" x14ac:dyDescent="0.35">
      <c r="A14181" t="s">
        <v>33</v>
      </c>
      <c r="B14181" t="s">
        <v>86</v>
      </c>
      <c r="C14181" t="s">
        <v>117</v>
      </c>
      <c r="D14181" t="s">
        <v>118</v>
      </c>
      <c r="E14181">
        <v>2019</v>
      </c>
      <c r="F14181">
        <v>2019</v>
      </c>
      <c r="G14181" t="s">
        <v>126</v>
      </c>
      <c r="H14181" t="s">
        <v>120</v>
      </c>
      <c r="I14181" t="s">
        <v>15</v>
      </c>
      <c r="J14181" s="10">
        <v>8.5869779350000002</v>
      </c>
    </row>
    <row r="14182" spans="1:10" x14ac:dyDescent="0.35">
      <c r="A14182" t="s">
        <v>33</v>
      </c>
      <c r="B14182" t="s">
        <v>86</v>
      </c>
      <c r="C14182" t="s">
        <v>117</v>
      </c>
      <c r="D14182" t="s">
        <v>118</v>
      </c>
      <c r="E14182">
        <v>2019</v>
      </c>
      <c r="F14182">
        <v>2019</v>
      </c>
      <c r="G14182" t="s">
        <v>126</v>
      </c>
      <c r="H14182" t="s">
        <v>121</v>
      </c>
      <c r="I14182" t="s">
        <v>15</v>
      </c>
      <c r="J14182" s="10">
        <v>28.868695819999999</v>
      </c>
    </row>
    <row r="14183" spans="1:10" x14ac:dyDescent="0.35">
      <c r="A14183" t="s">
        <v>33</v>
      </c>
      <c r="B14183" t="s">
        <v>86</v>
      </c>
      <c r="C14183" t="s">
        <v>117</v>
      </c>
      <c r="D14183" t="s">
        <v>118</v>
      </c>
      <c r="E14183">
        <v>2019</v>
      </c>
      <c r="F14183">
        <v>2019</v>
      </c>
      <c r="G14183" t="s">
        <v>126</v>
      </c>
      <c r="H14183" t="s">
        <v>122</v>
      </c>
      <c r="I14183" t="s">
        <v>15</v>
      </c>
      <c r="J14183" s="10">
        <v>22.702423169999999</v>
      </c>
    </row>
    <row r="14184" spans="1:10" x14ac:dyDescent="0.35">
      <c r="A14184" t="s">
        <v>33</v>
      </c>
      <c r="B14184" t="s">
        <v>86</v>
      </c>
      <c r="C14184" t="s">
        <v>117</v>
      </c>
      <c r="D14184" t="s">
        <v>118</v>
      </c>
      <c r="E14184">
        <v>2019</v>
      </c>
      <c r="F14184">
        <v>2019</v>
      </c>
      <c r="G14184" t="s">
        <v>126</v>
      </c>
      <c r="H14184" t="s">
        <v>123</v>
      </c>
      <c r="I14184" t="s">
        <v>15</v>
      </c>
      <c r="J14184" s="10">
        <v>19.732565009999998</v>
      </c>
    </row>
    <row r="14185" spans="1:10" x14ac:dyDescent="0.35">
      <c r="A14185" t="s">
        <v>33</v>
      </c>
      <c r="B14185" t="s">
        <v>86</v>
      </c>
      <c r="C14185" t="s">
        <v>117</v>
      </c>
      <c r="D14185" t="s">
        <v>118</v>
      </c>
      <c r="E14185">
        <v>2019</v>
      </c>
      <c r="F14185">
        <v>2019</v>
      </c>
      <c r="G14185" t="s">
        <v>126</v>
      </c>
      <c r="H14185" t="s">
        <v>124</v>
      </c>
      <c r="I14185" t="s">
        <v>15</v>
      </c>
      <c r="J14185" s="10">
        <v>3.6815405829999999</v>
      </c>
    </row>
    <row r="14186" spans="1:10" x14ac:dyDescent="0.35">
      <c r="A14186" t="s">
        <v>33</v>
      </c>
      <c r="B14186" t="s">
        <v>86</v>
      </c>
      <c r="C14186" t="s">
        <v>117</v>
      </c>
      <c r="D14186" t="s">
        <v>118</v>
      </c>
      <c r="E14186">
        <v>2018</v>
      </c>
      <c r="F14186">
        <v>2018</v>
      </c>
      <c r="G14186" t="s">
        <v>14</v>
      </c>
      <c r="H14186" t="s">
        <v>119</v>
      </c>
      <c r="I14186" t="s">
        <v>15</v>
      </c>
      <c r="J14186" s="10">
        <v>17.468524890000001</v>
      </c>
    </row>
    <row r="14187" spans="1:10" x14ac:dyDescent="0.35">
      <c r="A14187" t="s">
        <v>33</v>
      </c>
      <c r="B14187" t="s">
        <v>86</v>
      </c>
      <c r="C14187" t="s">
        <v>117</v>
      </c>
      <c r="D14187" t="s">
        <v>118</v>
      </c>
      <c r="E14187">
        <v>2018</v>
      </c>
      <c r="F14187">
        <v>2018</v>
      </c>
      <c r="G14187" t="s">
        <v>14</v>
      </c>
      <c r="H14187" t="s">
        <v>120</v>
      </c>
      <c r="I14187" t="s">
        <v>15</v>
      </c>
      <c r="J14187" s="10">
        <v>9.6959841450000006</v>
      </c>
    </row>
    <row r="14188" spans="1:10" x14ac:dyDescent="0.35">
      <c r="A14188" t="s">
        <v>33</v>
      </c>
      <c r="B14188" t="s">
        <v>86</v>
      </c>
      <c r="C14188" t="s">
        <v>117</v>
      </c>
      <c r="D14188" t="s">
        <v>118</v>
      </c>
      <c r="E14188">
        <v>2018</v>
      </c>
      <c r="F14188">
        <v>2018</v>
      </c>
      <c r="G14188" t="s">
        <v>14</v>
      </c>
      <c r="H14188" t="s">
        <v>121</v>
      </c>
      <c r="I14188" t="s">
        <v>15</v>
      </c>
      <c r="J14188" s="10">
        <v>28.534041389999999</v>
      </c>
    </row>
    <row r="14189" spans="1:10" x14ac:dyDescent="0.35">
      <c r="A14189" t="s">
        <v>33</v>
      </c>
      <c r="B14189" t="s">
        <v>86</v>
      </c>
      <c r="C14189" t="s">
        <v>117</v>
      </c>
      <c r="D14189" t="s">
        <v>118</v>
      </c>
      <c r="E14189">
        <v>2018</v>
      </c>
      <c r="F14189">
        <v>2018</v>
      </c>
      <c r="G14189" t="s">
        <v>14</v>
      </c>
      <c r="H14189" t="s">
        <v>122</v>
      </c>
      <c r="I14189" t="s">
        <v>15</v>
      </c>
      <c r="J14189" s="10">
        <v>22.232668050000001</v>
      </c>
    </row>
    <row r="14190" spans="1:10" x14ac:dyDescent="0.35">
      <c r="A14190" t="s">
        <v>33</v>
      </c>
      <c r="B14190" t="s">
        <v>86</v>
      </c>
      <c r="C14190" t="s">
        <v>117</v>
      </c>
      <c r="D14190" t="s">
        <v>118</v>
      </c>
      <c r="E14190">
        <v>2018</v>
      </c>
      <c r="F14190">
        <v>2018</v>
      </c>
      <c r="G14190" t="s">
        <v>14</v>
      </c>
      <c r="H14190" t="s">
        <v>123</v>
      </c>
      <c r="I14190" t="s">
        <v>15</v>
      </c>
      <c r="J14190" s="10">
        <v>19.087063130000001</v>
      </c>
    </row>
    <row r="14191" spans="1:10" x14ac:dyDescent="0.35">
      <c r="A14191" t="s">
        <v>33</v>
      </c>
      <c r="B14191" t="s">
        <v>86</v>
      </c>
      <c r="C14191" t="s">
        <v>117</v>
      </c>
      <c r="D14191" t="s">
        <v>118</v>
      </c>
      <c r="E14191">
        <v>2018</v>
      </c>
      <c r="F14191">
        <v>2018</v>
      </c>
      <c r="G14191" t="s">
        <v>14</v>
      </c>
      <c r="H14191" t="s">
        <v>124</v>
      </c>
      <c r="I14191" t="s">
        <v>15</v>
      </c>
      <c r="J14191" s="10">
        <v>2.9817183950000001</v>
      </c>
    </row>
    <row r="14192" spans="1:10" x14ac:dyDescent="0.35">
      <c r="A14192" t="s">
        <v>33</v>
      </c>
      <c r="B14192" t="s">
        <v>86</v>
      </c>
      <c r="C14192" t="s">
        <v>117</v>
      </c>
      <c r="D14192" t="s">
        <v>118</v>
      </c>
      <c r="E14192">
        <v>2018</v>
      </c>
      <c r="F14192">
        <v>2018</v>
      </c>
      <c r="G14192" t="s">
        <v>125</v>
      </c>
      <c r="H14192" t="s">
        <v>119</v>
      </c>
      <c r="I14192" t="s">
        <v>15</v>
      </c>
      <c r="J14192" s="10">
        <v>18.42730048</v>
      </c>
    </row>
    <row r="14193" spans="1:10" x14ac:dyDescent="0.35">
      <c r="A14193" t="s">
        <v>33</v>
      </c>
      <c r="B14193" t="s">
        <v>86</v>
      </c>
      <c r="C14193" t="s">
        <v>117</v>
      </c>
      <c r="D14193" t="s">
        <v>118</v>
      </c>
      <c r="E14193">
        <v>2018</v>
      </c>
      <c r="F14193">
        <v>2018</v>
      </c>
      <c r="G14193" t="s">
        <v>125</v>
      </c>
      <c r="H14193" t="s">
        <v>120</v>
      </c>
      <c r="I14193" t="s">
        <v>15</v>
      </c>
      <c r="J14193" s="10">
        <v>10.53771296</v>
      </c>
    </row>
    <row r="14194" spans="1:10" x14ac:dyDescent="0.35">
      <c r="A14194" t="s">
        <v>33</v>
      </c>
      <c r="B14194" t="s">
        <v>86</v>
      </c>
      <c r="C14194" t="s">
        <v>117</v>
      </c>
      <c r="D14194" t="s">
        <v>118</v>
      </c>
      <c r="E14194">
        <v>2018</v>
      </c>
      <c r="F14194">
        <v>2018</v>
      </c>
      <c r="G14194" t="s">
        <v>125</v>
      </c>
      <c r="H14194" t="s">
        <v>121</v>
      </c>
      <c r="I14194" t="s">
        <v>15</v>
      </c>
      <c r="J14194" s="10">
        <v>28.002295910000001</v>
      </c>
    </row>
    <row r="14195" spans="1:10" x14ac:dyDescent="0.35">
      <c r="A14195" t="s">
        <v>33</v>
      </c>
      <c r="B14195" t="s">
        <v>86</v>
      </c>
      <c r="C14195" t="s">
        <v>117</v>
      </c>
      <c r="D14195" t="s">
        <v>118</v>
      </c>
      <c r="E14195">
        <v>2018</v>
      </c>
      <c r="F14195">
        <v>2018</v>
      </c>
      <c r="G14195" t="s">
        <v>125</v>
      </c>
      <c r="H14195" t="s">
        <v>122</v>
      </c>
      <c r="I14195" t="s">
        <v>15</v>
      </c>
      <c r="J14195" s="10">
        <v>22.105977200000002</v>
      </c>
    </row>
    <row r="14196" spans="1:10" x14ac:dyDescent="0.35">
      <c r="A14196" t="s">
        <v>33</v>
      </c>
      <c r="B14196" t="s">
        <v>86</v>
      </c>
      <c r="C14196" t="s">
        <v>117</v>
      </c>
      <c r="D14196" t="s">
        <v>118</v>
      </c>
      <c r="E14196">
        <v>2018</v>
      </c>
      <c r="F14196">
        <v>2018</v>
      </c>
      <c r="G14196" t="s">
        <v>125</v>
      </c>
      <c r="H14196" t="s">
        <v>123</v>
      </c>
      <c r="I14196" t="s">
        <v>15</v>
      </c>
      <c r="J14196" s="10">
        <v>18.589057889999999</v>
      </c>
    </row>
    <row r="14197" spans="1:10" x14ac:dyDescent="0.35">
      <c r="A14197" t="s">
        <v>33</v>
      </c>
      <c r="B14197" t="s">
        <v>86</v>
      </c>
      <c r="C14197" t="s">
        <v>117</v>
      </c>
      <c r="D14197" t="s">
        <v>118</v>
      </c>
      <c r="E14197">
        <v>2018</v>
      </c>
      <c r="F14197">
        <v>2018</v>
      </c>
      <c r="G14197" t="s">
        <v>125</v>
      </c>
      <c r="H14197" t="s">
        <v>124</v>
      </c>
      <c r="I14197" t="s">
        <v>15</v>
      </c>
      <c r="J14197" s="10">
        <v>2.337655561</v>
      </c>
    </row>
    <row r="14198" spans="1:10" x14ac:dyDescent="0.35">
      <c r="A14198" t="s">
        <v>33</v>
      </c>
      <c r="B14198" t="s">
        <v>86</v>
      </c>
      <c r="C14198" t="s">
        <v>117</v>
      </c>
      <c r="D14198" t="s">
        <v>118</v>
      </c>
      <c r="E14198">
        <v>2018</v>
      </c>
      <c r="F14198">
        <v>2018</v>
      </c>
      <c r="G14198" t="s">
        <v>126</v>
      </c>
      <c r="H14198" t="s">
        <v>119</v>
      </c>
      <c r="I14198" t="s">
        <v>15</v>
      </c>
      <c r="J14198" s="10">
        <v>16.558538030000001</v>
      </c>
    </row>
    <row r="14199" spans="1:10" x14ac:dyDescent="0.35">
      <c r="A14199" t="s">
        <v>33</v>
      </c>
      <c r="B14199" t="s">
        <v>86</v>
      </c>
      <c r="C14199" t="s">
        <v>117</v>
      </c>
      <c r="D14199" t="s">
        <v>118</v>
      </c>
      <c r="E14199">
        <v>2018</v>
      </c>
      <c r="F14199">
        <v>2018</v>
      </c>
      <c r="G14199" t="s">
        <v>126</v>
      </c>
      <c r="H14199" t="s">
        <v>120</v>
      </c>
      <c r="I14199" t="s">
        <v>15</v>
      </c>
      <c r="J14199" s="10">
        <v>8.897087956</v>
      </c>
    </row>
    <row r="14200" spans="1:10" x14ac:dyDescent="0.35">
      <c r="A14200" t="s">
        <v>33</v>
      </c>
      <c r="B14200" t="s">
        <v>86</v>
      </c>
      <c r="C14200" t="s">
        <v>117</v>
      </c>
      <c r="D14200" t="s">
        <v>118</v>
      </c>
      <c r="E14200">
        <v>2018</v>
      </c>
      <c r="F14200">
        <v>2018</v>
      </c>
      <c r="G14200" t="s">
        <v>126</v>
      </c>
      <c r="H14200" t="s">
        <v>121</v>
      </c>
      <c r="I14200" t="s">
        <v>15</v>
      </c>
      <c r="J14200" s="10">
        <v>29.038728209999999</v>
      </c>
    </row>
    <row r="14201" spans="1:10" x14ac:dyDescent="0.35">
      <c r="A14201" t="s">
        <v>33</v>
      </c>
      <c r="B14201" t="s">
        <v>86</v>
      </c>
      <c r="C14201" t="s">
        <v>117</v>
      </c>
      <c r="D14201" t="s">
        <v>118</v>
      </c>
      <c r="E14201">
        <v>2018</v>
      </c>
      <c r="F14201">
        <v>2018</v>
      </c>
      <c r="G14201" t="s">
        <v>126</v>
      </c>
      <c r="H14201" t="s">
        <v>122</v>
      </c>
      <c r="I14201" t="s">
        <v>15</v>
      </c>
      <c r="J14201" s="10">
        <v>22.35291204</v>
      </c>
    </row>
    <row r="14202" spans="1:10" x14ac:dyDescent="0.35">
      <c r="A14202" t="s">
        <v>33</v>
      </c>
      <c r="B14202" t="s">
        <v>86</v>
      </c>
      <c r="C14202" t="s">
        <v>117</v>
      </c>
      <c r="D14202" t="s">
        <v>118</v>
      </c>
      <c r="E14202">
        <v>2018</v>
      </c>
      <c r="F14202">
        <v>2018</v>
      </c>
      <c r="G14202" t="s">
        <v>126</v>
      </c>
      <c r="H14202" t="s">
        <v>123</v>
      </c>
      <c r="I14202" t="s">
        <v>15</v>
      </c>
      <c r="J14202" s="10">
        <v>19.559726619999999</v>
      </c>
    </row>
    <row r="14203" spans="1:10" x14ac:dyDescent="0.35">
      <c r="A14203" t="s">
        <v>33</v>
      </c>
      <c r="B14203" t="s">
        <v>86</v>
      </c>
      <c r="C14203" t="s">
        <v>117</v>
      </c>
      <c r="D14203" t="s">
        <v>118</v>
      </c>
      <c r="E14203">
        <v>2018</v>
      </c>
      <c r="F14203">
        <v>2018</v>
      </c>
      <c r="G14203" t="s">
        <v>126</v>
      </c>
      <c r="H14203" t="s">
        <v>124</v>
      </c>
      <c r="I14203" t="s">
        <v>15</v>
      </c>
      <c r="J14203" s="10">
        <v>3.5930071319999999</v>
      </c>
    </row>
    <row r="14204" spans="1:10" x14ac:dyDescent="0.35">
      <c r="A14204" t="s">
        <v>33</v>
      </c>
      <c r="B14204" t="s">
        <v>86</v>
      </c>
      <c r="C14204" t="s">
        <v>117</v>
      </c>
      <c r="D14204" t="s">
        <v>118</v>
      </c>
      <c r="E14204">
        <v>2017</v>
      </c>
      <c r="F14204">
        <v>2017</v>
      </c>
      <c r="G14204" t="s">
        <v>14</v>
      </c>
      <c r="H14204" t="s">
        <v>119</v>
      </c>
      <c r="I14204" t="s">
        <v>15</v>
      </c>
      <c r="J14204" s="10">
        <v>17.450469770000002</v>
      </c>
    </row>
    <row r="14205" spans="1:10" x14ac:dyDescent="0.35">
      <c r="A14205" t="s">
        <v>33</v>
      </c>
      <c r="B14205" t="s">
        <v>86</v>
      </c>
      <c r="C14205" t="s">
        <v>117</v>
      </c>
      <c r="D14205" t="s">
        <v>118</v>
      </c>
      <c r="E14205">
        <v>2017</v>
      </c>
      <c r="F14205">
        <v>2017</v>
      </c>
      <c r="G14205" t="s">
        <v>14</v>
      </c>
      <c r="H14205" t="s">
        <v>120</v>
      </c>
      <c r="I14205" t="s">
        <v>15</v>
      </c>
      <c r="J14205" s="10">
        <v>9.9800857839999999</v>
      </c>
    </row>
    <row r="14206" spans="1:10" x14ac:dyDescent="0.35">
      <c r="A14206" t="s">
        <v>33</v>
      </c>
      <c r="B14206" t="s">
        <v>86</v>
      </c>
      <c r="C14206" t="s">
        <v>117</v>
      </c>
      <c r="D14206" t="s">
        <v>118</v>
      </c>
      <c r="E14206">
        <v>2017</v>
      </c>
      <c r="F14206">
        <v>2017</v>
      </c>
      <c r="G14206" t="s">
        <v>14</v>
      </c>
      <c r="H14206" t="s">
        <v>121</v>
      </c>
      <c r="I14206" t="s">
        <v>15</v>
      </c>
      <c r="J14206" s="10">
        <v>28.727532679999999</v>
      </c>
    </row>
    <row r="14207" spans="1:10" x14ac:dyDescent="0.35">
      <c r="A14207" t="s">
        <v>33</v>
      </c>
      <c r="B14207" t="s">
        <v>86</v>
      </c>
      <c r="C14207" t="s">
        <v>117</v>
      </c>
      <c r="D14207" t="s">
        <v>118</v>
      </c>
      <c r="E14207">
        <v>2017</v>
      </c>
      <c r="F14207">
        <v>2017</v>
      </c>
      <c r="G14207" t="s">
        <v>14</v>
      </c>
      <c r="H14207" t="s">
        <v>122</v>
      </c>
      <c r="I14207" t="s">
        <v>15</v>
      </c>
      <c r="J14207" s="10">
        <v>22.18903186</v>
      </c>
    </row>
    <row r="14208" spans="1:10" x14ac:dyDescent="0.35">
      <c r="A14208" t="s">
        <v>33</v>
      </c>
      <c r="B14208" t="s">
        <v>86</v>
      </c>
      <c r="C14208" t="s">
        <v>117</v>
      </c>
      <c r="D14208" t="s">
        <v>118</v>
      </c>
      <c r="E14208">
        <v>2017</v>
      </c>
      <c r="F14208">
        <v>2017</v>
      </c>
      <c r="G14208" t="s">
        <v>14</v>
      </c>
      <c r="H14208" t="s">
        <v>123</v>
      </c>
      <c r="I14208" t="s">
        <v>15</v>
      </c>
      <c r="J14208" s="10">
        <v>18.71042688</v>
      </c>
    </row>
    <row r="14209" spans="1:10" x14ac:dyDescent="0.35">
      <c r="A14209" t="s">
        <v>33</v>
      </c>
      <c r="B14209" t="s">
        <v>86</v>
      </c>
      <c r="C14209" t="s">
        <v>117</v>
      </c>
      <c r="D14209" t="s">
        <v>118</v>
      </c>
      <c r="E14209">
        <v>2017</v>
      </c>
      <c r="F14209">
        <v>2017</v>
      </c>
      <c r="G14209" t="s">
        <v>14</v>
      </c>
      <c r="H14209" t="s">
        <v>124</v>
      </c>
      <c r="I14209" t="s">
        <v>15</v>
      </c>
      <c r="J14209" s="10">
        <v>2.9424530230000001</v>
      </c>
    </row>
    <row r="14210" spans="1:10" x14ac:dyDescent="0.35">
      <c r="A14210" t="s">
        <v>33</v>
      </c>
      <c r="B14210" t="s">
        <v>86</v>
      </c>
      <c r="C14210" t="s">
        <v>117</v>
      </c>
      <c r="D14210" t="s">
        <v>118</v>
      </c>
      <c r="E14210">
        <v>2017</v>
      </c>
      <c r="F14210">
        <v>2017</v>
      </c>
      <c r="G14210" t="s">
        <v>125</v>
      </c>
      <c r="H14210" t="s">
        <v>119</v>
      </c>
      <c r="I14210" t="s">
        <v>15</v>
      </c>
      <c r="J14210" s="10">
        <v>18.52988225</v>
      </c>
    </row>
    <row r="14211" spans="1:10" x14ac:dyDescent="0.35">
      <c r="A14211" t="s">
        <v>33</v>
      </c>
      <c r="B14211" t="s">
        <v>86</v>
      </c>
      <c r="C14211" t="s">
        <v>117</v>
      </c>
      <c r="D14211" t="s">
        <v>118</v>
      </c>
      <c r="E14211">
        <v>2017</v>
      </c>
      <c r="F14211">
        <v>2017</v>
      </c>
      <c r="G14211" t="s">
        <v>125</v>
      </c>
      <c r="H14211" t="s">
        <v>120</v>
      </c>
      <c r="I14211" t="s">
        <v>15</v>
      </c>
      <c r="J14211" s="10">
        <v>10.74921984</v>
      </c>
    </row>
    <row r="14212" spans="1:10" x14ac:dyDescent="0.35">
      <c r="A14212" t="s">
        <v>33</v>
      </c>
      <c r="B14212" t="s">
        <v>86</v>
      </c>
      <c r="C14212" t="s">
        <v>117</v>
      </c>
      <c r="D14212" t="s">
        <v>118</v>
      </c>
      <c r="E14212">
        <v>2017</v>
      </c>
      <c r="F14212">
        <v>2017</v>
      </c>
      <c r="G14212" t="s">
        <v>125</v>
      </c>
      <c r="H14212" t="s">
        <v>121</v>
      </c>
      <c r="I14212" t="s">
        <v>15</v>
      </c>
      <c r="J14212" s="10">
        <v>28.164581859999998</v>
      </c>
    </row>
    <row r="14213" spans="1:10" x14ac:dyDescent="0.35">
      <c r="A14213" t="s">
        <v>33</v>
      </c>
      <c r="B14213" t="s">
        <v>86</v>
      </c>
      <c r="C14213" t="s">
        <v>117</v>
      </c>
      <c r="D14213" t="s">
        <v>118</v>
      </c>
      <c r="E14213">
        <v>2017</v>
      </c>
      <c r="F14213">
        <v>2017</v>
      </c>
      <c r="G14213" t="s">
        <v>125</v>
      </c>
      <c r="H14213" t="s">
        <v>122</v>
      </c>
      <c r="I14213" t="s">
        <v>15</v>
      </c>
      <c r="J14213" s="10">
        <v>22.285159839999999</v>
      </c>
    </row>
    <row r="14214" spans="1:10" x14ac:dyDescent="0.35">
      <c r="A14214" t="s">
        <v>33</v>
      </c>
      <c r="B14214" t="s">
        <v>86</v>
      </c>
      <c r="C14214" t="s">
        <v>117</v>
      </c>
      <c r="D14214" t="s">
        <v>118</v>
      </c>
      <c r="E14214">
        <v>2017</v>
      </c>
      <c r="F14214">
        <v>2017</v>
      </c>
      <c r="G14214" t="s">
        <v>125</v>
      </c>
      <c r="H14214" t="s">
        <v>123</v>
      </c>
      <c r="I14214" t="s">
        <v>15</v>
      </c>
      <c r="J14214" s="10">
        <v>18.060472560000001</v>
      </c>
    </row>
    <row r="14215" spans="1:10" x14ac:dyDescent="0.35">
      <c r="A14215" t="s">
        <v>33</v>
      </c>
      <c r="B14215" t="s">
        <v>86</v>
      </c>
      <c r="C14215" t="s">
        <v>117</v>
      </c>
      <c r="D14215" t="s">
        <v>118</v>
      </c>
      <c r="E14215">
        <v>2017</v>
      </c>
      <c r="F14215">
        <v>2017</v>
      </c>
      <c r="G14215" t="s">
        <v>125</v>
      </c>
      <c r="H14215" t="s">
        <v>124</v>
      </c>
      <c r="I14215" t="s">
        <v>15</v>
      </c>
      <c r="J14215" s="10">
        <v>2.2106836599999999</v>
      </c>
    </row>
    <row r="14216" spans="1:10" x14ac:dyDescent="0.35">
      <c r="A14216" t="s">
        <v>33</v>
      </c>
      <c r="B14216" t="s">
        <v>86</v>
      </c>
      <c r="C14216" t="s">
        <v>117</v>
      </c>
      <c r="D14216" t="s">
        <v>118</v>
      </c>
      <c r="E14216">
        <v>2017</v>
      </c>
      <c r="F14216">
        <v>2017</v>
      </c>
      <c r="G14216" t="s">
        <v>126</v>
      </c>
      <c r="H14216" t="s">
        <v>119</v>
      </c>
      <c r="I14216" t="s">
        <v>15</v>
      </c>
      <c r="J14216" s="10">
        <v>16.426634830000001</v>
      </c>
    </row>
    <row r="14217" spans="1:10" x14ac:dyDescent="0.35">
      <c r="A14217" t="s">
        <v>33</v>
      </c>
      <c r="B14217" t="s">
        <v>86</v>
      </c>
      <c r="C14217" t="s">
        <v>117</v>
      </c>
      <c r="D14217" t="s">
        <v>118</v>
      </c>
      <c r="E14217">
        <v>2017</v>
      </c>
      <c r="F14217">
        <v>2017</v>
      </c>
      <c r="G14217" t="s">
        <v>126</v>
      </c>
      <c r="H14217" t="s">
        <v>120</v>
      </c>
      <c r="I14217" t="s">
        <v>15</v>
      </c>
      <c r="J14217" s="10">
        <v>9.2505534409999992</v>
      </c>
    </row>
    <row r="14218" spans="1:10" x14ac:dyDescent="0.35">
      <c r="A14218" t="s">
        <v>33</v>
      </c>
      <c r="B14218" t="s">
        <v>86</v>
      </c>
      <c r="C14218" t="s">
        <v>117</v>
      </c>
      <c r="D14218" t="s">
        <v>118</v>
      </c>
      <c r="E14218">
        <v>2017</v>
      </c>
      <c r="F14218">
        <v>2017</v>
      </c>
      <c r="G14218" t="s">
        <v>126</v>
      </c>
      <c r="H14218" t="s">
        <v>121</v>
      </c>
      <c r="I14218" t="s">
        <v>15</v>
      </c>
      <c r="J14218" s="10">
        <v>29.261497899999998</v>
      </c>
    </row>
    <row r="14219" spans="1:10" x14ac:dyDescent="0.35">
      <c r="A14219" t="s">
        <v>33</v>
      </c>
      <c r="B14219" t="s">
        <v>86</v>
      </c>
      <c r="C14219" t="s">
        <v>117</v>
      </c>
      <c r="D14219" t="s">
        <v>118</v>
      </c>
      <c r="E14219">
        <v>2017</v>
      </c>
      <c r="F14219">
        <v>2017</v>
      </c>
      <c r="G14219" t="s">
        <v>126</v>
      </c>
      <c r="H14219" t="s">
        <v>122</v>
      </c>
      <c r="I14219" t="s">
        <v>15</v>
      </c>
      <c r="J14219" s="10">
        <v>22.097853390000001</v>
      </c>
    </row>
    <row r="14220" spans="1:10" x14ac:dyDescent="0.35">
      <c r="A14220" t="s">
        <v>33</v>
      </c>
      <c r="B14220" t="s">
        <v>86</v>
      </c>
      <c r="C14220" t="s">
        <v>117</v>
      </c>
      <c r="D14220" t="s">
        <v>118</v>
      </c>
      <c r="E14220">
        <v>2017</v>
      </c>
      <c r="F14220">
        <v>2017</v>
      </c>
      <c r="G14220" t="s">
        <v>126</v>
      </c>
      <c r="H14220" t="s">
        <v>123</v>
      </c>
      <c r="I14220" t="s">
        <v>15</v>
      </c>
      <c r="J14220" s="10">
        <v>19.326915899999999</v>
      </c>
    </row>
    <row r="14221" spans="1:10" x14ac:dyDescent="0.35">
      <c r="A14221" t="s">
        <v>33</v>
      </c>
      <c r="B14221" t="s">
        <v>86</v>
      </c>
      <c r="C14221" t="s">
        <v>117</v>
      </c>
      <c r="D14221" t="s">
        <v>118</v>
      </c>
      <c r="E14221">
        <v>2017</v>
      </c>
      <c r="F14221">
        <v>2017</v>
      </c>
      <c r="G14221" t="s">
        <v>126</v>
      </c>
      <c r="H14221" t="s">
        <v>124</v>
      </c>
      <c r="I14221" t="s">
        <v>15</v>
      </c>
      <c r="J14221" s="10">
        <v>3.6365445360000002</v>
      </c>
    </row>
    <row r="14222" spans="1:10" x14ac:dyDescent="0.35">
      <c r="A14222" t="s">
        <v>33</v>
      </c>
      <c r="B14222" t="s">
        <v>86</v>
      </c>
      <c r="C14222" t="s">
        <v>117</v>
      </c>
      <c r="D14222" t="s">
        <v>118</v>
      </c>
      <c r="E14222">
        <v>2016</v>
      </c>
      <c r="F14222">
        <v>2016</v>
      </c>
      <c r="G14222" t="s">
        <v>14</v>
      </c>
      <c r="H14222" t="s">
        <v>119</v>
      </c>
      <c r="I14222" t="s">
        <v>15</v>
      </c>
      <c r="J14222" s="10">
        <v>17.503205950000002</v>
      </c>
    </row>
    <row r="14223" spans="1:10" x14ac:dyDescent="0.35">
      <c r="A14223" t="s">
        <v>33</v>
      </c>
      <c r="B14223" t="s">
        <v>86</v>
      </c>
      <c r="C14223" t="s">
        <v>117</v>
      </c>
      <c r="D14223" t="s">
        <v>118</v>
      </c>
      <c r="E14223">
        <v>2016</v>
      </c>
      <c r="F14223">
        <v>2016</v>
      </c>
      <c r="G14223" t="s">
        <v>14</v>
      </c>
      <c r="H14223" t="s">
        <v>120</v>
      </c>
      <c r="I14223" t="s">
        <v>15</v>
      </c>
      <c r="J14223" s="10">
        <v>10.214157480000001</v>
      </c>
    </row>
    <row r="14224" spans="1:10" x14ac:dyDescent="0.35">
      <c r="A14224" t="s">
        <v>33</v>
      </c>
      <c r="B14224" t="s">
        <v>86</v>
      </c>
      <c r="C14224" t="s">
        <v>117</v>
      </c>
      <c r="D14224" t="s">
        <v>118</v>
      </c>
      <c r="E14224">
        <v>2016</v>
      </c>
      <c r="F14224">
        <v>2016</v>
      </c>
      <c r="G14224" t="s">
        <v>14</v>
      </c>
      <c r="H14224" t="s">
        <v>121</v>
      </c>
      <c r="I14224" t="s">
        <v>15</v>
      </c>
      <c r="J14224" s="10">
        <v>29.01769685</v>
      </c>
    </row>
    <row r="14225" spans="1:10" x14ac:dyDescent="0.35">
      <c r="A14225" t="s">
        <v>33</v>
      </c>
      <c r="B14225" t="s">
        <v>86</v>
      </c>
      <c r="C14225" t="s">
        <v>117</v>
      </c>
      <c r="D14225" t="s">
        <v>118</v>
      </c>
      <c r="E14225">
        <v>2016</v>
      </c>
      <c r="F14225">
        <v>2016</v>
      </c>
      <c r="G14225" t="s">
        <v>14</v>
      </c>
      <c r="H14225" t="s">
        <v>122</v>
      </c>
      <c r="I14225" t="s">
        <v>15</v>
      </c>
      <c r="J14225" s="10">
        <v>21.8427802</v>
      </c>
    </row>
    <row r="14226" spans="1:10" x14ac:dyDescent="0.35">
      <c r="A14226" t="s">
        <v>33</v>
      </c>
      <c r="B14226" t="s">
        <v>86</v>
      </c>
      <c r="C14226" t="s">
        <v>117</v>
      </c>
      <c r="D14226" t="s">
        <v>118</v>
      </c>
      <c r="E14226">
        <v>2016</v>
      </c>
      <c r="F14226">
        <v>2016</v>
      </c>
      <c r="G14226" t="s">
        <v>14</v>
      </c>
      <c r="H14226" t="s">
        <v>123</v>
      </c>
      <c r="I14226" t="s">
        <v>15</v>
      </c>
      <c r="J14226" s="10">
        <v>18.572710950000001</v>
      </c>
    </row>
    <row r="14227" spans="1:10" x14ac:dyDescent="0.35">
      <c r="A14227" t="s">
        <v>33</v>
      </c>
      <c r="B14227" t="s">
        <v>86</v>
      </c>
      <c r="C14227" t="s">
        <v>117</v>
      </c>
      <c r="D14227" t="s">
        <v>118</v>
      </c>
      <c r="E14227">
        <v>2016</v>
      </c>
      <c r="F14227">
        <v>2016</v>
      </c>
      <c r="G14227" t="s">
        <v>14</v>
      </c>
      <c r="H14227" t="s">
        <v>124</v>
      </c>
      <c r="I14227" t="s">
        <v>15</v>
      </c>
      <c r="J14227" s="10">
        <v>2.849448577</v>
      </c>
    </row>
    <row r="14228" spans="1:10" x14ac:dyDescent="0.35">
      <c r="A14228" t="s">
        <v>33</v>
      </c>
      <c r="B14228" t="s">
        <v>86</v>
      </c>
      <c r="C14228" t="s">
        <v>117</v>
      </c>
      <c r="D14228" t="s">
        <v>118</v>
      </c>
      <c r="E14228">
        <v>2016</v>
      </c>
      <c r="F14228">
        <v>2016</v>
      </c>
      <c r="G14228" t="s">
        <v>125</v>
      </c>
      <c r="H14228" t="s">
        <v>119</v>
      </c>
      <c r="I14228" t="s">
        <v>15</v>
      </c>
      <c r="J14228" s="10">
        <v>18.599550799999999</v>
      </c>
    </row>
    <row r="14229" spans="1:10" x14ac:dyDescent="0.35">
      <c r="A14229" t="s">
        <v>33</v>
      </c>
      <c r="B14229" t="s">
        <v>86</v>
      </c>
      <c r="C14229" t="s">
        <v>117</v>
      </c>
      <c r="D14229" t="s">
        <v>118</v>
      </c>
      <c r="E14229">
        <v>2016</v>
      </c>
      <c r="F14229">
        <v>2016</v>
      </c>
      <c r="G14229" t="s">
        <v>125</v>
      </c>
      <c r="H14229" t="s">
        <v>120</v>
      </c>
      <c r="I14229" t="s">
        <v>15</v>
      </c>
      <c r="J14229" s="10">
        <v>10.98163562</v>
      </c>
    </row>
    <row r="14230" spans="1:10" x14ac:dyDescent="0.35">
      <c r="A14230" t="s">
        <v>33</v>
      </c>
      <c r="B14230" t="s">
        <v>86</v>
      </c>
      <c r="C14230" t="s">
        <v>117</v>
      </c>
      <c r="D14230" t="s">
        <v>118</v>
      </c>
      <c r="E14230">
        <v>2016</v>
      </c>
      <c r="F14230">
        <v>2016</v>
      </c>
      <c r="G14230" t="s">
        <v>125</v>
      </c>
      <c r="H14230" t="s">
        <v>121</v>
      </c>
      <c r="I14230" t="s">
        <v>15</v>
      </c>
      <c r="J14230" s="10">
        <v>28.38155635</v>
      </c>
    </row>
    <row r="14231" spans="1:10" x14ac:dyDescent="0.35">
      <c r="A14231" t="s">
        <v>33</v>
      </c>
      <c r="B14231" t="s">
        <v>86</v>
      </c>
      <c r="C14231" t="s">
        <v>117</v>
      </c>
      <c r="D14231" t="s">
        <v>118</v>
      </c>
      <c r="E14231">
        <v>2016</v>
      </c>
      <c r="F14231">
        <v>2016</v>
      </c>
      <c r="G14231" t="s">
        <v>125</v>
      </c>
      <c r="H14231" t="s">
        <v>122</v>
      </c>
      <c r="I14231" t="s">
        <v>15</v>
      </c>
      <c r="J14231" s="10">
        <v>22.132382079999999</v>
      </c>
    </row>
    <row r="14232" spans="1:10" x14ac:dyDescent="0.35">
      <c r="A14232" t="s">
        <v>33</v>
      </c>
      <c r="B14232" t="s">
        <v>86</v>
      </c>
      <c r="C14232" t="s">
        <v>117</v>
      </c>
      <c r="D14232" t="s">
        <v>118</v>
      </c>
      <c r="E14232">
        <v>2016</v>
      </c>
      <c r="F14232">
        <v>2016</v>
      </c>
      <c r="G14232" t="s">
        <v>125</v>
      </c>
      <c r="H14232" t="s">
        <v>123</v>
      </c>
      <c r="I14232" t="s">
        <v>15</v>
      </c>
      <c r="J14232" s="10">
        <v>17.849121419999999</v>
      </c>
    </row>
    <row r="14233" spans="1:10" x14ac:dyDescent="0.35">
      <c r="A14233" t="s">
        <v>33</v>
      </c>
      <c r="B14233" t="s">
        <v>86</v>
      </c>
      <c r="C14233" t="s">
        <v>117</v>
      </c>
      <c r="D14233" t="s">
        <v>118</v>
      </c>
      <c r="E14233">
        <v>2016</v>
      </c>
      <c r="F14233">
        <v>2016</v>
      </c>
      <c r="G14233" t="s">
        <v>125</v>
      </c>
      <c r="H14233" t="s">
        <v>124</v>
      </c>
      <c r="I14233" t="s">
        <v>15</v>
      </c>
      <c r="J14233" s="10">
        <v>2.0557537319999999</v>
      </c>
    </row>
    <row r="14234" spans="1:10" x14ac:dyDescent="0.35">
      <c r="A14234" t="s">
        <v>33</v>
      </c>
      <c r="B14234" t="s">
        <v>86</v>
      </c>
      <c r="C14234" t="s">
        <v>117</v>
      </c>
      <c r="D14234" t="s">
        <v>118</v>
      </c>
      <c r="E14234">
        <v>2016</v>
      </c>
      <c r="F14234">
        <v>2016</v>
      </c>
      <c r="G14234" t="s">
        <v>126</v>
      </c>
      <c r="H14234" t="s">
        <v>119</v>
      </c>
      <c r="I14234" t="s">
        <v>15</v>
      </c>
      <c r="J14234" s="10">
        <v>16.469415720000001</v>
      </c>
    </row>
    <row r="14235" spans="1:10" x14ac:dyDescent="0.35">
      <c r="A14235" t="s">
        <v>33</v>
      </c>
      <c r="B14235" t="s">
        <v>86</v>
      </c>
      <c r="C14235" t="s">
        <v>117</v>
      </c>
      <c r="D14235" t="s">
        <v>118</v>
      </c>
      <c r="E14235">
        <v>2016</v>
      </c>
      <c r="F14235">
        <v>2016</v>
      </c>
      <c r="G14235" t="s">
        <v>126</v>
      </c>
      <c r="H14235" t="s">
        <v>120</v>
      </c>
      <c r="I14235" t="s">
        <v>15</v>
      </c>
      <c r="J14235" s="10">
        <v>9.4904696650000009</v>
      </c>
    </row>
    <row r="14236" spans="1:10" x14ac:dyDescent="0.35">
      <c r="A14236" t="s">
        <v>33</v>
      </c>
      <c r="B14236" t="s">
        <v>86</v>
      </c>
      <c r="C14236" t="s">
        <v>117</v>
      </c>
      <c r="D14236" t="s">
        <v>118</v>
      </c>
      <c r="E14236">
        <v>2016</v>
      </c>
      <c r="F14236">
        <v>2016</v>
      </c>
      <c r="G14236" t="s">
        <v>126</v>
      </c>
      <c r="H14236" t="s">
        <v>121</v>
      </c>
      <c r="I14236" t="s">
        <v>15</v>
      </c>
      <c r="J14236" s="10">
        <v>29.6175408</v>
      </c>
    </row>
    <row r="14237" spans="1:10" x14ac:dyDescent="0.35">
      <c r="A14237" t="s">
        <v>33</v>
      </c>
      <c r="B14237" t="s">
        <v>86</v>
      </c>
      <c r="C14237" t="s">
        <v>117</v>
      </c>
      <c r="D14237" t="s">
        <v>118</v>
      </c>
      <c r="E14237">
        <v>2016</v>
      </c>
      <c r="F14237">
        <v>2016</v>
      </c>
      <c r="G14237" t="s">
        <v>126</v>
      </c>
      <c r="H14237" t="s">
        <v>122</v>
      </c>
      <c r="I14237" t="s">
        <v>15</v>
      </c>
      <c r="J14237" s="10">
        <v>21.569702249999999</v>
      </c>
    </row>
    <row r="14238" spans="1:10" x14ac:dyDescent="0.35">
      <c r="A14238" t="s">
        <v>33</v>
      </c>
      <c r="B14238" t="s">
        <v>86</v>
      </c>
      <c r="C14238" t="s">
        <v>117</v>
      </c>
      <c r="D14238" t="s">
        <v>118</v>
      </c>
      <c r="E14238">
        <v>2016</v>
      </c>
      <c r="F14238">
        <v>2016</v>
      </c>
      <c r="G14238" t="s">
        <v>126</v>
      </c>
      <c r="H14238" t="s">
        <v>123</v>
      </c>
      <c r="I14238" t="s">
        <v>15</v>
      </c>
      <c r="J14238" s="10">
        <v>19.255014330000002</v>
      </c>
    </row>
    <row r="14239" spans="1:10" x14ac:dyDescent="0.35">
      <c r="A14239" t="s">
        <v>33</v>
      </c>
      <c r="B14239" t="s">
        <v>86</v>
      </c>
      <c r="C14239" t="s">
        <v>117</v>
      </c>
      <c r="D14239" t="s">
        <v>118</v>
      </c>
      <c r="E14239">
        <v>2016</v>
      </c>
      <c r="F14239">
        <v>2016</v>
      </c>
      <c r="G14239" t="s">
        <v>126</v>
      </c>
      <c r="H14239" t="s">
        <v>124</v>
      </c>
      <c r="I14239" t="s">
        <v>15</v>
      </c>
      <c r="J14239" s="10">
        <v>3.597857232</v>
      </c>
    </row>
    <row r="14240" spans="1:10" x14ac:dyDescent="0.35">
      <c r="A14240" t="s">
        <v>33</v>
      </c>
      <c r="B14240" t="s">
        <v>86</v>
      </c>
      <c r="C14240" t="s">
        <v>117</v>
      </c>
      <c r="D14240" t="s">
        <v>118</v>
      </c>
      <c r="E14240">
        <v>2015</v>
      </c>
      <c r="F14240">
        <v>2015</v>
      </c>
      <c r="G14240" t="s">
        <v>14</v>
      </c>
      <c r="H14240" t="s">
        <v>119</v>
      </c>
      <c r="I14240" t="s">
        <v>15</v>
      </c>
      <c r="J14240" s="10">
        <v>17.658453430000002</v>
      </c>
    </row>
    <row r="14241" spans="1:10" x14ac:dyDescent="0.35">
      <c r="A14241" t="s">
        <v>33</v>
      </c>
      <c r="B14241" t="s">
        <v>86</v>
      </c>
      <c r="C14241" t="s">
        <v>117</v>
      </c>
      <c r="D14241" t="s">
        <v>118</v>
      </c>
      <c r="E14241">
        <v>2015</v>
      </c>
      <c r="F14241">
        <v>2015</v>
      </c>
      <c r="G14241" t="s">
        <v>14</v>
      </c>
      <c r="H14241" t="s">
        <v>120</v>
      </c>
      <c r="I14241" t="s">
        <v>15</v>
      </c>
      <c r="J14241" s="10">
        <v>10.309158529999999</v>
      </c>
    </row>
    <row r="14242" spans="1:10" x14ac:dyDescent="0.35">
      <c r="A14242" t="s">
        <v>33</v>
      </c>
      <c r="B14242" t="s">
        <v>86</v>
      </c>
      <c r="C14242" t="s">
        <v>117</v>
      </c>
      <c r="D14242" t="s">
        <v>118</v>
      </c>
      <c r="E14242">
        <v>2015</v>
      </c>
      <c r="F14242">
        <v>2015</v>
      </c>
      <c r="G14242" t="s">
        <v>14</v>
      </c>
      <c r="H14242" t="s">
        <v>121</v>
      </c>
      <c r="I14242" t="s">
        <v>15</v>
      </c>
      <c r="J14242" s="10">
        <v>29.346815429999999</v>
      </c>
    </row>
    <row r="14243" spans="1:10" x14ac:dyDescent="0.35">
      <c r="A14243" t="s">
        <v>33</v>
      </c>
      <c r="B14243" t="s">
        <v>86</v>
      </c>
      <c r="C14243" t="s">
        <v>117</v>
      </c>
      <c r="D14243" t="s">
        <v>118</v>
      </c>
      <c r="E14243">
        <v>2015</v>
      </c>
      <c r="F14243">
        <v>2015</v>
      </c>
      <c r="G14243" t="s">
        <v>14</v>
      </c>
      <c r="H14243" t="s">
        <v>122</v>
      </c>
      <c r="I14243" t="s">
        <v>15</v>
      </c>
      <c r="J14243" s="10">
        <v>21.604938270000002</v>
      </c>
    </row>
    <row r="14244" spans="1:10" x14ac:dyDescent="0.35">
      <c r="A14244" t="s">
        <v>33</v>
      </c>
      <c r="B14244" t="s">
        <v>86</v>
      </c>
      <c r="C14244" t="s">
        <v>117</v>
      </c>
      <c r="D14244" t="s">
        <v>118</v>
      </c>
      <c r="E14244">
        <v>2015</v>
      </c>
      <c r="F14244">
        <v>2015</v>
      </c>
      <c r="G14244" t="s">
        <v>14</v>
      </c>
      <c r="H14244" t="s">
        <v>123</v>
      </c>
      <c r="I14244" t="s">
        <v>15</v>
      </c>
      <c r="J14244" s="10">
        <v>18.301565159999999</v>
      </c>
    </row>
    <row r="14245" spans="1:10" x14ac:dyDescent="0.35">
      <c r="A14245" t="s">
        <v>33</v>
      </c>
      <c r="B14245" t="s">
        <v>86</v>
      </c>
      <c r="C14245" t="s">
        <v>117</v>
      </c>
      <c r="D14245" t="s">
        <v>118</v>
      </c>
      <c r="E14245">
        <v>2015</v>
      </c>
      <c r="F14245">
        <v>2015</v>
      </c>
      <c r="G14245" t="s">
        <v>14</v>
      </c>
      <c r="H14245" t="s">
        <v>124</v>
      </c>
      <c r="I14245" t="s">
        <v>15</v>
      </c>
      <c r="J14245" s="10">
        <v>2.7790691669999998</v>
      </c>
    </row>
    <row r="14246" spans="1:10" x14ac:dyDescent="0.35">
      <c r="A14246" t="s">
        <v>33</v>
      </c>
      <c r="B14246" t="s">
        <v>86</v>
      </c>
      <c r="C14246" t="s">
        <v>117</v>
      </c>
      <c r="D14246" t="s">
        <v>118</v>
      </c>
      <c r="E14246">
        <v>2015</v>
      </c>
      <c r="F14246">
        <v>2015</v>
      </c>
      <c r="G14246" t="s">
        <v>125</v>
      </c>
      <c r="H14246" t="s">
        <v>119</v>
      </c>
      <c r="I14246" t="s">
        <v>15</v>
      </c>
      <c r="J14246" s="10">
        <v>18.706629660000001</v>
      </c>
    </row>
    <row r="14247" spans="1:10" x14ac:dyDescent="0.35">
      <c r="A14247" t="s">
        <v>33</v>
      </c>
      <c r="B14247" t="s">
        <v>86</v>
      </c>
      <c r="C14247" t="s">
        <v>117</v>
      </c>
      <c r="D14247" t="s">
        <v>118</v>
      </c>
      <c r="E14247">
        <v>2015</v>
      </c>
      <c r="F14247">
        <v>2015</v>
      </c>
      <c r="G14247" t="s">
        <v>125</v>
      </c>
      <c r="H14247" t="s">
        <v>120</v>
      </c>
      <c r="I14247" t="s">
        <v>15</v>
      </c>
      <c r="J14247" s="10">
        <v>11.161524500000001</v>
      </c>
    </row>
    <row r="14248" spans="1:10" x14ac:dyDescent="0.35">
      <c r="A14248" t="s">
        <v>33</v>
      </c>
      <c r="B14248" t="s">
        <v>86</v>
      </c>
      <c r="C14248" t="s">
        <v>117</v>
      </c>
      <c r="D14248" t="s">
        <v>118</v>
      </c>
      <c r="E14248">
        <v>2015</v>
      </c>
      <c r="F14248">
        <v>2015</v>
      </c>
      <c r="G14248" t="s">
        <v>125</v>
      </c>
      <c r="H14248" t="s">
        <v>121</v>
      </c>
      <c r="I14248" t="s">
        <v>15</v>
      </c>
      <c r="J14248" s="10">
        <v>28.656453509999999</v>
      </c>
    </row>
    <row r="14249" spans="1:10" x14ac:dyDescent="0.35">
      <c r="A14249" t="s">
        <v>33</v>
      </c>
      <c r="B14249" t="s">
        <v>86</v>
      </c>
      <c r="C14249" t="s">
        <v>117</v>
      </c>
      <c r="D14249" t="s">
        <v>118</v>
      </c>
      <c r="E14249">
        <v>2015</v>
      </c>
      <c r="F14249">
        <v>2015</v>
      </c>
      <c r="G14249" t="s">
        <v>125</v>
      </c>
      <c r="H14249" t="s">
        <v>122</v>
      </c>
      <c r="I14249" t="s">
        <v>15</v>
      </c>
      <c r="J14249" s="10">
        <v>21.930714210000001</v>
      </c>
    </row>
    <row r="14250" spans="1:10" x14ac:dyDescent="0.35">
      <c r="A14250" t="s">
        <v>33</v>
      </c>
      <c r="B14250" t="s">
        <v>86</v>
      </c>
      <c r="C14250" t="s">
        <v>117</v>
      </c>
      <c r="D14250" t="s">
        <v>118</v>
      </c>
      <c r="E14250">
        <v>2015</v>
      </c>
      <c r="F14250">
        <v>2015</v>
      </c>
      <c r="G14250" t="s">
        <v>125</v>
      </c>
      <c r="H14250" t="s">
        <v>123</v>
      </c>
      <c r="I14250" t="s">
        <v>15</v>
      </c>
      <c r="J14250" s="10">
        <v>17.60702466</v>
      </c>
    </row>
    <row r="14251" spans="1:10" x14ac:dyDescent="0.35">
      <c r="A14251" t="s">
        <v>33</v>
      </c>
      <c r="B14251" t="s">
        <v>86</v>
      </c>
      <c r="C14251" t="s">
        <v>117</v>
      </c>
      <c r="D14251" t="s">
        <v>118</v>
      </c>
      <c r="E14251">
        <v>2015</v>
      </c>
      <c r="F14251">
        <v>2015</v>
      </c>
      <c r="G14251" t="s">
        <v>125</v>
      </c>
      <c r="H14251" t="s">
        <v>124</v>
      </c>
      <c r="I14251" t="s">
        <v>15</v>
      </c>
      <c r="J14251" s="10">
        <v>1.937653464</v>
      </c>
    </row>
    <row r="14252" spans="1:10" x14ac:dyDescent="0.35">
      <c r="A14252" t="s">
        <v>33</v>
      </c>
      <c r="B14252" t="s">
        <v>86</v>
      </c>
      <c r="C14252" t="s">
        <v>117</v>
      </c>
      <c r="D14252" t="s">
        <v>118</v>
      </c>
      <c r="E14252">
        <v>2015</v>
      </c>
      <c r="F14252">
        <v>2015</v>
      </c>
      <c r="G14252" t="s">
        <v>126</v>
      </c>
      <c r="H14252" t="s">
        <v>119</v>
      </c>
      <c r="I14252" t="s">
        <v>15</v>
      </c>
      <c r="J14252" s="10">
        <v>16.675840669999999</v>
      </c>
    </row>
    <row r="14253" spans="1:10" x14ac:dyDescent="0.35">
      <c r="A14253" t="s">
        <v>33</v>
      </c>
      <c r="B14253" t="s">
        <v>86</v>
      </c>
      <c r="C14253" t="s">
        <v>117</v>
      </c>
      <c r="D14253" t="s">
        <v>118</v>
      </c>
      <c r="E14253">
        <v>2015</v>
      </c>
      <c r="F14253">
        <v>2015</v>
      </c>
      <c r="G14253" t="s">
        <v>126</v>
      </c>
      <c r="H14253" t="s">
        <v>120</v>
      </c>
      <c r="I14253" t="s">
        <v>15</v>
      </c>
      <c r="J14253" s="10">
        <v>9.5101080860000007</v>
      </c>
    </row>
    <row r="14254" spans="1:10" x14ac:dyDescent="0.35">
      <c r="A14254" t="s">
        <v>33</v>
      </c>
      <c r="B14254" t="s">
        <v>86</v>
      </c>
      <c r="C14254" t="s">
        <v>117</v>
      </c>
      <c r="D14254" t="s">
        <v>118</v>
      </c>
      <c r="E14254">
        <v>2015</v>
      </c>
      <c r="F14254">
        <v>2015</v>
      </c>
      <c r="G14254" t="s">
        <v>126</v>
      </c>
      <c r="H14254" t="s">
        <v>121</v>
      </c>
      <c r="I14254" t="s">
        <v>15</v>
      </c>
      <c r="J14254" s="10">
        <v>29.993995200000001</v>
      </c>
    </row>
    <row r="14255" spans="1:10" x14ac:dyDescent="0.35">
      <c r="A14255" t="s">
        <v>33</v>
      </c>
      <c r="B14255" t="s">
        <v>86</v>
      </c>
      <c r="C14255" t="s">
        <v>117</v>
      </c>
      <c r="D14255" t="s">
        <v>118</v>
      </c>
      <c r="E14255">
        <v>2015</v>
      </c>
      <c r="F14255">
        <v>2015</v>
      </c>
      <c r="G14255" t="s">
        <v>126</v>
      </c>
      <c r="H14255" t="s">
        <v>122</v>
      </c>
      <c r="I14255" t="s">
        <v>15</v>
      </c>
      <c r="J14255" s="10">
        <v>21.299539630000002</v>
      </c>
    </row>
    <row r="14256" spans="1:10" x14ac:dyDescent="0.35">
      <c r="A14256" t="s">
        <v>33</v>
      </c>
      <c r="B14256" t="s">
        <v>86</v>
      </c>
      <c r="C14256" t="s">
        <v>117</v>
      </c>
      <c r="D14256" t="s">
        <v>118</v>
      </c>
      <c r="E14256">
        <v>2015</v>
      </c>
      <c r="F14256">
        <v>2015</v>
      </c>
      <c r="G14256" t="s">
        <v>126</v>
      </c>
      <c r="H14256" t="s">
        <v>123</v>
      </c>
      <c r="I14256" t="s">
        <v>15</v>
      </c>
      <c r="J14256" s="10">
        <v>18.95266213</v>
      </c>
    </row>
    <row r="14257" spans="1:10" x14ac:dyDescent="0.35">
      <c r="A14257" t="s">
        <v>33</v>
      </c>
      <c r="B14257" t="s">
        <v>86</v>
      </c>
      <c r="C14257" t="s">
        <v>117</v>
      </c>
      <c r="D14257" t="s">
        <v>118</v>
      </c>
      <c r="E14257">
        <v>2015</v>
      </c>
      <c r="F14257">
        <v>2015</v>
      </c>
      <c r="G14257" t="s">
        <v>126</v>
      </c>
      <c r="H14257" t="s">
        <v>124</v>
      </c>
      <c r="I14257" t="s">
        <v>15</v>
      </c>
      <c r="J14257" s="10">
        <v>3.567854283</v>
      </c>
    </row>
    <row r="14258" spans="1:10" x14ac:dyDescent="0.35">
      <c r="A14258" t="s">
        <v>33</v>
      </c>
      <c r="B14258" t="s">
        <v>86</v>
      </c>
      <c r="C14258" t="s">
        <v>117</v>
      </c>
      <c r="D14258" t="s">
        <v>118</v>
      </c>
      <c r="E14258">
        <v>2014</v>
      </c>
      <c r="F14258">
        <v>2014</v>
      </c>
      <c r="G14258" t="s">
        <v>14</v>
      </c>
      <c r="H14258" t="s">
        <v>119</v>
      </c>
      <c r="I14258" t="s">
        <v>15</v>
      </c>
      <c r="J14258" s="10">
        <v>17.654942680000001</v>
      </c>
    </row>
    <row r="14259" spans="1:10" x14ac:dyDescent="0.35">
      <c r="A14259" t="s">
        <v>33</v>
      </c>
      <c r="B14259" t="s">
        <v>86</v>
      </c>
      <c r="C14259" t="s">
        <v>117</v>
      </c>
      <c r="D14259" t="s">
        <v>118</v>
      </c>
      <c r="E14259">
        <v>2014</v>
      </c>
      <c r="F14259">
        <v>2014</v>
      </c>
      <c r="G14259" t="s">
        <v>14</v>
      </c>
      <c r="H14259" t="s">
        <v>120</v>
      </c>
      <c r="I14259" t="s">
        <v>15</v>
      </c>
      <c r="J14259" s="10">
        <v>10.24710153</v>
      </c>
    </row>
    <row r="14260" spans="1:10" x14ac:dyDescent="0.35">
      <c r="A14260" t="s">
        <v>33</v>
      </c>
      <c r="B14260" t="s">
        <v>86</v>
      </c>
      <c r="C14260" t="s">
        <v>117</v>
      </c>
      <c r="D14260" t="s">
        <v>118</v>
      </c>
      <c r="E14260">
        <v>2014</v>
      </c>
      <c r="F14260">
        <v>2014</v>
      </c>
      <c r="G14260" t="s">
        <v>14</v>
      </c>
      <c r="H14260" t="s">
        <v>121</v>
      </c>
      <c r="I14260" t="s">
        <v>15</v>
      </c>
      <c r="J14260" s="10">
        <v>30.017826700000001</v>
      </c>
    </row>
    <row r="14261" spans="1:10" x14ac:dyDescent="0.35">
      <c r="A14261" t="s">
        <v>33</v>
      </c>
      <c r="B14261" t="s">
        <v>86</v>
      </c>
      <c r="C14261" t="s">
        <v>117</v>
      </c>
      <c r="D14261" t="s">
        <v>118</v>
      </c>
      <c r="E14261">
        <v>2014</v>
      </c>
      <c r="F14261">
        <v>2014</v>
      </c>
      <c r="G14261" t="s">
        <v>14</v>
      </c>
      <c r="H14261" t="s">
        <v>122</v>
      </c>
      <c r="I14261" t="s">
        <v>15</v>
      </c>
      <c r="J14261" s="10">
        <v>21.293151680000001</v>
      </c>
    </row>
    <row r="14262" spans="1:10" x14ac:dyDescent="0.35">
      <c r="A14262" t="s">
        <v>33</v>
      </c>
      <c r="B14262" t="s">
        <v>86</v>
      </c>
      <c r="C14262" t="s">
        <v>117</v>
      </c>
      <c r="D14262" t="s">
        <v>118</v>
      </c>
      <c r="E14262">
        <v>2014</v>
      </c>
      <c r="F14262">
        <v>2014</v>
      </c>
      <c r="G14262" t="s">
        <v>14</v>
      </c>
      <c r="H14262" t="s">
        <v>123</v>
      </c>
      <c r="I14262" t="s">
        <v>15</v>
      </c>
      <c r="J14262" s="10">
        <v>18.083043809999999</v>
      </c>
    </row>
    <row r="14263" spans="1:10" x14ac:dyDescent="0.35">
      <c r="A14263" t="s">
        <v>33</v>
      </c>
      <c r="B14263" t="s">
        <v>86</v>
      </c>
      <c r="C14263" t="s">
        <v>117</v>
      </c>
      <c r="D14263" t="s">
        <v>118</v>
      </c>
      <c r="E14263">
        <v>2014</v>
      </c>
      <c r="F14263">
        <v>2014</v>
      </c>
      <c r="G14263" t="s">
        <v>14</v>
      </c>
      <c r="H14263" t="s">
        <v>124</v>
      </c>
      <c r="I14263" t="s">
        <v>15</v>
      </c>
      <c r="J14263" s="10">
        <v>2.7039335859999998</v>
      </c>
    </row>
    <row r="14264" spans="1:10" x14ac:dyDescent="0.35">
      <c r="A14264" t="s">
        <v>33</v>
      </c>
      <c r="B14264" t="s">
        <v>86</v>
      </c>
      <c r="C14264" t="s">
        <v>117</v>
      </c>
      <c r="D14264" t="s">
        <v>118</v>
      </c>
      <c r="E14264">
        <v>2014</v>
      </c>
      <c r="F14264">
        <v>2014</v>
      </c>
      <c r="G14264" t="s">
        <v>125</v>
      </c>
      <c r="H14264" t="s">
        <v>119</v>
      </c>
      <c r="I14264" t="s">
        <v>15</v>
      </c>
      <c r="J14264" s="10">
        <v>18.659977340000001</v>
      </c>
    </row>
    <row r="14265" spans="1:10" x14ac:dyDescent="0.35">
      <c r="A14265" t="s">
        <v>33</v>
      </c>
      <c r="B14265" t="s">
        <v>86</v>
      </c>
      <c r="C14265" t="s">
        <v>117</v>
      </c>
      <c r="D14265" t="s">
        <v>118</v>
      </c>
      <c r="E14265">
        <v>2014</v>
      </c>
      <c r="F14265">
        <v>2014</v>
      </c>
      <c r="G14265" t="s">
        <v>125</v>
      </c>
      <c r="H14265" t="s">
        <v>120</v>
      </c>
      <c r="I14265" t="s">
        <v>15</v>
      </c>
      <c r="J14265" s="10">
        <v>11.002319679999999</v>
      </c>
    </row>
    <row r="14266" spans="1:10" x14ac:dyDescent="0.35">
      <c r="A14266" t="s">
        <v>33</v>
      </c>
      <c r="B14266" t="s">
        <v>86</v>
      </c>
      <c r="C14266" t="s">
        <v>117</v>
      </c>
      <c r="D14266" t="s">
        <v>118</v>
      </c>
      <c r="E14266">
        <v>2014</v>
      </c>
      <c r="F14266">
        <v>2014</v>
      </c>
      <c r="G14266" t="s">
        <v>125</v>
      </c>
      <c r="H14266" t="s">
        <v>121</v>
      </c>
      <c r="I14266" t="s">
        <v>15</v>
      </c>
      <c r="J14266" s="10">
        <v>29.424933920000001</v>
      </c>
    </row>
    <row r="14267" spans="1:10" x14ac:dyDescent="0.35">
      <c r="A14267" t="s">
        <v>33</v>
      </c>
      <c r="B14267" t="s">
        <v>86</v>
      </c>
      <c r="C14267" t="s">
        <v>117</v>
      </c>
      <c r="D14267" t="s">
        <v>118</v>
      </c>
      <c r="E14267">
        <v>2014</v>
      </c>
      <c r="F14267">
        <v>2014</v>
      </c>
      <c r="G14267" t="s">
        <v>125</v>
      </c>
      <c r="H14267" t="s">
        <v>122</v>
      </c>
      <c r="I14267" t="s">
        <v>15</v>
      </c>
      <c r="J14267" s="10">
        <v>21.643200090000001</v>
      </c>
    </row>
    <row r="14268" spans="1:10" x14ac:dyDescent="0.35">
      <c r="A14268" t="s">
        <v>33</v>
      </c>
      <c r="B14268" t="s">
        <v>86</v>
      </c>
      <c r="C14268" t="s">
        <v>117</v>
      </c>
      <c r="D14268" t="s">
        <v>118</v>
      </c>
      <c r="E14268">
        <v>2014</v>
      </c>
      <c r="F14268">
        <v>2014</v>
      </c>
      <c r="G14268" t="s">
        <v>125</v>
      </c>
      <c r="H14268" t="s">
        <v>123</v>
      </c>
      <c r="I14268" t="s">
        <v>15</v>
      </c>
      <c r="J14268" s="10">
        <v>17.427307549999998</v>
      </c>
    </row>
    <row r="14269" spans="1:10" x14ac:dyDescent="0.35">
      <c r="A14269" t="s">
        <v>33</v>
      </c>
      <c r="B14269" t="s">
        <v>86</v>
      </c>
      <c r="C14269" t="s">
        <v>117</v>
      </c>
      <c r="D14269" t="s">
        <v>118</v>
      </c>
      <c r="E14269">
        <v>2014</v>
      </c>
      <c r="F14269">
        <v>2014</v>
      </c>
      <c r="G14269" t="s">
        <v>125</v>
      </c>
      <c r="H14269" t="s">
        <v>124</v>
      </c>
      <c r="I14269" t="s">
        <v>15</v>
      </c>
      <c r="J14269" s="10">
        <v>1.8422614230000001</v>
      </c>
    </row>
    <row r="14270" spans="1:10" x14ac:dyDescent="0.35">
      <c r="A14270" t="s">
        <v>33</v>
      </c>
      <c r="B14270" t="s">
        <v>86</v>
      </c>
      <c r="C14270" t="s">
        <v>117</v>
      </c>
      <c r="D14270" t="s">
        <v>118</v>
      </c>
      <c r="E14270">
        <v>2014</v>
      </c>
      <c r="F14270">
        <v>2014</v>
      </c>
      <c r="G14270" t="s">
        <v>126</v>
      </c>
      <c r="H14270" t="s">
        <v>119</v>
      </c>
      <c r="I14270" t="s">
        <v>15</v>
      </c>
      <c r="J14270" s="10">
        <v>16.718203989999999</v>
      </c>
    </row>
    <row r="14271" spans="1:10" x14ac:dyDescent="0.35">
      <c r="A14271" t="s">
        <v>33</v>
      </c>
      <c r="B14271" t="s">
        <v>86</v>
      </c>
      <c r="C14271" t="s">
        <v>117</v>
      </c>
      <c r="D14271" t="s">
        <v>118</v>
      </c>
      <c r="E14271">
        <v>2014</v>
      </c>
      <c r="F14271">
        <v>2014</v>
      </c>
      <c r="G14271" t="s">
        <v>126</v>
      </c>
      <c r="H14271" t="s">
        <v>120</v>
      </c>
      <c r="I14271" t="s">
        <v>15</v>
      </c>
      <c r="J14271" s="10">
        <v>9.5432033589999996</v>
      </c>
    </row>
    <row r="14272" spans="1:10" x14ac:dyDescent="0.35">
      <c r="A14272" t="s">
        <v>33</v>
      </c>
      <c r="B14272" t="s">
        <v>86</v>
      </c>
      <c r="C14272" t="s">
        <v>117</v>
      </c>
      <c r="D14272" t="s">
        <v>118</v>
      </c>
      <c r="E14272">
        <v>2014</v>
      </c>
      <c r="F14272">
        <v>2014</v>
      </c>
      <c r="G14272" t="s">
        <v>126</v>
      </c>
      <c r="H14272" t="s">
        <v>121</v>
      </c>
      <c r="I14272" t="s">
        <v>15</v>
      </c>
      <c r="J14272" s="10">
        <v>30.57043015</v>
      </c>
    </row>
    <row r="14273" spans="1:10" x14ac:dyDescent="0.35">
      <c r="A14273" t="s">
        <v>33</v>
      </c>
      <c r="B14273" t="s">
        <v>86</v>
      </c>
      <c r="C14273" t="s">
        <v>117</v>
      </c>
      <c r="D14273" t="s">
        <v>118</v>
      </c>
      <c r="E14273">
        <v>2014</v>
      </c>
      <c r="F14273">
        <v>2014</v>
      </c>
      <c r="G14273" t="s">
        <v>126</v>
      </c>
      <c r="H14273" t="s">
        <v>122</v>
      </c>
      <c r="I14273" t="s">
        <v>15</v>
      </c>
      <c r="J14273" s="10">
        <v>20.966890410000001</v>
      </c>
    </row>
    <row r="14274" spans="1:10" x14ac:dyDescent="0.35">
      <c r="A14274" t="s">
        <v>33</v>
      </c>
      <c r="B14274" t="s">
        <v>86</v>
      </c>
      <c r="C14274" t="s">
        <v>117</v>
      </c>
      <c r="D14274" t="s">
        <v>118</v>
      </c>
      <c r="E14274">
        <v>2014</v>
      </c>
      <c r="F14274">
        <v>2014</v>
      </c>
      <c r="G14274" t="s">
        <v>126</v>
      </c>
      <c r="H14274" t="s">
        <v>123</v>
      </c>
      <c r="I14274" t="s">
        <v>15</v>
      </c>
      <c r="J14274" s="10">
        <v>18.69422028</v>
      </c>
    </row>
    <row r="14275" spans="1:10" x14ac:dyDescent="0.35">
      <c r="A14275" t="s">
        <v>33</v>
      </c>
      <c r="B14275" t="s">
        <v>86</v>
      </c>
      <c r="C14275" t="s">
        <v>117</v>
      </c>
      <c r="D14275" t="s">
        <v>118</v>
      </c>
      <c r="E14275">
        <v>2014</v>
      </c>
      <c r="F14275">
        <v>2014</v>
      </c>
      <c r="G14275" t="s">
        <v>126</v>
      </c>
      <c r="H14275" t="s">
        <v>124</v>
      </c>
      <c r="I14275" t="s">
        <v>15</v>
      </c>
      <c r="J14275" s="10">
        <v>3.507051814</v>
      </c>
    </row>
    <row r="14276" spans="1:10" x14ac:dyDescent="0.35">
      <c r="A14276" t="s">
        <v>33</v>
      </c>
      <c r="B14276" t="s">
        <v>86</v>
      </c>
      <c r="C14276" t="s">
        <v>117</v>
      </c>
      <c r="D14276" t="s">
        <v>118</v>
      </c>
      <c r="E14276">
        <v>2013</v>
      </c>
      <c r="F14276">
        <v>2013</v>
      </c>
      <c r="G14276" t="s">
        <v>14</v>
      </c>
      <c r="H14276" t="s">
        <v>119</v>
      </c>
      <c r="I14276" t="s">
        <v>15</v>
      </c>
      <c r="J14276" s="10">
        <v>17.870543479999998</v>
      </c>
    </row>
    <row r="14277" spans="1:10" x14ac:dyDescent="0.35">
      <c r="A14277" t="s">
        <v>33</v>
      </c>
      <c r="B14277" t="s">
        <v>86</v>
      </c>
      <c r="C14277" t="s">
        <v>117</v>
      </c>
      <c r="D14277" t="s">
        <v>118</v>
      </c>
      <c r="E14277">
        <v>2013</v>
      </c>
      <c r="F14277">
        <v>2013</v>
      </c>
      <c r="G14277" t="s">
        <v>14</v>
      </c>
      <c r="H14277" t="s">
        <v>120</v>
      </c>
      <c r="I14277" t="s">
        <v>15</v>
      </c>
      <c r="J14277" s="10">
        <v>10.14917178</v>
      </c>
    </row>
    <row r="14278" spans="1:10" x14ac:dyDescent="0.35">
      <c r="A14278" t="s">
        <v>33</v>
      </c>
      <c r="B14278" t="s">
        <v>86</v>
      </c>
      <c r="C14278" t="s">
        <v>117</v>
      </c>
      <c r="D14278" t="s">
        <v>118</v>
      </c>
      <c r="E14278">
        <v>2013</v>
      </c>
      <c r="F14278">
        <v>2013</v>
      </c>
      <c r="G14278" t="s">
        <v>14</v>
      </c>
      <c r="H14278" t="s">
        <v>121</v>
      </c>
      <c r="I14278" t="s">
        <v>15</v>
      </c>
      <c r="J14278" s="10">
        <v>30.678921150000001</v>
      </c>
    </row>
    <row r="14279" spans="1:10" x14ac:dyDescent="0.35">
      <c r="A14279" t="s">
        <v>33</v>
      </c>
      <c r="B14279" t="s">
        <v>86</v>
      </c>
      <c r="C14279" t="s">
        <v>117</v>
      </c>
      <c r="D14279" t="s">
        <v>118</v>
      </c>
      <c r="E14279">
        <v>2013</v>
      </c>
      <c r="F14279">
        <v>2013</v>
      </c>
      <c r="G14279" t="s">
        <v>14</v>
      </c>
      <c r="H14279" t="s">
        <v>122</v>
      </c>
      <c r="I14279" t="s">
        <v>15</v>
      </c>
      <c r="J14279" s="10">
        <v>20.912810990000001</v>
      </c>
    </row>
    <row r="14280" spans="1:10" x14ac:dyDescent="0.35">
      <c r="A14280" t="s">
        <v>33</v>
      </c>
      <c r="B14280" t="s">
        <v>86</v>
      </c>
      <c r="C14280" t="s">
        <v>117</v>
      </c>
      <c r="D14280" t="s">
        <v>118</v>
      </c>
      <c r="E14280">
        <v>2013</v>
      </c>
      <c r="F14280">
        <v>2013</v>
      </c>
      <c r="G14280" t="s">
        <v>14</v>
      </c>
      <c r="H14280" t="s">
        <v>123</v>
      </c>
      <c r="I14280" t="s">
        <v>15</v>
      </c>
      <c r="J14280" s="10">
        <v>17.750264739999999</v>
      </c>
    </row>
    <row r="14281" spans="1:10" x14ac:dyDescent="0.35">
      <c r="A14281" t="s">
        <v>33</v>
      </c>
      <c r="B14281" t="s">
        <v>86</v>
      </c>
      <c r="C14281" t="s">
        <v>117</v>
      </c>
      <c r="D14281" t="s">
        <v>118</v>
      </c>
      <c r="E14281">
        <v>2013</v>
      </c>
      <c r="F14281">
        <v>2013</v>
      </c>
      <c r="G14281" t="s">
        <v>14</v>
      </c>
      <c r="H14281" t="s">
        <v>124</v>
      </c>
      <c r="I14281" t="s">
        <v>15</v>
      </c>
      <c r="J14281" s="10">
        <v>2.638287858</v>
      </c>
    </row>
    <row r="14282" spans="1:10" x14ac:dyDescent="0.35">
      <c r="A14282" t="s">
        <v>33</v>
      </c>
      <c r="B14282" t="s">
        <v>86</v>
      </c>
      <c r="C14282" t="s">
        <v>117</v>
      </c>
      <c r="D14282" t="s">
        <v>118</v>
      </c>
      <c r="E14282">
        <v>2013</v>
      </c>
      <c r="F14282">
        <v>2013</v>
      </c>
      <c r="G14282" t="s">
        <v>125</v>
      </c>
      <c r="H14282" t="s">
        <v>119</v>
      </c>
      <c r="I14282" t="s">
        <v>15</v>
      </c>
      <c r="J14282" s="10">
        <v>18.867719699999999</v>
      </c>
    </row>
    <row r="14283" spans="1:10" x14ac:dyDescent="0.35">
      <c r="A14283" t="s">
        <v>33</v>
      </c>
      <c r="B14283" t="s">
        <v>86</v>
      </c>
      <c r="C14283" t="s">
        <v>117</v>
      </c>
      <c r="D14283" t="s">
        <v>118</v>
      </c>
      <c r="E14283">
        <v>2013</v>
      </c>
      <c r="F14283">
        <v>2013</v>
      </c>
      <c r="G14283" t="s">
        <v>125</v>
      </c>
      <c r="H14283" t="s">
        <v>120</v>
      </c>
      <c r="I14283" t="s">
        <v>15</v>
      </c>
      <c r="J14283" s="10">
        <v>10.82614124</v>
      </c>
    </row>
    <row r="14284" spans="1:10" x14ac:dyDescent="0.35">
      <c r="A14284" t="s">
        <v>33</v>
      </c>
      <c r="B14284" t="s">
        <v>86</v>
      </c>
      <c r="C14284" t="s">
        <v>117</v>
      </c>
      <c r="D14284" t="s">
        <v>118</v>
      </c>
      <c r="E14284">
        <v>2013</v>
      </c>
      <c r="F14284">
        <v>2013</v>
      </c>
      <c r="G14284" t="s">
        <v>125</v>
      </c>
      <c r="H14284" t="s">
        <v>121</v>
      </c>
      <c r="I14284" t="s">
        <v>15</v>
      </c>
      <c r="J14284" s="10">
        <v>30.26651468</v>
      </c>
    </row>
    <row r="14285" spans="1:10" x14ac:dyDescent="0.35">
      <c r="A14285" t="s">
        <v>33</v>
      </c>
      <c r="B14285" t="s">
        <v>86</v>
      </c>
      <c r="C14285" t="s">
        <v>117</v>
      </c>
      <c r="D14285" t="s">
        <v>118</v>
      </c>
      <c r="E14285">
        <v>2013</v>
      </c>
      <c r="F14285">
        <v>2013</v>
      </c>
      <c r="G14285" t="s">
        <v>125</v>
      </c>
      <c r="H14285" t="s">
        <v>122</v>
      </c>
      <c r="I14285" t="s">
        <v>15</v>
      </c>
      <c r="J14285" s="10">
        <v>21.207186669999999</v>
      </c>
    </row>
    <row r="14286" spans="1:10" x14ac:dyDescent="0.35">
      <c r="A14286" t="s">
        <v>33</v>
      </c>
      <c r="B14286" t="s">
        <v>86</v>
      </c>
      <c r="C14286" t="s">
        <v>117</v>
      </c>
      <c r="D14286" t="s">
        <v>118</v>
      </c>
      <c r="E14286">
        <v>2013</v>
      </c>
      <c r="F14286">
        <v>2013</v>
      </c>
      <c r="G14286" t="s">
        <v>125</v>
      </c>
      <c r="H14286" t="s">
        <v>123</v>
      </c>
      <c r="I14286" t="s">
        <v>15</v>
      </c>
      <c r="J14286" s="10">
        <v>17.057482490000002</v>
      </c>
    </row>
    <row r="14287" spans="1:10" x14ac:dyDescent="0.35">
      <c r="A14287" t="s">
        <v>33</v>
      </c>
      <c r="B14287" t="s">
        <v>86</v>
      </c>
      <c r="C14287" t="s">
        <v>117</v>
      </c>
      <c r="D14287" t="s">
        <v>118</v>
      </c>
      <c r="E14287">
        <v>2013</v>
      </c>
      <c r="F14287">
        <v>2013</v>
      </c>
      <c r="G14287" t="s">
        <v>125</v>
      </c>
      <c r="H14287" t="s">
        <v>124</v>
      </c>
      <c r="I14287" t="s">
        <v>15</v>
      </c>
      <c r="J14287" s="10">
        <v>1.774955219</v>
      </c>
    </row>
    <row r="14288" spans="1:10" x14ac:dyDescent="0.35">
      <c r="A14288" t="s">
        <v>33</v>
      </c>
      <c r="B14288" t="s">
        <v>86</v>
      </c>
      <c r="C14288" t="s">
        <v>117</v>
      </c>
      <c r="D14288" t="s">
        <v>118</v>
      </c>
      <c r="E14288">
        <v>2013</v>
      </c>
      <c r="F14288">
        <v>2013</v>
      </c>
      <c r="G14288" t="s">
        <v>126</v>
      </c>
      <c r="H14288" t="s">
        <v>119</v>
      </c>
      <c r="I14288" t="s">
        <v>15</v>
      </c>
      <c r="J14288" s="10">
        <v>16.943722730000001</v>
      </c>
    </row>
    <row r="14289" spans="1:10" x14ac:dyDescent="0.35">
      <c r="A14289" t="s">
        <v>33</v>
      </c>
      <c r="B14289" t="s">
        <v>86</v>
      </c>
      <c r="C14289" t="s">
        <v>117</v>
      </c>
      <c r="D14289" t="s">
        <v>118</v>
      </c>
      <c r="E14289">
        <v>2013</v>
      </c>
      <c r="F14289">
        <v>2013</v>
      </c>
      <c r="G14289" t="s">
        <v>126</v>
      </c>
      <c r="H14289" t="s">
        <v>120</v>
      </c>
      <c r="I14289" t="s">
        <v>15</v>
      </c>
      <c r="J14289" s="10">
        <v>9.5199656939999997</v>
      </c>
    </row>
    <row r="14290" spans="1:10" x14ac:dyDescent="0.35">
      <c r="A14290" t="s">
        <v>33</v>
      </c>
      <c r="B14290" t="s">
        <v>86</v>
      </c>
      <c r="C14290" t="s">
        <v>117</v>
      </c>
      <c r="D14290" t="s">
        <v>118</v>
      </c>
      <c r="E14290">
        <v>2013</v>
      </c>
      <c r="F14290">
        <v>2013</v>
      </c>
      <c r="G14290" t="s">
        <v>126</v>
      </c>
      <c r="H14290" t="s">
        <v>121</v>
      </c>
      <c r="I14290" t="s">
        <v>15</v>
      </c>
      <c r="J14290" s="10">
        <v>31.062230410000002</v>
      </c>
    </row>
    <row r="14291" spans="1:10" x14ac:dyDescent="0.35">
      <c r="A14291" t="s">
        <v>33</v>
      </c>
      <c r="B14291" t="s">
        <v>86</v>
      </c>
      <c r="C14291" t="s">
        <v>117</v>
      </c>
      <c r="D14291" t="s">
        <v>118</v>
      </c>
      <c r="E14291">
        <v>2013</v>
      </c>
      <c r="F14291">
        <v>2013</v>
      </c>
      <c r="G14291" t="s">
        <v>126</v>
      </c>
      <c r="H14291" t="s">
        <v>122</v>
      </c>
      <c r="I14291" t="s">
        <v>15</v>
      </c>
      <c r="J14291" s="10">
        <v>20.639204899999999</v>
      </c>
    </row>
    <row r="14292" spans="1:10" x14ac:dyDescent="0.35">
      <c r="A14292" t="s">
        <v>33</v>
      </c>
      <c r="B14292" t="s">
        <v>86</v>
      </c>
      <c r="C14292" t="s">
        <v>117</v>
      </c>
      <c r="D14292" t="s">
        <v>118</v>
      </c>
      <c r="E14292">
        <v>2013</v>
      </c>
      <c r="F14292">
        <v>2013</v>
      </c>
      <c r="G14292" t="s">
        <v>126</v>
      </c>
      <c r="H14292" t="s">
        <v>123</v>
      </c>
      <c r="I14292" t="s">
        <v>15</v>
      </c>
      <c r="J14292" s="10">
        <v>18.39416795</v>
      </c>
    </row>
    <row r="14293" spans="1:10" x14ac:dyDescent="0.35">
      <c r="A14293" t="s">
        <v>33</v>
      </c>
      <c r="B14293" t="s">
        <v>86</v>
      </c>
      <c r="C14293" t="s">
        <v>117</v>
      </c>
      <c r="D14293" t="s">
        <v>118</v>
      </c>
      <c r="E14293">
        <v>2013</v>
      </c>
      <c r="F14293">
        <v>2013</v>
      </c>
      <c r="G14293" t="s">
        <v>126</v>
      </c>
      <c r="H14293" t="s">
        <v>124</v>
      </c>
      <c r="I14293" t="s">
        <v>15</v>
      </c>
      <c r="J14293" s="10">
        <v>3.4407083219999999</v>
      </c>
    </row>
    <row r="14294" spans="1:10" x14ac:dyDescent="0.35">
      <c r="A14294" t="s">
        <v>33</v>
      </c>
      <c r="B14294" t="s">
        <v>86</v>
      </c>
      <c r="C14294" t="s">
        <v>117</v>
      </c>
      <c r="D14294" t="s">
        <v>118</v>
      </c>
      <c r="E14294">
        <v>2012</v>
      </c>
      <c r="F14294">
        <v>2012</v>
      </c>
      <c r="G14294" t="s">
        <v>14</v>
      </c>
      <c r="H14294" t="s">
        <v>119</v>
      </c>
      <c r="I14294" t="s">
        <v>15</v>
      </c>
      <c r="J14294" s="10">
        <v>18.13179615</v>
      </c>
    </row>
    <row r="14295" spans="1:10" x14ac:dyDescent="0.35">
      <c r="A14295" t="s">
        <v>33</v>
      </c>
      <c r="B14295" t="s">
        <v>86</v>
      </c>
      <c r="C14295" t="s">
        <v>117</v>
      </c>
      <c r="D14295" t="s">
        <v>118</v>
      </c>
      <c r="E14295">
        <v>2012</v>
      </c>
      <c r="F14295">
        <v>2012</v>
      </c>
      <c r="G14295" t="s">
        <v>14</v>
      </c>
      <c r="H14295" t="s">
        <v>120</v>
      </c>
      <c r="I14295" t="s">
        <v>15</v>
      </c>
      <c r="J14295" s="10">
        <v>10.133630289999999</v>
      </c>
    </row>
    <row r="14296" spans="1:10" x14ac:dyDescent="0.35">
      <c r="A14296" t="s">
        <v>33</v>
      </c>
      <c r="B14296" t="s">
        <v>86</v>
      </c>
      <c r="C14296" t="s">
        <v>117</v>
      </c>
      <c r="D14296" t="s">
        <v>118</v>
      </c>
      <c r="E14296">
        <v>2012</v>
      </c>
      <c r="F14296">
        <v>2012</v>
      </c>
      <c r="G14296" t="s">
        <v>14</v>
      </c>
      <c r="H14296" t="s">
        <v>121</v>
      </c>
      <c r="I14296" t="s">
        <v>15</v>
      </c>
      <c r="J14296" s="10">
        <v>31.002227170000001</v>
      </c>
    </row>
    <row r="14297" spans="1:10" x14ac:dyDescent="0.35">
      <c r="A14297" t="s">
        <v>33</v>
      </c>
      <c r="B14297" t="s">
        <v>86</v>
      </c>
      <c r="C14297" t="s">
        <v>117</v>
      </c>
      <c r="D14297" t="s">
        <v>118</v>
      </c>
      <c r="E14297">
        <v>2012</v>
      </c>
      <c r="F14297">
        <v>2012</v>
      </c>
      <c r="G14297" t="s">
        <v>14</v>
      </c>
      <c r="H14297" t="s">
        <v>122</v>
      </c>
      <c r="I14297" t="s">
        <v>15</v>
      </c>
      <c r="J14297" s="10">
        <v>20.85942618</v>
      </c>
    </row>
    <row r="14298" spans="1:10" x14ac:dyDescent="0.35">
      <c r="A14298" t="s">
        <v>33</v>
      </c>
      <c r="B14298" t="s">
        <v>86</v>
      </c>
      <c r="C14298" t="s">
        <v>117</v>
      </c>
      <c r="D14298" t="s">
        <v>118</v>
      </c>
      <c r="E14298">
        <v>2012</v>
      </c>
      <c r="F14298">
        <v>2012</v>
      </c>
      <c r="G14298" t="s">
        <v>14</v>
      </c>
      <c r="H14298" t="s">
        <v>123</v>
      </c>
      <c r="I14298" t="s">
        <v>15</v>
      </c>
      <c r="J14298" s="10">
        <v>17.327394210000001</v>
      </c>
    </row>
    <row r="14299" spans="1:10" x14ac:dyDescent="0.35">
      <c r="A14299" t="s">
        <v>33</v>
      </c>
      <c r="B14299" t="s">
        <v>86</v>
      </c>
      <c r="C14299" t="s">
        <v>117</v>
      </c>
      <c r="D14299" t="s">
        <v>118</v>
      </c>
      <c r="E14299">
        <v>2012</v>
      </c>
      <c r="F14299">
        <v>2012</v>
      </c>
      <c r="G14299" t="s">
        <v>14</v>
      </c>
      <c r="H14299" t="s">
        <v>124</v>
      </c>
      <c r="I14299" t="s">
        <v>15</v>
      </c>
      <c r="J14299" s="10">
        <v>2.5455260059999998</v>
      </c>
    </row>
    <row r="14300" spans="1:10" x14ac:dyDescent="0.35">
      <c r="A14300" t="s">
        <v>33</v>
      </c>
      <c r="B14300" t="s">
        <v>86</v>
      </c>
      <c r="C14300" t="s">
        <v>117</v>
      </c>
      <c r="D14300" t="s">
        <v>118</v>
      </c>
      <c r="E14300">
        <v>2012</v>
      </c>
      <c r="F14300">
        <v>2012</v>
      </c>
      <c r="G14300" t="s">
        <v>125</v>
      </c>
      <c r="H14300" t="s">
        <v>119</v>
      </c>
      <c r="I14300" t="s">
        <v>15</v>
      </c>
      <c r="J14300" s="10">
        <v>19.02051045</v>
      </c>
    </row>
    <row r="14301" spans="1:10" x14ac:dyDescent="0.35">
      <c r="A14301" t="s">
        <v>33</v>
      </c>
      <c r="B14301" t="s">
        <v>86</v>
      </c>
      <c r="C14301" t="s">
        <v>117</v>
      </c>
      <c r="D14301" t="s">
        <v>118</v>
      </c>
      <c r="E14301">
        <v>2012</v>
      </c>
      <c r="F14301">
        <v>2012</v>
      </c>
      <c r="G14301" t="s">
        <v>125</v>
      </c>
      <c r="H14301" t="s">
        <v>120</v>
      </c>
      <c r="I14301" t="s">
        <v>15</v>
      </c>
      <c r="J14301" s="10">
        <v>10.82995124</v>
      </c>
    </row>
    <row r="14302" spans="1:10" x14ac:dyDescent="0.35">
      <c r="A14302" t="s">
        <v>33</v>
      </c>
      <c r="B14302" t="s">
        <v>86</v>
      </c>
      <c r="C14302" t="s">
        <v>117</v>
      </c>
      <c r="D14302" t="s">
        <v>118</v>
      </c>
      <c r="E14302">
        <v>2012</v>
      </c>
      <c r="F14302">
        <v>2012</v>
      </c>
      <c r="G14302" t="s">
        <v>125</v>
      </c>
      <c r="H14302" t="s">
        <v>121</v>
      </c>
      <c r="I14302" t="s">
        <v>15</v>
      </c>
      <c r="J14302" s="10">
        <v>30.55593387</v>
      </c>
    </row>
    <row r="14303" spans="1:10" x14ac:dyDescent="0.35">
      <c r="A14303" t="s">
        <v>33</v>
      </c>
      <c r="B14303" t="s">
        <v>86</v>
      </c>
      <c r="C14303" t="s">
        <v>117</v>
      </c>
      <c r="D14303" t="s">
        <v>118</v>
      </c>
      <c r="E14303">
        <v>2012</v>
      </c>
      <c r="F14303">
        <v>2012</v>
      </c>
      <c r="G14303" t="s">
        <v>125</v>
      </c>
      <c r="H14303" t="s">
        <v>122</v>
      </c>
      <c r="I14303" t="s">
        <v>15</v>
      </c>
      <c r="J14303" s="10">
        <v>21.270394679999999</v>
      </c>
    </row>
    <row r="14304" spans="1:10" x14ac:dyDescent="0.35">
      <c r="A14304" t="s">
        <v>33</v>
      </c>
      <c r="B14304" t="s">
        <v>86</v>
      </c>
      <c r="C14304" t="s">
        <v>117</v>
      </c>
      <c r="D14304" t="s">
        <v>118</v>
      </c>
      <c r="E14304">
        <v>2012</v>
      </c>
      <c r="F14304">
        <v>2012</v>
      </c>
      <c r="G14304" t="s">
        <v>125</v>
      </c>
      <c r="H14304" t="s">
        <v>123</v>
      </c>
      <c r="I14304" t="s">
        <v>15</v>
      </c>
      <c r="J14304" s="10">
        <v>16.628987009999999</v>
      </c>
    </row>
    <row r="14305" spans="1:10" x14ac:dyDescent="0.35">
      <c r="A14305" t="s">
        <v>33</v>
      </c>
      <c r="B14305" t="s">
        <v>86</v>
      </c>
      <c r="C14305" t="s">
        <v>117</v>
      </c>
      <c r="D14305" t="s">
        <v>118</v>
      </c>
      <c r="E14305">
        <v>2012</v>
      </c>
      <c r="F14305">
        <v>2012</v>
      </c>
      <c r="G14305" t="s">
        <v>125</v>
      </c>
      <c r="H14305" t="s">
        <v>124</v>
      </c>
      <c r="I14305" t="s">
        <v>15</v>
      </c>
      <c r="J14305" s="10">
        <v>1.694222755</v>
      </c>
    </row>
    <row r="14306" spans="1:10" x14ac:dyDescent="0.35">
      <c r="A14306" t="s">
        <v>33</v>
      </c>
      <c r="B14306" t="s">
        <v>86</v>
      </c>
      <c r="C14306" t="s">
        <v>117</v>
      </c>
      <c r="D14306" t="s">
        <v>118</v>
      </c>
      <c r="E14306">
        <v>2012</v>
      </c>
      <c r="F14306">
        <v>2012</v>
      </c>
      <c r="G14306" t="s">
        <v>126</v>
      </c>
      <c r="H14306" t="s">
        <v>119</v>
      </c>
      <c r="I14306" t="s">
        <v>15</v>
      </c>
      <c r="J14306" s="10">
        <v>17.308226269999999</v>
      </c>
    </row>
    <row r="14307" spans="1:10" x14ac:dyDescent="0.35">
      <c r="A14307" t="s">
        <v>33</v>
      </c>
      <c r="B14307" t="s">
        <v>86</v>
      </c>
      <c r="C14307" t="s">
        <v>117</v>
      </c>
      <c r="D14307" t="s">
        <v>118</v>
      </c>
      <c r="E14307">
        <v>2012</v>
      </c>
      <c r="F14307">
        <v>2012</v>
      </c>
      <c r="G14307" t="s">
        <v>126</v>
      </c>
      <c r="H14307" t="s">
        <v>120</v>
      </c>
      <c r="I14307" t="s">
        <v>15</v>
      </c>
      <c r="J14307" s="10">
        <v>9.48835096</v>
      </c>
    </row>
    <row r="14308" spans="1:10" x14ac:dyDescent="0.35">
      <c r="A14308" t="s">
        <v>33</v>
      </c>
      <c r="B14308" t="s">
        <v>86</v>
      </c>
      <c r="C14308" t="s">
        <v>117</v>
      </c>
      <c r="D14308" t="s">
        <v>118</v>
      </c>
      <c r="E14308">
        <v>2012</v>
      </c>
      <c r="F14308">
        <v>2012</v>
      </c>
      <c r="G14308" t="s">
        <v>126</v>
      </c>
      <c r="H14308" t="s">
        <v>121</v>
      </c>
      <c r="I14308" t="s">
        <v>15</v>
      </c>
      <c r="J14308" s="10">
        <v>31.41580635</v>
      </c>
    </row>
    <row r="14309" spans="1:10" x14ac:dyDescent="0.35">
      <c r="A14309" t="s">
        <v>33</v>
      </c>
      <c r="B14309" t="s">
        <v>86</v>
      </c>
      <c r="C14309" t="s">
        <v>117</v>
      </c>
      <c r="D14309" t="s">
        <v>118</v>
      </c>
      <c r="E14309">
        <v>2012</v>
      </c>
      <c r="F14309">
        <v>2012</v>
      </c>
      <c r="G14309" t="s">
        <v>126</v>
      </c>
      <c r="H14309" t="s">
        <v>122</v>
      </c>
      <c r="I14309" t="s">
        <v>15</v>
      </c>
      <c r="J14309" s="10">
        <v>20.478582429999999</v>
      </c>
    </row>
    <row r="14310" spans="1:10" x14ac:dyDescent="0.35">
      <c r="A14310" t="s">
        <v>33</v>
      </c>
      <c r="B14310" t="s">
        <v>86</v>
      </c>
      <c r="C14310" t="s">
        <v>117</v>
      </c>
      <c r="D14310" t="s">
        <v>118</v>
      </c>
      <c r="E14310">
        <v>2012</v>
      </c>
      <c r="F14310">
        <v>2012</v>
      </c>
      <c r="G14310" t="s">
        <v>126</v>
      </c>
      <c r="H14310" t="s">
        <v>123</v>
      </c>
      <c r="I14310" t="s">
        <v>15</v>
      </c>
      <c r="J14310" s="10">
        <v>17.974606860000002</v>
      </c>
    </row>
    <row r="14311" spans="1:10" x14ac:dyDescent="0.35">
      <c r="A14311" t="s">
        <v>33</v>
      </c>
      <c r="B14311" t="s">
        <v>86</v>
      </c>
      <c r="C14311" t="s">
        <v>117</v>
      </c>
      <c r="D14311" t="s">
        <v>118</v>
      </c>
      <c r="E14311">
        <v>2012</v>
      </c>
      <c r="F14311">
        <v>2012</v>
      </c>
      <c r="G14311" t="s">
        <v>126</v>
      </c>
      <c r="H14311" t="s">
        <v>124</v>
      </c>
      <c r="I14311" t="s">
        <v>15</v>
      </c>
      <c r="J14311" s="10">
        <v>3.3344271399999998</v>
      </c>
    </row>
    <row r="14312" spans="1:10" x14ac:dyDescent="0.35">
      <c r="A14312" t="s">
        <v>33</v>
      </c>
      <c r="B14312" t="s">
        <v>86</v>
      </c>
      <c r="C14312" t="s">
        <v>117</v>
      </c>
      <c r="D14312" t="s">
        <v>118</v>
      </c>
      <c r="E14312">
        <v>2011</v>
      </c>
      <c r="F14312">
        <v>2011</v>
      </c>
      <c r="G14312" t="s">
        <v>14</v>
      </c>
      <c r="H14312" t="s">
        <v>119</v>
      </c>
      <c r="I14312" t="s">
        <v>15</v>
      </c>
      <c r="J14312" s="10">
        <v>18.354555650000002</v>
      </c>
    </row>
    <row r="14313" spans="1:10" x14ac:dyDescent="0.35">
      <c r="A14313" t="s">
        <v>33</v>
      </c>
      <c r="B14313" t="s">
        <v>86</v>
      </c>
      <c r="C14313" t="s">
        <v>117</v>
      </c>
      <c r="D14313" t="s">
        <v>118</v>
      </c>
      <c r="E14313">
        <v>2011</v>
      </c>
      <c r="F14313">
        <v>2011</v>
      </c>
      <c r="G14313" t="s">
        <v>14</v>
      </c>
      <c r="H14313" t="s">
        <v>120</v>
      </c>
      <c r="I14313" t="s">
        <v>15</v>
      </c>
      <c r="J14313" s="10">
        <v>9.8726660949999996</v>
      </c>
    </row>
    <row r="14314" spans="1:10" x14ac:dyDescent="0.35">
      <c r="A14314" t="s">
        <v>33</v>
      </c>
      <c r="B14314" t="s">
        <v>86</v>
      </c>
      <c r="C14314" t="s">
        <v>117</v>
      </c>
      <c r="D14314" t="s">
        <v>118</v>
      </c>
      <c r="E14314">
        <v>2011</v>
      </c>
      <c r="F14314">
        <v>2011</v>
      </c>
      <c r="G14314" t="s">
        <v>14</v>
      </c>
      <c r="H14314" t="s">
        <v>121</v>
      </c>
      <c r="I14314" t="s">
        <v>15</v>
      </c>
      <c r="J14314" s="10">
        <v>31.535264229999999</v>
      </c>
    </row>
    <row r="14315" spans="1:10" x14ac:dyDescent="0.35">
      <c r="A14315" t="s">
        <v>33</v>
      </c>
      <c r="B14315" t="s">
        <v>86</v>
      </c>
      <c r="C14315" t="s">
        <v>117</v>
      </c>
      <c r="D14315" t="s">
        <v>118</v>
      </c>
      <c r="E14315">
        <v>2011</v>
      </c>
      <c r="F14315">
        <v>2011</v>
      </c>
      <c r="G14315" t="s">
        <v>14</v>
      </c>
      <c r="H14315" t="s">
        <v>122</v>
      </c>
      <c r="I14315" t="s">
        <v>15</v>
      </c>
      <c r="J14315" s="10">
        <v>20.957973209999999</v>
      </c>
    </row>
    <row r="14316" spans="1:10" x14ac:dyDescent="0.35">
      <c r="A14316" t="s">
        <v>33</v>
      </c>
      <c r="B14316" t="s">
        <v>86</v>
      </c>
      <c r="C14316" t="s">
        <v>117</v>
      </c>
      <c r="D14316" t="s">
        <v>118</v>
      </c>
      <c r="E14316">
        <v>2011</v>
      </c>
      <c r="F14316">
        <v>2011</v>
      </c>
      <c r="G14316" t="s">
        <v>14</v>
      </c>
      <c r="H14316" t="s">
        <v>123</v>
      </c>
      <c r="I14316" t="s">
        <v>15</v>
      </c>
      <c r="J14316" s="10">
        <v>16.800158339999999</v>
      </c>
    </row>
    <row r="14317" spans="1:10" x14ac:dyDescent="0.35">
      <c r="A14317" t="s">
        <v>33</v>
      </c>
      <c r="B14317" t="s">
        <v>86</v>
      </c>
      <c r="C14317" t="s">
        <v>117</v>
      </c>
      <c r="D14317" t="s">
        <v>118</v>
      </c>
      <c r="E14317">
        <v>2011</v>
      </c>
      <c r="F14317">
        <v>2011</v>
      </c>
      <c r="G14317" t="s">
        <v>14</v>
      </c>
      <c r="H14317" t="s">
        <v>124</v>
      </c>
      <c r="I14317" t="s">
        <v>15</v>
      </c>
      <c r="J14317" s="10">
        <v>2.479382464</v>
      </c>
    </row>
    <row r="14318" spans="1:10" x14ac:dyDescent="0.35">
      <c r="A14318" t="s">
        <v>33</v>
      </c>
      <c r="B14318" t="s">
        <v>86</v>
      </c>
      <c r="C14318" t="s">
        <v>117</v>
      </c>
      <c r="D14318" t="s">
        <v>118</v>
      </c>
      <c r="E14318">
        <v>2011</v>
      </c>
      <c r="F14318">
        <v>2011</v>
      </c>
      <c r="G14318" t="s">
        <v>125</v>
      </c>
      <c r="H14318" t="s">
        <v>119</v>
      </c>
      <c r="I14318" t="s">
        <v>15</v>
      </c>
      <c r="J14318" s="10">
        <v>19.229819800000001</v>
      </c>
    </row>
    <row r="14319" spans="1:10" x14ac:dyDescent="0.35">
      <c r="A14319" t="s">
        <v>33</v>
      </c>
      <c r="B14319" t="s">
        <v>86</v>
      </c>
      <c r="C14319" t="s">
        <v>117</v>
      </c>
      <c r="D14319" t="s">
        <v>118</v>
      </c>
      <c r="E14319">
        <v>2011</v>
      </c>
      <c r="F14319">
        <v>2011</v>
      </c>
      <c r="G14319" t="s">
        <v>125</v>
      </c>
      <c r="H14319" t="s">
        <v>120</v>
      </c>
      <c r="I14319" t="s">
        <v>15</v>
      </c>
      <c r="J14319" s="10">
        <v>10.576263750000001</v>
      </c>
    </row>
    <row r="14320" spans="1:10" x14ac:dyDescent="0.35">
      <c r="A14320" t="s">
        <v>33</v>
      </c>
      <c r="B14320" t="s">
        <v>86</v>
      </c>
      <c r="C14320" t="s">
        <v>117</v>
      </c>
      <c r="D14320" t="s">
        <v>118</v>
      </c>
      <c r="E14320">
        <v>2011</v>
      </c>
      <c r="F14320">
        <v>2011</v>
      </c>
      <c r="G14320" t="s">
        <v>125</v>
      </c>
      <c r="H14320" t="s">
        <v>121</v>
      </c>
      <c r="I14320" t="s">
        <v>15</v>
      </c>
      <c r="J14320" s="10">
        <v>31.128116510000002</v>
      </c>
    </row>
    <row r="14321" spans="1:10" x14ac:dyDescent="0.35">
      <c r="A14321" t="s">
        <v>33</v>
      </c>
      <c r="B14321" t="s">
        <v>86</v>
      </c>
      <c r="C14321" t="s">
        <v>117</v>
      </c>
      <c r="D14321" t="s">
        <v>118</v>
      </c>
      <c r="E14321">
        <v>2011</v>
      </c>
      <c r="F14321">
        <v>2011</v>
      </c>
      <c r="G14321" t="s">
        <v>125</v>
      </c>
      <c r="H14321" t="s">
        <v>122</v>
      </c>
      <c r="I14321" t="s">
        <v>15</v>
      </c>
      <c r="J14321" s="10">
        <v>21.38018048</v>
      </c>
    </row>
    <row r="14322" spans="1:10" x14ac:dyDescent="0.35">
      <c r="A14322" t="s">
        <v>33</v>
      </c>
      <c r="B14322" t="s">
        <v>86</v>
      </c>
      <c r="C14322" t="s">
        <v>117</v>
      </c>
      <c r="D14322" t="s">
        <v>118</v>
      </c>
      <c r="E14322">
        <v>2011</v>
      </c>
      <c r="F14322">
        <v>2011</v>
      </c>
      <c r="G14322" t="s">
        <v>125</v>
      </c>
      <c r="H14322" t="s">
        <v>123</v>
      </c>
      <c r="I14322" t="s">
        <v>15</v>
      </c>
      <c r="J14322" s="10">
        <v>16.012507200000002</v>
      </c>
    </row>
    <row r="14323" spans="1:10" x14ac:dyDescent="0.35">
      <c r="A14323" t="s">
        <v>33</v>
      </c>
      <c r="B14323" t="s">
        <v>86</v>
      </c>
      <c r="C14323" t="s">
        <v>117</v>
      </c>
      <c r="D14323" t="s">
        <v>118</v>
      </c>
      <c r="E14323">
        <v>2011</v>
      </c>
      <c r="F14323">
        <v>2011</v>
      </c>
      <c r="G14323" t="s">
        <v>125</v>
      </c>
      <c r="H14323" t="s">
        <v>124</v>
      </c>
      <c r="I14323" t="s">
        <v>15</v>
      </c>
      <c r="J14323" s="10">
        <v>1.6731122629999999</v>
      </c>
    </row>
    <row r="14324" spans="1:10" x14ac:dyDescent="0.35">
      <c r="A14324" t="s">
        <v>33</v>
      </c>
      <c r="B14324" t="s">
        <v>86</v>
      </c>
      <c r="C14324" t="s">
        <v>117</v>
      </c>
      <c r="D14324" t="s">
        <v>118</v>
      </c>
      <c r="E14324">
        <v>2011</v>
      </c>
      <c r="F14324">
        <v>2011</v>
      </c>
      <c r="G14324" t="s">
        <v>126</v>
      </c>
      <c r="H14324" t="s">
        <v>119</v>
      </c>
      <c r="I14324" t="s">
        <v>15</v>
      </c>
      <c r="J14324" s="10">
        <v>17.54310126</v>
      </c>
    </row>
    <row r="14325" spans="1:10" x14ac:dyDescent="0.35">
      <c r="A14325" t="s">
        <v>33</v>
      </c>
      <c r="B14325" t="s">
        <v>86</v>
      </c>
      <c r="C14325" t="s">
        <v>117</v>
      </c>
      <c r="D14325" t="s">
        <v>118</v>
      </c>
      <c r="E14325">
        <v>2011</v>
      </c>
      <c r="F14325">
        <v>2011</v>
      </c>
      <c r="G14325" t="s">
        <v>126</v>
      </c>
      <c r="H14325" t="s">
        <v>120</v>
      </c>
      <c r="I14325" t="s">
        <v>15</v>
      </c>
      <c r="J14325" s="10">
        <v>9.2203631189999999</v>
      </c>
    </row>
    <row r="14326" spans="1:10" x14ac:dyDescent="0.35">
      <c r="A14326" t="s">
        <v>33</v>
      </c>
      <c r="B14326" t="s">
        <v>86</v>
      </c>
      <c r="C14326" t="s">
        <v>117</v>
      </c>
      <c r="D14326" t="s">
        <v>118</v>
      </c>
      <c r="E14326">
        <v>2011</v>
      </c>
      <c r="F14326">
        <v>2011</v>
      </c>
      <c r="G14326" t="s">
        <v>126</v>
      </c>
      <c r="H14326" t="s">
        <v>121</v>
      </c>
      <c r="I14326" t="s">
        <v>15</v>
      </c>
      <c r="J14326" s="10">
        <v>31.91272949</v>
      </c>
    </row>
    <row r="14327" spans="1:10" x14ac:dyDescent="0.35">
      <c r="A14327" t="s">
        <v>33</v>
      </c>
      <c r="B14327" t="s">
        <v>86</v>
      </c>
      <c r="C14327" t="s">
        <v>117</v>
      </c>
      <c r="D14327" t="s">
        <v>118</v>
      </c>
      <c r="E14327">
        <v>2011</v>
      </c>
      <c r="F14327">
        <v>2011</v>
      </c>
      <c r="G14327" t="s">
        <v>126</v>
      </c>
      <c r="H14327" t="s">
        <v>122</v>
      </c>
      <c r="I14327" t="s">
        <v>15</v>
      </c>
      <c r="J14327" s="10">
        <v>20.56654631</v>
      </c>
    </row>
    <row r="14328" spans="1:10" x14ac:dyDescent="0.35">
      <c r="A14328" t="s">
        <v>33</v>
      </c>
      <c r="B14328" t="s">
        <v>86</v>
      </c>
      <c r="C14328" t="s">
        <v>117</v>
      </c>
      <c r="D14328" t="s">
        <v>118</v>
      </c>
      <c r="E14328">
        <v>2011</v>
      </c>
      <c r="F14328">
        <v>2011</v>
      </c>
      <c r="G14328" t="s">
        <v>126</v>
      </c>
      <c r="H14328" t="s">
        <v>123</v>
      </c>
      <c r="I14328" t="s">
        <v>15</v>
      </c>
      <c r="J14328" s="10">
        <v>17.530387019999999</v>
      </c>
    </row>
    <row r="14329" spans="1:10" x14ac:dyDescent="0.35">
      <c r="A14329" t="s">
        <v>33</v>
      </c>
      <c r="B14329" t="s">
        <v>86</v>
      </c>
      <c r="C14329" t="s">
        <v>117</v>
      </c>
      <c r="D14329" t="s">
        <v>118</v>
      </c>
      <c r="E14329">
        <v>2011</v>
      </c>
      <c r="F14329">
        <v>2011</v>
      </c>
      <c r="G14329" t="s">
        <v>126</v>
      </c>
      <c r="H14329" t="s">
        <v>124</v>
      </c>
      <c r="I14329" t="s">
        <v>15</v>
      </c>
      <c r="J14329" s="10">
        <v>3.2268728069999999</v>
      </c>
    </row>
    <row r="14330" spans="1:10" x14ac:dyDescent="0.35">
      <c r="A14330" t="s">
        <v>35</v>
      </c>
      <c r="B14330" t="s">
        <v>87</v>
      </c>
      <c r="C14330" t="s">
        <v>117</v>
      </c>
      <c r="D14330" t="s">
        <v>118</v>
      </c>
      <c r="E14330">
        <v>2020</v>
      </c>
      <c r="F14330">
        <v>2020</v>
      </c>
      <c r="G14330" t="s">
        <v>14</v>
      </c>
      <c r="H14330" t="s">
        <v>119</v>
      </c>
      <c r="I14330" t="s">
        <v>15</v>
      </c>
      <c r="J14330" s="10">
        <v>16.861974279999998</v>
      </c>
    </row>
    <row r="14331" spans="1:10" x14ac:dyDescent="0.35">
      <c r="A14331" t="s">
        <v>35</v>
      </c>
      <c r="B14331" t="s">
        <v>87</v>
      </c>
      <c r="C14331" t="s">
        <v>117</v>
      </c>
      <c r="D14331" t="s">
        <v>118</v>
      </c>
      <c r="E14331">
        <v>2020</v>
      </c>
      <c r="F14331">
        <v>2020</v>
      </c>
      <c r="G14331" t="s">
        <v>14</v>
      </c>
      <c r="H14331" t="s">
        <v>120</v>
      </c>
      <c r="I14331" t="s">
        <v>15</v>
      </c>
      <c r="J14331" s="10">
        <v>9.4933005240000004</v>
      </c>
    </row>
    <row r="14332" spans="1:10" x14ac:dyDescent="0.35">
      <c r="A14332" t="s">
        <v>35</v>
      </c>
      <c r="B14332" t="s">
        <v>87</v>
      </c>
      <c r="C14332" t="s">
        <v>117</v>
      </c>
      <c r="D14332" t="s">
        <v>118</v>
      </c>
      <c r="E14332">
        <v>2020</v>
      </c>
      <c r="F14332">
        <v>2020</v>
      </c>
      <c r="G14332" t="s">
        <v>14</v>
      </c>
      <c r="H14332" t="s">
        <v>121</v>
      </c>
      <c r="I14332" t="s">
        <v>15</v>
      </c>
      <c r="J14332" s="10">
        <v>30.951130580000001</v>
      </c>
    </row>
    <row r="14333" spans="1:10" x14ac:dyDescent="0.35">
      <c r="A14333" t="s">
        <v>35</v>
      </c>
      <c r="B14333" t="s">
        <v>87</v>
      </c>
      <c r="C14333" t="s">
        <v>117</v>
      </c>
      <c r="D14333" t="s">
        <v>118</v>
      </c>
      <c r="E14333">
        <v>2020</v>
      </c>
      <c r="F14333">
        <v>2020</v>
      </c>
      <c r="G14333" t="s">
        <v>14</v>
      </c>
      <c r="H14333" t="s">
        <v>122</v>
      </c>
      <c r="I14333" t="s">
        <v>15</v>
      </c>
      <c r="J14333" s="10">
        <v>21.78192567</v>
      </c>
    </row>
    <row r="14334" spans="1:10" x14ac:dyDescent="0.35">
      <c r="A14334" t="s">
        <v>35</v>
      </c>
      <c r="B14334" t="s">
        <v>87</v>
      </c>
      <c r="C14334" t="s">
        <v>117</v>
      </c>
      <c r="D14334" t="s">
        <v>118</v>
      </c>
      <c r="E14334">
        <v>2020</v>
      </c>
      <c r="F14334">
        <v>2020</v>
      </c>
      <c r="G14334" t="s">
        <v>14</v>
      </c>
      <c r="H14334" t="s">
        <v>123</v>
      </c>
      <c r="I14334" t="s">
        <v>15</v>
      </c>
      <c r="J14334" s="10">
        <v>18.41343196</v>
      </c>
    </row>
    <row r="14335" spans="1:10" x14ac:dyDescent="0.35">
      <c r="A14335" t="s">
        <v>35</v>
      </c>
      <c r="B14335" t="s">
        <v>87</v>
      </c>
      <c r="C14335" t="s">
        <v>117</v>
      </c>
      <c r="D14335" t="s">
        <v>118</v>
      </c>
      <c r="E14335">
        <v>2020</v>
      </c>
      <c r="F14335">
        <v>2020</v>
      </c>
      <c r="G14335" t="s">
        <v>14</v>
      </c>
      <c r="H14335" t="s">
        <v>124</v>
      </c>
      <c r="I14335" t="s">
        <v>15</v>
      </c>
      <c r="J14335" s="10">
        <v>2.4982369800000002</v>
      </c>
    </row>
    <row r="14336" spans="1:10" x14ac:dyDescent="0.35">
      <c r="A14336" t="s">
        <v>35</v>
      </c>
      <c r="B14336" t="s">
        <v>87</v>
      </c>
      <c r="C14336" t="s">
        <v>117</v>
      </c>
      <c r="D14336" t="s">
        <v>118</v>
      </c>
      <c r="E14336">
        <v>2020</v>
      </c>
      <c r="F14336">
        <v>2020</v>
      </c>
      <c r="G14336" t="s">
        <v>125</v>
      </c>
      <c r="H14336" t="s">
        <v>119</v>
      </c>
      <c r="I14336" t="s">
        <v>15</v>
      </c>
      <c r="J14336" s="10">
        <v>17.878778459999999</v>
      </c>
    </row>
    <row r="14337" spans="1:10" x14ac:dyDescent="0.35">
      <c r="A14337" t="s">
        <v>35</v>
      </c>
      <c r="B14337" t="s">
        <v>87</v>
      </c>
      <c r="C14337" t="s">
        <v>117</v>
      </c>
      <c r="D14337" t="s">
        <v>118</v>
      </c>
      <c r="E14337">
        <v>2020</v>
      </c>
      <c r="F14337">
        <v>2020</v>
      </c>
      <c r="G14337" t="s">
        <v>125</v>
      </c>
      <c r="H14337" t="s">
        <v>120</v>
      </c>
      <c r="I14337" t="s">
        <v>15</v>
      </c>
      <c r="J14337" s="10">
        <v>10.233309520000001</v>
      </c>
    </row>
    <row r="14338" spans="1:10" x14ac:dyDescent="0.35">
      <c r="A14338" t="s">
        <v>35</v>
      </c>
      <c r="B14338" t="s">
        <v>87</v>
      </c>
      <c r="C14338" t="s">
        <v>117</v>
      </c>
      <c r="D14338" t="s">
        <v>118</v>
      </c>
      <c r="E14338">
        <v>2020</v>
      </c>
      <c r="F14338">
        <v>2020</v>
      </c>
      <c r="G14338" t="s">
        <v>125</v>
      </c>
      <c r="H14338" t="s">
        <v>121</v>
      </c>
      <c r="I14338" t="s">
        <v>15</v>
      </c>
      <c r="J14338" s="10">
        <v>30.88943428</v>
      </c>
    </row>
    <row r="14339" spans="1:10" x14ac:dyDescent="0.35">
      <c r="A14339" t="s">
        <v>35</v>
      </c>
      <c r="B14339" t="s">
        <v>87</v>
      </c>
      <c r="C14339" t="s">
        <v>117</v>
      </c>
      <c r="D14339" t="s">
        <v>118</v>
      </c>
      <c r="E14339">
        <v>2020</v>
      </c>
      <c r="F14339">
        <v>2020</v>
      </c>
      <c r="G14339" t="s">
        <v>125</v>
      </c>
      <c r="H14339" t="s">
        <v>122</v>
      </c>
      <c r="I14339" t="s">
        <v>15</v>
      </c>
      <c r="J14339" s="10">
        <v>21.647146540000001</v>
      </c>
    </row>
    <row r="14340" spans="1:10" x14ac:dyDescent="0.35">
      <c r="A14340" t="s">
        <v>35</v>
      </c>
      <c r="B14340" t="s">
        <v>87</v>
      </c>
      <c r="C14340" t="s">
        <v>117</v>
      </c>
      <c r="D14340" t="s">
        <v>118</v>
      </c>
      <c r="E14340">
        <v>2020</v>
      </c>
      <c r="F14340">
        <v>2020</v>
      </c>
      <c r="G14340" t="s">
        <v>125</v>
      </c>
      <c r="H14340" t="s">
        <v>123</v>
      </c>
      <c r="I14340" t="s">
        <v>15</v>
      </c>
      <c r="J14340" s="10">
        <v>17.440740630000001</v>
      </c>
    </row>
    <row r="14341" spans="1:10" x14ac:dyDescent="0.35">
      <c r="A14341" t="s">
        <v>35</v>
      </c>
      <c r="B14341" t="s">
        <v>87</v>
      </c>
      <c r="C14341" t="s">
        <v>117</v>
      </c>
      <c r="D14341" t="s">
        <v>118</v>
      </c>
      <c r="E14341">
        <v>2020</v>
      </c>
      <c r="F14341">
        <v>2020</v>
      </c>
      <c r="G14341" t="s">
        <v>125</v>
      </c>
      <c r="H14341" t="s">
        <v>124</v>
      </c>
      <c r="I14341" t="s">
        <v>15</v>
      </c>
      <c r="J14341" s="10">
        <v>1.910590574</v>
      </c>
    </row>
    <row r="14342" spans="1:10" x14ac:dyDescent="0.35">
      <c r="A14342" t="s">
        <v>35</v>
      </c>
      <c r="B14342" t="s">
        <v>87</v>
      </c>
      <c r="C14342" t="s">
        <v>117</v>
      </c>
      <c r="D14342" t="s">
        <v>118</v>
      </c>
      <c r="E14342">
        <v>2020</v>
      </c>
      <c r="F14342">
        <v>2020</v>
      </c>
      <c r="G14342" t="s">
        <v>126</v>
      </c>
      <c r="H14342" t="s">
        <v>119</v>
      </c>
      <c r="I14342" t="s">
        <v>15</v>
      </c>
      <c r="J14342" s="10">
        <v>15.912124909999999</v>
      </c>
    </row>
    <row r="14343" spans="1:10" x14ac:dyDescent="0.35">
      <c r="A14343" t="s">
        <v>35</v>
      </c>
      <c r="B14343" t="s">
        <v>87</v>
      </c>
      <c r="C14343" t="s">
        <v>117</v>
      </c>
      <c r="D14343" t="s">
        <v>118</v>
      </c>
      <c r="E14343">
        <v>2020</v>
      </c>
      <c r="F14343">
        <v>2020</v>
      </c>
      <c r="G14343" t="s">
        <v>126</v>
      </c>
      <c r="H14343" t="s">
        <v>120</v>
      </c>
      <c r="I14343" t="s">
        <v>15</v>
      </c>
      <c r="J14343" s="10">
        <v>8.8020198500000006</v>
      </c>
    </row>
    <row r="14344" spans="1:10" x14ac:dyDescent="0.35">
      <c r="A14344" t="s">
        <v>35</v>
      </c>
      <c r="B14344" t="s">
        <v>87</v>
      </c>
      <c r="C14344" t="s">
        <v>117</v>
      </c>
      <c r="D14344" t="s">
        <v>118</v>
      </c>
      <c r="E14344">
        <v>2020</v>
      </c>
      <c r="F14344">
        <v>2020</v>
      </c>
      <c r="G14344" t="s">
        <v>126</v>
      </c>
      <c r="H14344" t="s">
        <v>121</v>
      </c>
      <c r="I14344" t="s">
        <v>15</v>
      </c>
      <c r="J14344" s="10">
        <v>31.008764289999998</v>
      </c>
    </row>
    <row r="14345" spans="1:10" x14ac:dyDescent="0.35">
      <c r="A14345" t="s">
        <v>35</v>
      </c>
      <c r="B14345" t="s">
        <v>87</v>
      </c>
      <c r="C14345" t="s">
        <v>117</v>
      </c>
      <c r="D14345" t="s">
        <v>118</v>
      </c>
      <c r="E14345">
        <v>2020</v>
      </c>
      <c r="F14345">
        <v>2020</v>
      </c>
      <c r="G14345" t="s">
        <v>126</v>
      </c>
      <c r="H14345" t="s">
        <v>122</v>
      </c>
      <c r="I14345" t="s">
        <v>15</v>
      </c>
      <c r="J14345" s="10">
        <v>21.90782982</v>
      </c>
    </row>
    <row r="14346" spans="1:10" x14ac:dyDescent="0.35">
      <c r="A14346" t="s">
        <v>35</v>
      </c>
      <c r="B14346" t="s">
        <v>87</v>
      </c>
      <c r="C14346" t="s">
        <v>117</v>
      </c>
      <c r="D14346" t="s">
        <v>118</v>
      </c>
      <c r="E14346">
        <v>2020</v>
      </c>
      <c r="F14346">
        <v>2020</v>
      </c>
      <c r="G14346" t="s">
        <v>126</v>
      </c>
      <c r="H14346" t="s">
        <v>123</v>
      </c>
      <c r="I14346" t="s">
        <v>15</v>
      </c>
      <c r="J14346" s="10">
        <v>19.322073249999999</v>
      </c>
    </row>
    <row r="14347" spans="1:10" x14ac:dyDescent="0.35">
      <c r="A14347" t="s">
        <v>35</v>
      </c>
      <c r="B14347" t="s">
        <v>87</v>
      </c>
      <c r="C14347" t="s">
        <v>117</v>
      </c>
      <c r="D14347" t="s">
        <v>118</v>
      </c>
      <c r="E14347">
        <v>2020</v>
      </c>
      <c r="F14347">
        <v>2020</v>
      </c>
      <c r="G14347" t="s">
        <v>126</v>
      </c>
      <c r="H14347" t="s">
        <v>124</v>
      </c>
      <c r="I14347" t="s">
        <v>15</v>
      </c>
      <c r="J14347" s="10">
        <v>3.0471878810000002</v>
      </c>
    </row>
    <row r="14348" spans="1:10" x14ac:dyDescent="0.35">
      <c r="A14348" t="s">
        <v>35</v>
      </c>
      <c r="B14348" t="s">
        <v>87</v>
      </c>
      <c r="C14348" t="s">
        <v>117</v>
      </c>
      <c r="D14348" t="s">
        <v>118</v>
      </c>
      <c r="E14348">
        <v>2019</v>
      </c>
      <c r="F14348">
        <v>2019</v>
      </c>
      <c r="G14348" t="s">
        <v>14</v>
      </c>
      <c r="H14348" t="s">
        <v>119</v>
      </c>
      <c r="I14348" t="s">
        <v>15</v>
      </c>
      <c r="J14348" s="10">
        <v>17.03764812</v>
      </c>
    </row>
    <row r="14349" spans="1:10" x14ac:dyDescent="0.35">
      <c r="A14349" t="s">
        <v>35</v>
      </c>
      <c r="B14349" t="s">
        <v>87</v>
      </c>
      <c r="C14349" t="s">
        <v>117</v>
      </c>
      <c r="D14349" t="s">
        <v>118</v>
      </c>
      <c r="E14349">
        <v>2019</v>
      </c>
      <c r="F14349">
        <v>2019</v>
      </c>
      <c r="G14349" t="s">
        <v>14</v>
      </c>
      <c r="H14349" t="s">
        <v>120</v>
      </c>
      <c r="I14349" t="s">
        <v>15</v>
      </c>
      <c r="J14349" s="10">
        <v>9.574021299</v>
      </c>
    </row>
    <row r="14350" spans="1:10" x14ac:dyDescent="0.35">
      <c r="A14350" t="s">
        <v>35</v>
      </c>
      <c r="B14350" t="s">
        <v>87</v>
      </c>
      <c r="C14350" t="s">
        <v>117</v>
      </c>
      <c r="D14350" t="s">
        <v>118</v>
      </c>
      <c r="E14350">
        <v>2019</v>
      </c>
      <c r="F14350">
        <v>2019</v>
      </c>
      <c r="G14350" t="s">
        <v>14</v>
      </c>
      <c r="H14350" t="s">
        <v>121</v>
      </c>
      <c r="I14350" t="s">
        <v>15</v>
      </c>
      <c r="J14350" s="10">
        <v>31.01844908</v>
      </c>
    </row>
    <row r="14351" spans="1:10" x14ac:dyDescent="0.35">
      <c r="A14351" t="s">
        <v>35</v>
      </c>
      <c r="B14351" t="s">
        <v>87</v>
      </c>
      <c r="C14351" t="s">
        <v>117</v>
      </c>
      <c r="D14351" t="s">
        <v>118</v>
      </c>
      <c r="E14351">
        <v>2019</v>
      </c>
      <c r="F14351">
        <v>2019</v>
      </c>
      <c r="G14351" t="s">
        <v>14</v>
      </c>
      <c r="H14351" t="s">
        <v>122</v>
      </c>
      <c r="I14351" t="s">
        <v>15</v>
      </c>
      <c r="J14351" s="10">
        <v>21.822408880000001</v>
      </c>
    </row>
    <row r="14352" spans="1:10" x14ac:dyDescent="0.35">
      <c r="A14352" t="s">
        <v>35</v>
      </c>
      <c r="B14352" t="s">
        <v>87</v>
      </c>
      <c r="C14352" t="s">
        <v>117</v>
      </c>
      <c r="D14352" t="s">
        <v>118</v>
      </c>
      <c r="E14352">
        <v>2019</v>
      </c>
      <c r="F14352">
        <v>2019</v>
      </c>
      <c r="G14352" t="s">
        <v>14</v>
      </c>
      <c r="H14352" t="s">
        <v>123</v>
      </c>
      <c r="I14352" t="s">
        <v>15</v>
      </c>
      <c r="J14352" s="10">
        <v>18.116094199999999</v>
      </c>
    </row>
    <row r="14353" spans="1:10" x14ac:dyDescent="0.35">
      <c r="A14353" t="s">
        <v>35</v>
      </c>
      <c r="B14353" t="s">
        <v>87</v>
      </c>
      <c r="C14353" t="s">
        <v>117</v>
      </c>
      <c r="D14353" t="s">
        <v>118</v>
      </c>
      <c r="E14353">
        <v>2019</v>
      </c>
      <c r="F14353">
        <v>2019</v>
      </c>
      <c r="G14353" t="s">
        <v>14</v>
      </c>
      <c r="H14353" t="s">
        <v>124</v>
      </c>
      <c r="I14353" t="s">
        <v>15</v>
      </c>
      <c r="J14353" s="10">
        <v>2.4313784310000002</v>
      </c>
    </row>
    <row r="14354" spans="1:10" x14ac:dyDescent="0.35">
      <c r="A14354" t="s">
        <v>35</v>
      </c>
      <c r="B14354" t="s">
        <v>87</v>
      </c>
      <c r="C14354" t="s">
        <v>117</v>
      </c>
      <c r="D14354" t="s">
        <v>118</v>
      </c>
      <c r="E14354">
        <v>2019</v>
      </c>
      <c r="F14354">
        <v>2019</v>
      </c>
      <c r="G14354" t="s">
        <v>125</v>
      </c>
      <c r="H14354" t="s">
        <v>119</v>
      </c>
      <c r="I14354" t="s">
        <v>15</v>
      </c>
      <c r="J14354" s="10">
        <v>18.08731809</v>
      </c>
    </row>
    <row r="14355" spans="1:10" x14ac:dyDescent="0.35">
      <c r="A14355" t="s">
        <v>35</v>
      </c>
      <c r="B14355" t="s">
        <v>87</v>
      </c>
      <c r="C14355" t="s">
        <v>117</v>
      </c>
      <c r="D14355" t="s">
        <v>118</v>
      </c>
      <c r="E14355">
        <v>2019</v>
      </c>
      <c r="F14355">
        <v>2019</v>
      </c>
      <c r="G14355" t="s">
        <v>125</v>
      </c>
      <c r="H14355" t="s">
        <v>120</v>
      </c>
      <c r="I14355" t="s">
        <v>15</v>
      </c>
      <c r="J14355" s="10">
        <v>10.221243060000001</v>
      </c>
    </row>
    <row r="14356" spans="1:10" x14ac:dyDescent="0.35">
      <c r="A14356" t="s">
        <v>35</v>
      </c>
      <c r="B14356" t="s">
        <v>87</v>
      </c>
      <c r="C14356" t="s">
        <v>117</v>
      </c>
      <c r="D14356" t="s">
        <v>118</v>
      </c>
      <c r="E14356">
        <v>2019</v>
      </c>
      <c r="F14356">
        <v>2019</v>
      </c>
      <c r="G14356" t="s">
        <v>125</v>
      </c>
      <c r="H14356" t="s">
        <v>121</v>
      </c>
      <c r="I14356" t="s">
        <v>15</v>
      </c>
      <c r="J14356" s="10">
        <v>30.933689139999998</v>
      </c>
    </row>
    <row r="14357" spans="1:10" x14ac:dyDescent="0.35">
      <c r="A14357" t="s">
        <v>35</v>
      </c>
      <c r="B14357" t="s">
        <v>87</v>
      </c>
      <c r="C14357" t="s">
        <v>117</v>
      </c>
      <c r="D14357" t="s">
        <v>118</v>
      </c>
      <c r="E14357">
        <v>2019</v>
      </c>
      <c r="F14357">
        <v>2019</v>
      </c>
      <c r="G14357" t="s">
        <v>125</v>
      </c>
      <c r="H14357" t="s">
        <v>122</v>
      </c>
      <c r="I14357" t="s">
        <v>15</v>
      </c>
      <c r="J14357" s="10">
        <v>21.705402299999999</v>
      </c>
    </row>
    <row r="14358" spans="1:10" x14ac:dyDescent="0.35">
      <c r="A14358" t="s">
        <v>35</v>
      </c>
      <c r="B14358" t="s">
        <v>87</v>
      </c>
      <c r="C14358" t="s">
        <v>117</v>
      </c>
      <c r="D14358" t="s">
        <v>118</v>
      </c>
      <c r="E14358">
        <v>2019</v>
      </c>
      <c r="F14358">
        <v>2019</v>
      </c>
      <c r="G14358" t="s">
        <v>125</v>
      </c>
      <c r="H14358" t="s">
        <v>123</v>
      </c>
      <c r="I14358" t="s">
        <v>15</v>
      </c>
      <c r="J14358" s="10">
        <v>17.1657306</v>
      </c>
    </row>
    <row r="14359" spans="1:10" x14ac:dyDescent="0.35">
      <c r="A14359" t="s">
        <v>35</v>
      </c>
      <c r="B14359" t="s">
        <v>87</v>
      </c>
      <c r="C14359" t="s">
        <v>117</v>
      </c>
      <c r="D14359" t="s">
        <v>118</v>
      </c>
      <c r="E14359">
        <v>2019</v>
      </c>
      <c r="F14359">
        <v>2019</v>
      </c>
      <c r="G14359" t="s">
        <v>125</v>
      </c>
      <c r="H14359" t="s">
        <v>124</v>
      </c>
      <c r="I14359" t="s">
        <v>15</v>
      </c>
      <c r="J14359" s="10">
        <v>1.886616812</v>
      </c>
    </row>
    <row r="14360" spans="1:10" x14ac:dyDescent="0.35">
      <c r="A14360" t="s">
        <v>35</v>
      </c>
      <c r="B14360" t="s">
        <v>87</v>
      </c>
      <c r="C14360" t="s">
        <v>117</v>
      </c>
      <c r="D14360" t="s">
        <v>118</v>
      </c>
      <c r="E14360">
        <v>2019</v>
      </c>
      <c r="F14360">
        <v>2019</v>
      </c>
      <c r="G14360" t="s">
        <v>126</v>
      </c>
      <c r="H14360" t="s">
        <v>119</v>
      </c>
      <c r="I14360" t="s">
        <v>15</v>
      </c>
      <c r="J14360" s="10">
        <v>16.055512010000001</v>
      </c>
    </row>
    <row r="14361" spans="1:10" x14ac:dyDescent="0.35">
      <c r="A14361" t="s">
        <v>35</v>
      </c>
      <c r="B14361" t="s">
        <v>87</v>
      </c>
      <c r="C14361" t="s">
        <v>117</v>
      </c>
      <c r="D14361" t="s">
        <v>118</v>
      </c>
      <c r="E14361">
        <v>2019</v>
      </c>
      <c r="F14361">
        <v>2019</v>
      </c>
      <c r="G14361" t="s">
        <v>126</v>
      </c>
      <c r="H14361" t="s">
        <v>120</v>
      </c>
      <c r="I14361" t="s">
        <v>15</v>
      </c>
      <c r="J14361" s="10">
        <v>8.9684406120000002</v>
      </c>
    </row>
    <row r="14362" spans="1:10" x14ac:dyDescent="0.35">
      <c r="A14362" t="s">
        <v>35</v>
      </c>
      <c r="B14362" t="s">
        <v>87</v>
      </c>
      <c r="C14362" t="s">
        <v>117</v>
      </c>
      <c r="D14362" t="s">
        <v>118</v>
      </c>
      <c r="E14362">
        <v>2019</v>
      </c>
      <c r="F14362">
        <v>2019</v>
      </c>
      <c r="G14362" t="s">
        <v>126</v>
      </c>
      <c r="H14362" t="s">
        <v>121</v>
      </c>
      <c r="I14362" t="s">
        <v>15</v>
      </c>
      <c r="J14362" s="10">
        <v>31.097755710000001</v>
      </c>
    </row>
    <row r="14363" spans="1:10" x14ac:dyDescent="0.35">
      <c r="A14363" t="s">
        <v>35</v>
      </c>
      <c r="B14363" t="s">
        <v>87</v>
      </c>
      <c r="C14363" t="s">
        <v>117</v>
      </c>
      <c r="D14363" t="s">
        <v>118</v>
      </c>
      <c r="E14363">
        <v>2019</v>
      </c>
      <c r="F14363">
        <v>2019</v>
      </c>
      <c r="G14363" t="s">
        <v>126</v>
      </c>
      <c r="H14363" t="s">
        <v>122</v>
      </c>
      <c r="I14363" t="s">
        <v>15</v>
      </c>
      <c r="J14363" s="10">
        <v>21.931887469999999</v>
      </c>
    </row>
    <row r="14364" spans="1:10" x14ac:dyDescent="0.35">
      <c r="A14364" t="s">
        <v>35</v>
      </c>
      <c r="B14364" t="s">
        <v>87</v>
      </c>
      <c r="C14364" t="s">
        <v>117</v>
      </c>
      <c r="D14364" t="s">
        <v>118</v>
      </c>
      <c r="E14364">
        <v>2019</v>
      </c>
      <c r="F14364">
        <v>2019</v>
      </c>
      <c r="G14364" t="s">
        <v>126</v>
      </c>
      <c r="H14364" t="s">
        <v>123</v>
      </c>
      <c r="I14364" t="s">
        <v>15</v>
      </c>
      <c r="J14364" s="10">
        <v>19.005313130000001</v>
      </c>
    </row>
    <row r="14365" spans="1:10" x14ac:dyDescent="0.35">
      <c r="A14365" t="s">
        <v>35</v>
      </c>
      <c r="B14365" t="s">
        <v>87</v>
      </c>
      <c r="C14365" t="s">
        <v>117</v>
      </c>
      <c r="D14365" t="s">
        <v>118</v>
      </c>
      <c r="E14365">
        <v>2019</v>
      </c>
      <c r="F14365">
        <v>2019</v>
      </c>
      <c r="G14365" t="s">
        <v>126</v>
      </c>
      <c r="H14365" t="s">
        <v>124</v>
      </c>
      <c r="I14365" t="s">
        <v>15</v>
      </c>
      <c r="J14365" s="10">
        <v>2.9410910779999999</v>
      </c>
    </row>
    <row r="14366" spans="1:10" x14ac:dyDescent="0.35">
      <c r="A14366" t="s">
        <v>35</v>
      </c>
      <c r="B14366" t="s">
        <v>87</v>
      </c>
      <c r="C14366" t="s">
        <v>117</v>
      </c>
      <c r="D14366" t="s">
        <v>118</v>
      </c>
      <c r="E14366">
        <v>2018</v>
      </c>
      <c r="F14366">
        <v>2018</v>
      </c>
      <c r="G14366" t="s">
        <v>14</v>
      </c>
      <c r="H14366" t="s">
        <v>119</v>
      </c>
      <c r="I14366" t="s">
        <v>15</v>
      </c>
      <c r="J14366" s="10">
        <v>17.08918062</v>
      </c>
    </row>
    <row r="14367" spans="1:10" x14ac:dyDescent="0.35">
      <c r="A14367" t="s">
        <v>35</v>
      </c>
      <c r="B14367" t="s">
        <v>87</v>
      </c>
      <c r="C14367" t="s">
        <v>117</v>
      </c>
      <c r="D14367" t="s">
        <v>118</v>
      </c>
      <c r="E14367">
        <v>2018</v>
      </c>
      <c r="F14367">
        <v>2018</v>
      </c>
      <c r="G14367" t="s">
        <v>14</v>
      </c>
      <c r="H14367" t="s">
        <v>120</v>
      </c>
      <c r="I14367" t="s">
        <v>15</v>
      </c>
      <c r="J14367" s="10">
        <v>9.7148030779999992</v>
      </c>
    </row>
    <row r="14368" spans="1:10" x14ac:dyDescent="0.35">
      <c r="A14368" t="s">
        <v>35</v>
      </c>
      <c r="B14368" t="s">
        <v>87</v>
      </c>
      <c r="C14368" t="s">
        <v>117</v>
      </c>
      <c r="D14368" t="s">
        <v>118</v>
      </c>
      <c r="E14368">
        <v>2018</v>
      </c>
      <c r="F14368">
        <v>2018</v>
      </c>
      <c r="G14368" t="s">
        <v>14</v>
      </c>
      <c r="H14368" t="s">
        <v>121</v>
      </c>
      <c r="I14368" t="s">
        <v>15</v>
      </c>
      <c r="J14368" s="10">
        <v>31.125697899999999</v>
      </c>
    </row>
    <row r="14369" spans="1:10" x14ac:dyDescent="0.35">
      <c r="A14369" t="s">
        <v>35</v>
      </c>
      <c r="B14369" t="s">
        <v>87</v>
      </c>
      <c r="C14369" t="s">
        <v>117</v>
      </c>
      <c r="D14369" t="s">
        <v>118</v>
      </c>
      <c r="E14369">
        <v>2018</v>
      </c>
      <c r="F14369">
        <v>2018</v>
      </c>
      <c r="G14369" t="s">
        <v>14</v>
      </c>
      <c r="H14369" t="s">
        <v>122</v>
      </c>
      <c r="I14369" t="s">
        <v>15</v>
      </c>
      <c r="J14369" s="10">
        <v>21.916402600000001</v>
      </c>
    </row>
    <row r="14370" spans="1:10" x14ac:dyDescent="0.35">
      <c r="A14370" t="s">
        <v>35</v>
      </c>
      <c r="B14370" t="s">
        <v>87</v>
      </c>
      <c r="C14370" t="s">
        <v>117</v>
      </c>
      <c r="D14370" t="s">
        <v>118</v>
      </c>
      <c r="E14370">
        <v>2018</v>
      </c>
      <c r="F14370">
        <v>2018</v>
      </c>
      <c r="G14370" t="s">
        <v>14</v>
      </c>
      <c r="H14370" t="s">
        <v>123</v>
      </c>
      <c r="I14370" t="s">
        <v>15</v>
      </c>
      <c r="J14370" s="10">
        <v>17.76520296</v>
      </c>
    </row>
    <row r="14371" spans="1:10" x14ac:dyDescent="0.35">
      <c r="A14371" t="s">
        <v>35</v>
      </c>
      <c r="B14371" t="s">
        <v>87</v>
      </c>
      <c r="C14371" t="s">
        <v>117</v>
      </c>
      <c r="D14371" t="s">
        <v>118</v>
      </c>
      <c r="E14371">
        <v>2018</v>
      </c>
      <c r="F14371">
        <v>2018</v>
      </c>
      <c r="G14371" t="s">
        <v>14</v>
      </c>
      <c r="H14371" t="s">
        <v>124</v>
      </c>
      <c r="I14371" t="s">
        <v>15</v>
      </c>
      <c r="J14371" s="10">
        <v>2.3887128409999998</v>
      </c>
    </row>
    <row r="14372" spans="1:10" x14ac:dyDescent="0.35">
      <c r="A14372" t="s">
        <v>35</v>
      </c>
      <c r="B14372" t="s">
        <v>87</v>
      </c>
      <c r="C14372" t="s">
        <v>117</v>
      </c>
      <c r="D14372" t="s">
        <v>118</v>
      </c>
      <c r="E14372">
        <v>2018</v>
      </c>
      <c r="F14372">
        <v>2018</v>
      </c>
      <c r="G14372" t="s">
        <v>125</v>
      </c>
      <c r="H14372" t="s">
        <v>119</v>
      </c>
      <c r="I14372" t="s">
        <v>15</v>
      </c>
      <c r="J14372" s="10">
        <v>18.147104850000002</v>
      </c>
    </row>
    <row r="14373" spans="1:10" x14ac:dyDescent="0.35">
      <c r="A14373" t="s">
        <v>35</v>
      </c>
      <c r="B14373" t="s">
        <v>87</v>
      </c>
      <c r="C14373" t="s">
        <v>117</v>
      </c>
      <c r="D14373" t="s">
        <v>118</v>
      </c>
      <c r="E14373">
        <v>2018</v>
      </c>
      <c r="F14373">
        <v>2018</v>
      </c>
      <c r="G14373" t="s">
        <v>125</v>
      </c>
      <c r="H14373" t="s">
        <v>120</v>
      </c>
      <c r="I14373" t="s">
        <v>15</v>
      </c>
      <c r="J14373" s="10">
        <v>10.32550861</v>
      </c>
    </row>
    <row r="14374" spans="1:10" x14ac:dyDescent="0.35">
      <c r="A14374" t="s">
        <v>35</v>
      </c>
      <c r="B14374" t="s">
        <v>87</v>
      </c>
      <c r="C14374" t="s">
        <v>117</v>
      </c>
      <c r="D14374" t="s">
        <v>118</v>
      </c>
      <c r="E14374">
        <v>2018</v>
      </c>
      <c r="F14374">
        <v>2018</v>
      </c>
      <c r="G14374" t="s">
        <v>125</v>
      </c>
      <c r="H14374" t="s">
        <v>121</v>
      </c>
      <c r="I14374" t="s">
        <v>15</v>
      </c>
      <c r="J14374" s="10">
        <v>30.973395929999999</v>
      </c>
    </row>
    <row r="14375" spans="1:10" x14ac:dyDescent="0.35">
      <c r="A14375" t="s">
        <v>35</v>
      </c>
      <c r="B14375" t="s">
        <v>87</v>
      </c>
      <c r="C14375" t="s">
        <v>117</v>
      </c>
      <c r="D14375" t="s">
        <v>118</v>
      </c>
      <c r="E14375">
        <v>2018</v>
      </c>
      <c r="F14375">
        <v>2018</v>
      </c>
      <c r="G14375" t="s">
        <v>125</v>
      </c>
      <c r="H14375" t="s">
        <v>122</v>
      </c>
      <c r="I14375" t="s">
        <v>15</v>
      </c>
      <c r="J14375" s="10">
        <v>21.909233180000001</v>
      </c>
    </row>
    <row r="14376" spans="1:10" x14ac:dyDescent="0.35">
      <c r="A14376" t="s">
        <v>35</v>
      </c>
      <c r="B14376" t="s">
        <v>87</v>
      </c>
      <c r="C14376" t="s">
        <v>117</v>
      </c>
      <c r="D14376" t="s">
        <v>118</v>
      </c>
      <c r="E14376">
        <v>2018</v>
      </c>
      <c r="F14376">
        <v>2018</v>
      </c>
      <c r="G14376" t="s">
        <v>125</v>
      </c>
      <c r="H14376" t="s">
        <v>123</v>
      </c>
      <c r="I14376" t="s">
        <v>15</v>
      </c>
      <c r="J14376" s="10">
        <v>16.876369329999999</v>
      </c>
    </row>
    <row r="14377" spans="1:10" x14ac:dyDescent="0.35">
      <c r="A14377" t="s">
        <v>35</v>
      </c>
      <c r="B14377" t="s">
        <v>87</v>
      </c>
      <c r="C14377" t="s">
        <v>117</v>
      </c>
      <c r="D14377" t="s">
        <v>118</v>
      </c>
      <c r="E14377">
        <v>2018</v>
      </c>
      <c r="F14377">
        <v>2018</v>
      </c>
      <c r="G14377" t="s">
        <v>125</v>
      </c>
      <c r="H14377" t="s">
        <v>124</v>
      </c>
      <c r="I14377" t="s">
        <v>15</v>
      </c>
      <c r="J14377" s="10">
        <v>1.768388106</v>
      </c>
    </row>
    <row r="14378" spans="1:10" x14ac:dyDescent="0.35">
      <c r="A14378" t="s">
        <v>35</v>
      </c>
      <c r="B14378" t="s">
        <v>87</v>
      </c>
      <c r="C14378" t="s">
        <v>117</v>
      </c>
      <c r="D14378" t="s">
        <v>118</v>
      </c>
      <c r="E14378">
        <v>2018</v>
      </c>
      <c r="F14378">
        <v>2018</v>
      </c>
      <c r="G14378" t="s">
        <v>126</v>
      </c>
      <c r="H14378" t="s">
        <v>119</v>
      </c>
      <c r="I14378" t="s">
        <v>15</v>
      </c>
      <c r="J14378" s="10">
        <v>16.104312350000001</v>
      </c>
    </row>
    <row r="14379" spans="1:10" x14ac:dyDescent="0.35">
      <c r="A14379" t="s">
        <v>35</v>
      </c>
      <c r="B14379" t="s">
        <v>87</v>
      </c>
      <c r="C14379" t="s">
        <v>117</v>
      </c>
      <c r="D14379" t="s">
        <v>118</v>
      </c>
      <c r="E14379">
        <v>2018</v>
      </c>
      <c r="F14379">
        <v>2018</v>
      </c>
      <c r="G14379" t="s">
        <v>126</v>
      </c>
      <c r="H14379" t="s">
        <v>120</v>
      </c>
      <c r="I14379" t="s">
        <v>15</v>
      </c>
      <c r="J14379" s="10">
        <v>9.1462703960000002</v>
      </c>
    </row>
    <row r="14380" spans="1:10" x14ac:dyDescent="0.35">
      <c r="A14380" t="s">
        <v>35</v>
      </c>
      <c r="B14380" t="s">
        <v>87</v>
      </c>
      <c r="C14380" t="s">
        <v>117</v>
      </c>
      <c r="D14380" t="s">
        <v>118</v>
      </c>
      <c r="E14380">
        <v>2018</v>
      </c>
      <c r="F14380">
        <v>2018</v>
      </c>
      <c r="G14380" t="s">
        <v>126</v>
      </c>
      <c r="H14380" t="s">
        <v>121</v>
      </c>
      <c r="I14380" t="s">
        <v>15</v>
      </c>
      <c r="J14380" s="10">
        <v>31.267482520000002</v>
      </c>
    </row>
    <row r="14381" spans="1:10" x14ac:dyDescent="0.35">
      <c r="A14381" t="s">
        <v>35</v>
      </c>
      <c r="B14381" t="s">
        <v>87</v>
      </c>
      <c r="C14381" t="s">
        <v>117</v>
      </c>
      <c r="D14381" t="s">
        <v>118</v>
      </c>
      <c r="E14381">
        <v>2018</v>
      </c>
      <c r="F14381">
        <v>2018</v>
      </c>
      <c r="G14381" t="s">
        <v>126</v>
      </c>
      <c r="H14381" t="s">
        <v>122</v>
      </c>
      <c r="I14381" t="s">
        <v>15</v>
      </c>
      <c r="J14381" s="10">
        <v>21.92307692</v>
      </c>
    </row>
    <row r="14382" spans="1:10" x14ac:dyDescent="0.35">
      <c r="A14382" t="s">
        <v>35</v>
      </c>
      <c r="B14382" t="s">
        <v>87</v>
      </c>
      <c r="C14382" t="s">
        <v>117</v>
      </c>
      <c r="D14382" t="s">
        <v>118</v>
      </c>
      <c r="E14382">
        <v>2018</v>
      </c>
      <c r="F14382">
        <v>2018</v>
      </c>
      <c r="G14382" t="s">
        <v>126</v>
      </c>
      <c r="H14382" t="s">
        <v>123</v>
      </c>
      <c r="I14382" t="s">
        <v>15</v>
      </c>
      <c r="J14382" s="10">
        <v>18.592657339999999</v>
      </c>
    </row>
    <row r="14383" spans="1:10" x14ac:dyDescent="0.35">
      <c r="A14383" t="s">
        <v>35</v>
      </c>
      <c r="B14383" t="s">
        <v>87</v>
      </c>
      <c r="C14383" t="s">
        <v>117</v>
      </c>
      <c r="D14383" t="s">
        <v>118</v>
      </c>
      <c r="E14383">
        <v>2018</v>
      </c>
      <c r="F14383">
        <v>2018</v>
      </c>
      <c r="G14383" t="s">
        <v>126</v>
      </c>
      <c r="H14383" t="s">
        <v>124</v>
      </c>
      <c r="I14383" t="s">
        <v>15</v>
      </c>
      <c r="J14383" s="10">
        <v>2.9662004660000001</v>
      </c>
    </row>
    <row r="14384" spans="1:10" x14ac:dyDescent="0.35">
      <c r="A14384" t="s">
        <v>35</v>
      </c>
      <c r="B14384" t="s">
        <v>87</v>
      </c>
      <c r="C14384" t="s">
        <v>117</v>
      </c>
      <c r="D14384" t="s">
        <v>118</v>
      </c>
      <c r="E14384">
        <v>2017</v>
      </c>
      <c r="F14384">
        <v>2017</v>
      </c>
      <c r="G14384" t="s">
        <v>14</v>
      </c>
      <c r="H14384" t="s">
        <v>119</v>
      </c>
      <c r="I14384" t="s">
        <v>15</v>
      </c>
      <c r="J14384" s="10">
        <v>16.94995351</v>
      </c>
    </row>
    <row r="14385" spans="1:10" x14ac:dyDescent="0.35">
      <c r="A14385" t="s">
        <v>35</v>
      </c>
      <c r="B14385" t="s">
        <v>87</v>
      </c>
      <c r="C14385" t="s">
        <v>117</v>
      </c>
      <c r="D14385" t="s">
        <v>118</v>
      </c>
      <c r="E14385">
        <v>2017</v>
      </c>
      <c r="F14385">
        <v>2017</v>
      </c>
      <c r="G14385" t="s">
        <v>14</v>
      </c>
      <c r="H14385" t="s">
        <v>120</v>
      </c>
      <c r="I14385" t="s">
        <v>15</v>
      </c>
      <c r="J14385" s="10">
        <v>9.9696641719999999</v>
      </c>
    </row>
    <row r="14386" spans="1:10" x14ac:dyDescent="0.35">
      <c r="A14386" t="s">
        <v>35</v>
      </c>
      <c r="B14386" t="s">
        <v>87</v>
      </c>
      <c r="C14386" t="s">
        <v>117</v>
      </c>
      <c r="D14386" t="s">
        <v>118</v>
      </c>
      <c r="E14386">
        <v>2017</v>
      </c>
      <c r="F14386">
        <v>2017</v>
      </c>
      <c r="G14386" t="s">
        <v>14</v>
      </c>
      <c r="H14386" t="s">
        <v>121</v>
      </c>
      <c r="I14386" t="s">
        <v>15</v>
      </c>
      <c r="J14386" s="10">
        <v>31.201695149999999</v>
      </c>
    </row>
    <row r="14387" spans="1:10" x14ac:dyDescent="0.35">
      <c r="A14387" t="s">
        <v>35</v>
      </c>
      <c r="B14387" t="s">
        <v>87</v>
      </c>
      <c r="C14387" t="s">
        <v>117</v>
      </c>
      <c r="D14387" t="s">
        <v>118</v>
      </c>
      <c r="E14387">
        <v>2017</v>
      </c>
      <c r="F14387">
        <v>2017</v>
      </c>
      <c r="G14387" t="s">
        <v>14</v>
      </c>
      <c r="H14387" t="s">
        <v>122</v>
      </c>
      <c r="I14387" t="s">
        <v>15</v>
      </c>
      <c r="J14387" s="10">
        <v>21.77929542</v>
      </c>
    </row>
    <row r="14388" spans="1:10" x14ac:dyDescent="0.35">
      <c r="A14388" t="s">
        <v>35</v>
      </c>
      <c r="B14388" t="s">
        <v>87</v>
      </c>
      <c r="C14388" t="s">
        <v>117</v>
      </c>
      <c r="D14388" t="s">
        <v>118</v>
      </c>
      <c r="E14388">
        <v>2017</v>
      </c>
      <c r="F14388">
        <v>2017</v>
      </c>
      <c r="G14388" t="s">
        <v>14</v>
      </c>
      <c r="H14388" t="s">
        <v>123</v>
      </c>
      <c r="I14388" t="s">
        <v>15</v>
      </c>
      <c r="J14388" s="10">
        <v>17.710635830000001</v>
      </c>
    </row>
    <row r="14389" spans="1:10" x14ac:dyDescent="0.35">
      <c r="A14389" t="s">
        <v>35</v>
      </c>
      <c r="B14389" t="s">
        <v>87</v>
      </c>
      <c r="C14389" t="s">
        <v>117</v>
      </c>
      <c r="D14389" t="s">
        <v>118</v>
      </c>
      <c r="E14389">
        <v>2017</v>
      </c>
      <c r="F14389">
        <v>2017</v>
      </c>
      <c r="G14389" t="s">
        <v>14</v>
      </c>
      <c r="H14389" t="s">
        <v>124</v>
      </c>
      <c r="I14389" t="s">
        <v>15</v>
      </c>
      <c r="J14389" s="10">
        <v>2.388755926</v>
      </c>
    </row>
    <row r="14390" spans="1:10" x14ac:dyDescent="0.35">
      <c r="A14390" t="s">
        <v>35</v>
      </c>
      <c r="B14390" t="s">
        <v>87</v>
      </c>
      <c r="C14390" t="s">
        <v>117</v>
      </c>
      <c r="D14390" t="s">
        <v>118</v>
      </c>
      <c r="E14390">
        <v>2017</v>
      </c>
      <c r="F14390">
        <v>2017</v>
      </c>
      <c r="G14390" t="s">
        <v>125</v>
      </c>
      <c r="H14390" t="s">
        <v>119</v>
      </c>
      <c r="I14390" t="s">
        <v>15</v>
      </c>
      <c r="J14390" s="10">
        <v>18.036623550000002</v>
      </c>
    </row>
    <row r="14391" spans="1:10" x14ac:dyDescent="0.35">
      <c r="A14391" t="s">
        <v>35</v>
      </c>
      <c r="B14391" t="s">
        <v>87</v>
      </c>
      <c r="C14391" t="s">
        <v>117</v>
      </c>
      <c r="D14391" t="s">
        <v>118</v>
      </c>
      <c r="E14391">
        <v>2017</v>
      </c>
      <c r="F14391">
        <v>2017</v>
      </c>
      <c r="G14391" t="s">
        <v>125</v>
      </c>
      <c r="H14391" t="s">
        <v>120</v>
      </c>
      <c r="I14391" t="s">
        <v>15</v>
      </c>
      <c r="J14391" s="10">
        <v>10.575919539999999</v>
      </c>
    </row>
    <row r="14392" spans="1:10" x14ac:dyDescent="0.35">
      <c r="A14392" t="s">
        <v>35</v>
      </c>
      <c r="B14392" t="s">
        <v>87</v>
      </c>
      <c r="C14392" t="s">
        <v>117</v>
      </c>
      <c r="D14392" t="s">
        <v>118</v>
      </c>
      <c r="E14392">
        <v>2017</v>
      </c>
      <c r="F14392">
        <v>2017</v>
      </c>
      <c r="G14392" t="s">
        <v>125</v>
      </c>
      <c r="H14392" t="s">
        <v>121</v>
      </c>
      <c r="I14392" t="s">
        <v>15</v>
      </c>
      <c r="J14392" s="10">
        <v>31.155318000000001</v>
      </c>
    </row>
    <row r="14393" spans="1:10" x14ac:dyDescent="0.35">
      <c r="A14393" t="s">
        <v>35</v>
      </c>
      <c r="B14393" t="s">
        <v>87</v>
      </c>
      <c r="C14393" t="s">
        <v>117</v>
      </c>
      <c r="D14393" t="s">
        <v>118</v>
      </c>
      <c r="E14393">
        <v>2017</v>
      </c>
      <c r="F14393">
        <v>2017</v>
      </c>
      <c r="G14393" t="s">
        <v>125</v>
      </c>
      <c r="H14393" t="s">
        <v>122</v>
      </c>
      <c r="I14393" t="s">
        <v>15</v>
      </c>
      <c r="J14393" s="10">
        <v>21.717954389999999</v>
      </c>
    </row>
    <row r="14394" spans="1:10" x14ac:dyDescent="0.35">
      <c r="A14394" t="s">
        <v>35</v>
      </c>
      <c r="B14394" t="s">
        <v>87</v>
      </c>
      <c r="C14394" t="s">
        <v>117</v>
      </c>
      <c r="D14394" t="s">
        <v>118</v>
      </c>
      <c r="E14394">
        <v>2017</v>
      </c>
      <c r="F14394">
        <v>2017</v>
      </c>
      <c r="G14394" t="s">
        <v>125</v>
      </c>
      <c r="H14394" t="s">
        <v>123</v>
      </c>
      <c r="I14394" t="s">
        <v>15</v>
      </c>
      <c r="J14394" s="10">
        <v>16.746260159999999</v>
      </c>
    </row>
    <row r="14395" spans="1:10" x14ac:dyDescent="0.35">
      <c r="A14395" t="s">
        <v>35</v>
      </c>
      <c r="B14395" t="s">
        <v>87</v>
      </c>
      <c r="C14395" t="s">
        <v>117</v>
      </c>
      <c r="D14395" t="s">
        <v>118</v>
      </c>
      <c r="E14395">
        <v>2017</v>
      </c>
      <c r="F14395">
        <v>2017</v>
      </c>
      <c r="G14395" t="s">
        <v>125</v>
      </c>
      <c r="H14395" t="s">
        <v>124</v>
      </c>
      <c r="I14395" t="s">
        <v>15</v>
      </c>
      <c r="J14395" s="10">
        <v>1.7679243490000001</v>
      </c>
    </row>
    <row r="14396" spans="1:10" x14ac:dyDescent="0.35">
      <c r="A14396" t="s">
        <v>35</v>
      </c>
      <c r="B14396" t="s">
        <v>87</v>
      </c>
      <c r="C14396" t="s">
        <v>117</v>
      </c>
      <c r="D14396" t="s">
        <v>118</v>
      </c>
      <c r="E14396">
        <v>2017</v>
      </c>
      <c r="F14396">
        <v>2017</v>
      </c>
      <c r="G14396" t="s">
        <v>126</v>
      </c>
      <c r="H14396" t="s">
        <v>119</v>
      </c>
      <c r="I14396" t="s">
        <v>15</v>
      </c>
      <c r="J14396" s="10">
        <v>15.93878752</v>
      </c>
    </row>
    <row r="14397" spans="1:10" x14ac:dyDescent="0.35">
      <c r="A14397" t="s">
        <v>35</v>
      </c>
      <c r="B14397" t="s">
        <v>87</v>
      </c>
      <c r="C14397" t="s">
        <v>117</v>
      </c>
      <c r="D14397" t="s">
        <v>118</v>
      </c>
      <c r="E14397">
        <v>2017</v>
      </c>
      <c r="F14397">
        <v>2017</v>
      </c>
      <c r="G14397" t="s">
        <v>126</v>
      </c>
      <c r="H14397" t="s">
        <v>120</v>
      </c>
      <c r="I14397" t="s">
        <v>15</v>
      </c>
      <c r="J14397" s="10">
        <v>9.4055326659999992</v>
      </c>
    </row>
    <row r="14398" spans="1:10" x14ac:dyDescent="0.35">
      <c r="A14398" t="s">
        <v>35</v>
      </c>
      <c r="B14398" t="s">
        <v>87</v>
      </c>
      <c r="C14398" t="s">
        <v>117</v>
      </c>
      <c r="D14398" t="s">
        <v>118</v>
      </c>
      <c r="E14398">
        <v>2017</v>
      </c>
      <c r="F14398">
        <v>2017</v>
      </c>
      <c r="G14398" t="s">
        <v>126</v>
      </c>
      <c r="H14398" t="s">
        <v>121</v>
      </c>
      <c r="I14398" t="s">
        <v>15</v>
      </c>
      <c r="J14398" s="10">
        <v>31.244849909999999</v>
      </c>
    </row>
    <row r="14399" spans="1:10" x14ac:dyDescent="0.35">
      <c r="A14399" t="s">
        <v>35</v>
      </c>
      <c r="B14399" t="s">
        <v>87</v>
      </c>
      <c r="C14399" t="s">
        <v>117</v>
      </c>
      <c r="D14399" t="s">
        <v>118</v>
      </c>
      <c r="E14399">
        <v>2017</v>
      </c>
      <c r="F14399">
        <v>2017</v>
      </c>
      <c r="G14399" t="s">
        <v>126</v>
      </c>
      <c r="H14399" t="s">
        <v>122</v>
      </c>
      <c r="I14399" t="s">
        <v>15</v>
      </c>
      <c r="J14399" s="10">
        <v>21.836374339999999</v>
      </c>
    </row>
    <row r="14400" spans="1:10" x14ac:dyDescent="0.35">
      <c r="A14400" t="s">
        <v>35</v>
      </c>
      <c r="B14400" t="s">
        <v>87</v>
      </c>
      <c r="C14400" t="s">
        <v>117</v>
      </c>
      <c r="D14400" t="s">
        <v>118</v>
      </c>
      <c r="E14400">
        <v>2017</v>
      </c>
      <c r="F14400">
        <v>2017</v>
      </c>
      <c r="G14400" t="s">
        <v>126</v>
      </c>
      <c r="H14400" t="s">
        <v>123</v>
      </c>
      <c r="I14400" t="s">
        <v>15</v>
      </c>
      <c r="J14400" s="10">
        <v>18.608004709999999</v>
      </c>
    </row>
    <row r="14401" spans="1:10" x14ac:dyDescent="0.35">
      <c r="A14401" t="s">
        <v>35</v>
      </c>
      <c r="B14401" t="s">
        <v>87</v>
      </c>
      <c r="C14401" t="s">
        <v>117</v>
      </c>
      <c r="D14401" t="s">
        <v>118</v>
      </c>
      <c r="E14401">
        <v>2017</v>
      </c>
      <c r="F14401">
        <v>2017</v>
      </c>
      <c r="G14401" t="s">
        <v>126</v>
      </c>
      <c r="H14401" t="s">
        <v>124</v>
      </c>
      <c r="I14401" t="s">
        <v>15</v>
      </c>
      <c r="J14401" s="10">
        <v>2.966450853</v>
      </c>
    </row>
    <row r="14402" spans="1:10" x14ac:dyDescent="0.35">
      <c r="A14402" t="s">
        <v>35</v>
      </c>
      <c r="B14402" t="s">
        <v>87</v>
      </c>
      <c r="C14402" t="s">
        <v>117</v>
      </c>
      <c r="D14402" t="s">
        <v>118</v>
      </c>
      <c r="E14402">
        <v>2016</v>
      </c>
      <c r="F14402">
        <v>2016</v>
      </c>
      <c r="G14402" t="s">
        <v>14</v>
      </c>
      <c r="H14402" t="s">
        <v>119</v>
      </c>
      <c r="I14402" t="s">
        <v>15</v>
      </c>
      <c r="J14402" s="10">
        <v>17.02402163</v>
      </c>
    </row>
    <row r="14403" spans="1:10" x14ac:dyDescent="0.35">
      <c r="A14403" t="s">
        <v>35</v>
      </c>
      <c r="B14403" t="s">
        <v>87</v>
      </c>
      <c r="C14403" t="s">
        <v>117</v>
      </c>
      <c r="D14403" t="s">
        <v>118</v>
      </c>
      <c r="E14403">
        <v>2016</v>
      </c>
      <c r="F14403">
        <v>2016</v>
      </c>
      <c r="G14403" t="s">
        <v>14</v>
      </c>
      <c r="H14403" t="s">
        <v>120</v>
      </c>
      <c r="I14403" t="s">
        <v>15</v>
      </c>
      <c r="J14403" s="10">
        <v>10.26755545</v>
      </c>
    </row>
    <row r="14404" spans="1:10" x14ac:dyDescent="0.35">
      <c r="A14404" t="s">
        <v>35</v>
      </c>
      <c r="B14404" t="s">
        <v>87</v>
      </c>
      <c r="C14404" t="s">
        <v>117</v>
      </c>
      <c r="D14404" t="s">
        <v>118</v>
      </c>
      <c r="E14404">
        <v>2016</v>
      </c>
      <c r="F14404">
        <v>2016</v>
      </c>
      <c r="G14404" t="s">
        <v>14</v>
      </c>
      <c r="H14404" t="s">
        <v>121</v>
      </c>
      <c r="I14404" t="s">
        <v>15</v>
      </c>
      <c r="J14404" s="10">
        <v>31.033052770000001</v>
      </c>
    </row>
    <row r="14405" spans="1:10" x14ac:dyDescent="0.35">
      <c r="A14405" t="s">
        <v>35</v>
      </c>
      <c r="B14405" t="s">
        <v>87</v>
      </c>
      <c r="C14405" t="s">
        <v>117</v>
      </c>
      <c r="D14405" t="s">
        <v>118</v>
      </c>
      <c r="E14405">
        <v>2016</v>
      </c>
      <c r="F14405">
        <v>2016</v>
      </c>
      <c r="G14405" t="s">
        <v>14</v>
      </c>
      <c r="H14405" t="s">
        <v>122</v>
      </c>
      <c r="I14405" t="s">
        <v>15</v>
      </c>
      <c r="J14405" s="10">
        <v>21.748479450000001</v>
      </c>
    </row>
    <row r="14406" spans="1:10" x14ac:dyDescent="0.35">
      <c r="A14406" t="s">
        <v>35</v>
      </c>
      <c r="B14406" t="s">
        <v>87</v>
      </c>
      <c r="C14406" t="s">
        <v>117</v>
      </c>
      <c r="D14406" t="s">
        <v>118</v>
      </c>
      <c r="E14406">
        <v>2016</v>
      </c>
      <c r="F14406">
        <v>2016</v>
      </c>
      <c r="G14406" t="s">
        <v>14</v>
      </c>
      <c r="H14406" t="s">
        <v>123</v>
      </c>
      <c r="I14406" t="s">
        <v>15</v>
      </c>
      <c r="J14406" s="10">
        <v>17.540087239999998</v>
      </c>
    </row>
    <row r="14407" spans="1:10" x14ac:dyDescent="0.35">
      <c r="A14407" t="s">
        <v>35</v>
      </c>
      <c r="B14407" t="s">
        <v>87</v>
      </c>
      <c r="C14407" t="s">
        <v>117</v>
      </c>
      <c r="D14407" t="s">
        <v>118</v>
      </c>
      <c r="E14407">
        <v>2016</v>
      </c>
      <c r="F14407">
        <v>2016</v>
      </c>
      <c r="G14407" t="s">
        <v>14</v>
      </c>
      <c r="H14407" t="s">
        <v>124</v>
      </c>
      <c r="I14407" t="s">
        <v>15</v>
      </c>
      <c r="J14407" s="10">
        <v>2.3868034649999998</v>
      </c>
    </row>
    <row r="14408" spans="1:10" x14ac:dyDescent="0.35">
      <c r="A14408" t="s">
        <v>35</v>
      </c>
      <c r="B14408" t="s">
        <v>87</v>
      </c>
      <c r="C14408" t="s">
        <v>117</v>
      </c>
      <c r="D14408" t="s">
        <v>118</v>
      </c>
      <c r="E14408">
        <v>2016</v>
      </c>
      <c r="F14408">
        <v>2016</v>
      </c>
      <c r="G14408" t="s">
        <v>125</v>
      </c>
      <c r="H14408" t="s">
        <v>119</v>
      </c>
      <c r="I14408" t="s">
        <v>15</v>
      </c>
      <c r="J14408" s="10">
        <v>18.169333460000001</v>
      </c>
    </row>
    <row r="14409" spans="1:10" x14ac:dyDescent="0.35">
      <c r="A14409" t="s">
        <v>35</v>
      </c>
      <c r="B14409" t="s">
        <v>87</v>
      </c>
      <c r="C14409" t="s">
        <v>117</v>
      </c>
      <c r="D14409" t="s">
        <v>118</v>
      </c>
      <c r="E14409">
        <v>2016</v>
      </c>
      <c r="F14409">
        <v>2016</v>
      </c>
      <c r="G14409" t="s">
        <v>125</v>
      </c>
      <c r="H14409" t="s">
        <v>120</v>
      </c>
      <c r="I14409" t="s">
        <v>15</v>
      </c>
      <c r="J14409" s="10">
        <v>10.826865959999999</v>
      </c>
    </row>
    <row r="14410" spans="1:10" x14ac:dyDescent="0.35">
      <c r="A14410" t="s">
        <v>35</v>
      </c>
      <c r="B14410" t="s">
        <v>87</v>
      </c>
      <c r="C14410" t="s">
        <v>117</v>
      </c>
      <c r="D14410" t="s">
        <v>118</v>
      </c>
      <c r="E14410">
        <v>2016</v>
      </c>
      <c r="F14410">
        <v>2016</v>
      </c>
      <c r="G14410" t="s">
        <v>125</v>
      </c>
      <c r="H14410" t="s">
        <v>121</v>
      </c>
      <c r="I14410" t="s">
        <v>15</v>
      </c>
      <c r="J14410" s="10">
        <v>30.94120277</v>
      </c>
    </row>
    <row r="14411" spans="1:10" x14ac:dyDescent="0.35">
      <c r="A14411" t="s">
        <v>35</v>
      </c>
      <c r="B14411" t="s">
        <v>87</v>
      </c>
      <c r="C14411" t="s">
        <v>117</v>
      </c>
      <c r="D14411" t="s">
        <v>118</v>
      </c>
      <c r="E14411">
        <v>2016</v>
      </c>
      <c r="F14411">
        <v>2016</v>
      </c>
      <c r="G14411" t="s">
        <v>125</v>
      </c>
      <c r="H14411" t="s">
        <v>122</v>
      </c>
      <c r="I14411" t="s">
        <v>15</v>
      </c>
      <c r="J14411" s="10">
        <v>21.6920571</v>
      </c>
    </row>
    <row r="14412" spans="1:10" x14ac:dyDescent="0.35">
      <c r="A14412" t="s">
        <v>35</v>
      </c>
      <c r="B14412" t="s">
        <v>87</v>
      </c>
      <c r="C14412" t="s">
        <v>117</v>
      </c>
      <c r="D14412" t="s">
        <v>118</v>
      </c>
      <c r="E14412">
        <v>2016</v>
      </c>
      <c r="F14412">
        <v>2016</v>
      </c>
      <c r="G14412" t="s">
        <v>125</v>
      </c>
      <c r="H14412" t="s">
        <v>123</v>
      </c>
      <c r="I14412" t="s">
        <v>15</v>
      </c>
      <c r="J14412" s="10">
        <v>16.58841941</v>
      </c>
    </row>
    <row r="14413" spans="1:10" x14ac:dyDescent="0.35">
      <c r="A14413" t="s">
        <v>35</v>
      </c>
      <c r="B14413" t="s">
        <v>87</v>
      </c>
      <c r="C14413" t="s">
        <v>117</v>
      </c>
      <c r="D14413" t="s">
        <v>118</v>
      </c>
      <c r="E14413">
        <v>2016</v>
      </c>
      <c r="F14413">
        <v>2016</v>
      </c>
      <c r="G14413" t="s">
        <v>125</v>
      </c>
      <c r="H14413" t="s">
        <v>124</v>
      </c>
      <c r="I14413" t="s">
        <v>15</v>
      </c>
      <c r="J14413" s="10">
        <v>1.7821212989999999</v>
      </c>
    </row>
    <row r="14414" spans="1:10" x14ac:dyDescent="0.35">
      <c r="A14414" t="s">
        <v>35</v>
      </c>
      <c r="B14414" t="s">
        <v>87</v>
      </c>
      <c r="C14414" t="s">
        <v>117</v>
      </c>
      <c r="D14414" t="s">
        <v>118</v>
      </c>
      <c r="E14414">
        <v>2016</v>
      </c>
      <c r="F14414">
        <v>2016</v>
      </c>
      <c r="G14414" t="s">
        <v>126</v>
      </c>
      <c r="H14414" t="s">
        <v>119</v>
      </c>
      <c r="I14414" t="s">
        <v>15</v>
      </c>
      <c r="J14414" s="10">
        <v>15.96295529</v>
      </c>
    </row>
    <row r="14415" spans="1:10" x14ac:dyDescent="0.35">
      <c r="A14415" t="s">
        <v>35</v>
      </c>
      <c r="B14415" t="s">
        <v>87</v>
      </c>
      <c r="C14415" t="s">
        <v>117</v>
      </c>
      <c r="D14415" t="s">
        <v>118</v>
      </c>
      <c r="E14415">
        <v>2016</v>
      </c>
      <c r="F14415">
        <v>2016</v>
      </c>
      <c r="G14415" t="s">
        <v>126</v>
      </c>
      <c r="H14415" t="s">
        <v>120</v>
      </c>
      <c r="I14415" t="s">
        <v>15</v>
      </c>
      <c r="J14415" s="10">
        <v>9.7493860399999992</v>
      </c>
    </row>
    <row r="14416" spans="1:10" x14ac:dyDescent="0.35">
      <c r="A14416" t="s">
        <v>35</v>
      </c>
      <c r="B14416" t="s">
        <v>87</v>
      </c>
      <c r="C14416" t="s">
        <v>117</v>
      </c>
      <c r="D14416" t="s">
        <v>118</v>
      </c>
      <c r="E14416">
        <v>2016</v>
      </c>
      <c r="F14416">
        <v>2016</v>
      </c>
      <c r="G14416" t="s">
        <v>126</v>
      </c>
      <c r="H14416" t="s">
        <v>121</v>
      </c>
      <c r="I14416" t="s">
        <v>15</v>
      </c>
      <c r="J14416" s="10">
        <v>31.118146580000001</v>
      </c>
    </row>
    <row r="14417" spans="1:10" x14ac:dyDescent="0.35">
      <c r="A14417" t="s">
        <v>35</v>
      </c>
      <c r="B14417" t="s">
        <v>87</v>
      </c>
      <c r="C14417" t="s">
        <v>117</v>
      </c>
      <c r="D14417" t="s">
        <v>118</v>
      </c>
      <c r="E14417">
        <v>2016</v>
      </c>
      <c r="F14417">
        <v>2016</v>
      </c>
      <c r="G14417" t="s">
        <v>126</v>
      </c>
      <c r="H14417" t="s">
        <v>122</v>
      </c>
      <c r="I14417" t="s">
        <v>15</v>
      </c>
      <c r="J14417" s="10">
        <v>21.800751550000001</v>
      </c>
    </row>
    <row r="14418" spans="1:10" x14ac:dyDescent="0.35">
      <c r="A14418" t="s">
        <v>35</v>
      </c>
      <c r="B14418" t="s">
        <v>87</v>
      </c>
      <c r="C14418" t="s">
        <v>117</v>
      </c>
      <c r="D14418" t="s">
        <v>118</v>
      </c>
      <c r="E14418">
        <v>2016</v>
      </c>
      <c r="F14418">
        <v>2016</v>
      </c>
      <c r="G14418" t="s">
        <v>126</v>
      </c>
      <c r="H14418" t="s">
        <v>123</v>
      </c>
      <c r="I14418" t="s">
        <v>15</v>
      </c>
      <c r="J14418" s="10">
        <v>18.421753410000001</v>
      </c>
    </row>
    <row r="14419" spans="1:10" x14ac:dyDescent="0.35">
      <c r="A14419" t="s">
        <v>35</v>
      </c>
      <c r="B14419" t="s">
        <v>87</v>
      </c>
      <c r="C14419" t="s">
        <v>117</v>
      </c>
      <c r="D14419" t="s">
        <v>118</v>
      </c>
      <c r="E14419">
        <v>2016</v>
      </c>
      <c r="F14419">
        <v>2016</v>
      </c>
      <c r="G14419" t="s">
        <v>126</v>
      </c>
      <c r="H14419" t="s">
        <v>124</v>
      </c>
      <c r="I14419" t="s">
        <v>15</v>
      </c>
      <c r="J14419" s="10">
        <v>2.9470071309999999</v>
      </c>
    </row>
    <row r="14420" spans="1:10" x14ac:dyDescent="0.35">
      <c r="A14420" t="s">
        <v>35</v>
      </c>
      <c r="B14420" t="s">
        <v>87</v>
      </c>
      <c r="C14420" t="s">
        <v>117</v>
      </c>
      <c r="D14420" t="s">
        <v>118</v>
      </c>
      <c r="E14420">
        <v>2015</v>
      </c>
      <c r="F14420">
        <v>2015</v>
      </c>
      <c r="G14420" t="s">
        <v>14</v>
      </c>
      <c r="H14420" t="s">
        <v>119</v>
      </c>
      <c r="I14420" t="s">
        <v>15</v>
      </c>
      <c r="J14420" s="10">
        <v>17.14755268</v>
      </c>
    </row>
    <row r="14421" spans="1:10" x14ac:dyDescent="0.35">
      <c r="A14421" t="s">
        <v>35</v>
      </c>
      <c r="B14421" t="s">
        <v>87</v>
      </c>
      <c r="C14421" t="s">
        <v>117</v>
      </c>
      <c r="D14421" t="s">
        <v>118</v>
      </c>
      <c r="E14421">
        <v>2015</v>
      </c>
      <c r="F14421">
        <v>2015</v>
      </c>
      <c r="G14421" t="s">
        <v>14</v>
      </c>
      <c r="H14421" t="s">
        <v>120</v>
      </c>
      <c r="I14421" t="s">
        <v>15</v>
      </c>
      <c r="J14421" s="10">
        <v>10.45907688</v>
      </c>
    </row>
    <row r="14422" spans="1:10" x14ac:dyDescent="0.35">
      <c r="A14422" t="s">
        <v>35</v>
      </c>
      <c r="B14422" t="s">
        <v>87</v>
      </c>
      <c r="C14422" t="s">
        <v>117</v>
      </c>
      <c r="D14422" t="s">
        <v>118</v>
      </c>
      <c r="E14422">
        <v>2015</v>
      </c>
      <c r="F14422">
        <v>2015</v>
      </c>
      <c r="G14422" t="s">
        <v>14</v>
      </c>
      <c r="H14422" t="s">
        <v>121</v>
      </c>
      <c r="I14422" t="s">
        <v>15</v>
      </c>
      <c r="J14422" s="10">
        <v>31.045442569999999</v>
      </c>
    </row>
    <row r="14423" spans="1:10" x14ac:dyDescent="0.35">
      <c r="A14423" t="s">
        <v>35</v>
      </c>
      <c r="B14423" t="s">
        <v>87</v>
      </c>
      <c r="C14423" t="s">
        <v>117</v>
      </c>
      <c r="D14423" t="s">
        <v>118</v>
      </c>
      <c r="E14423">
        <v>2015</v>
      </c>
      <c r="F14423">
        <v>2015</v>
      </c>
      <c r="G14423" t="s">
        <v>14</v>
      </c>
      <c r="H14423" t="s">
        <v>122</v>
      </c>
      <c r="I14423" t="s">
        <v>15</v>
      </c>
      <c r="J14423" s="10">
        <v>21.750724819999999</v>
      </c>
    </row>
    <row r="14424" spans="1:10" x14ac:dyDescent="0.35">
      <c r="A14424" t="s">
        <v>35</v>
      </c>
      <c r="B14424" t="s">
        <v>87</v>
      </c>
      <c r="C14424" t="s">
        <v>117</v>
      </c>
      <c r="D14424" t="s">
        <v>118</v>
      </c>
      <c r="E14424">
        <v>2015</v>
      </c>
      <c r="F14424">
        <v>2015</v>
      </c>
      <c r="G14424" t="s">
        <v>14</v>
      </c>
      <c r="H14424" t="s">
        <v>123</v>
      </c>
      <c r="I14424" t="s">
        <v>15</v>
      </c>
      <c r="J14424" s="10">
        <v>17.273136019999999</v>
      </c>
    </row>
    <row r="14425" spans="1:10" x14ac:dyDescent="0.35">
      <c r="A14425" t="s">
        <v>35</v>
      </c>
      <c r="B14425" t="s">
        <v>87</v>
      </c>
      <c r="C14425" t="s">
        <v>117</v>
      </c>
      <c r="D14425" t="s">
        <v>118</v>
      </c>
      <c r="E14425">
        <v>2015</v>
      </c>
      <c r="F14425">
        <v>2015</v>
      </c>
      <c r="G14425" t="s">
        <v>14</v>
      </c>
      <c r="H14425" t="s">
        <v>124</v>
      </c>
      <c r="I14425" t="s">
        <v>15</v>
      </c>
      <c r="J14425" s="10">
        <v>2.3240670400000001</v>
      </c>
    </row>
    <row r="14426" spans="1:10" x14ac:dyDescent="0.35">
      <c r="A14426" t="s">
        <v>35</v>
      </c>
      <c r="B14426" t="s">
        <v>87</v>
      </c>
      <c r="C14426" t="s">
        <v>117</v>
      </c>
      <c r="D14426" t="s">
        <v>118</v>
      </c>
      <c r="E14426">
        <v>2015</v>
      </c>
      <c r="F14426">
        <v>2015</v>
      </c>
      <c r="G14426" t="s">
        <v>125</v>
      </c>
      <c r="H14426" t="s">
        <v>119</v>
      </c>
      <c r="I14426" t="s">
        <v>15</v>
      </c>
      <c r="J14426" s="10">
        <v>18.374911359999999</v>
      </c>
    </row>
    <row r="14427" spans="1:10" x14ac:dyDescent="0.35">
      <c r="A14427" t="s">
        <v>35</v>
      </c>
      <c r="B14427" t="s">
        <v>87</v>
      </c>
      <c r="C14427" t="s">
        <v>117</v>
      </c>
      <c r="D14427" t="s">
        <v>118</v>
      </c>
      <c r="E14427">
        <v>2015</v>
      </c>
      <c r="F14427">
        <v>2015</v>
      </c>
      <c r="G14427" t="s">
        <v>125</v>
      </c>
      <c r="H14427" t="s">
        <v>120</v>
      </c>
      <c r="I14427" t="s">
        <v>15</v>
      </c>
      <c r="J14427" s="10">
        <v>11.090698120000001</v>
      </c>
    </row>
    <row r="14428" spans="1:10" x14ac:dyDescent="0.35">
      <c r="A14428" t="s">
        <v>35</v>
      </c>
      <c r="B14428" t="s">
        <v>87</v>
      </c>
      <c r="C14428" t="s">
        <v>117</v>
      </c>
      <c r="D14428" t="s">
        <v>118</v>
      </c>
      <c r="E14428">
        <v>2015</v>
      </c>
      <c r="F14428">
        <v>2015</v>
      </c>
      <c r="G14428" t="s">
        <v>125</v>
      </c>
      <c r="H14428" t="s">
        <v>121</v>
      </c>
      <c r="I14428" t="s">
        <v>15</v>
      </c>
      <c r="J14428" s="10">
        <v>30.809643520000002</v>
      </c>
    </row>
    <row r="14429" spans="1:10" x14ac:dyDescent="0.35">
      <c r="A14429" t="s">
        <v>35</v>
      </c>
      <c r="B14429" t="s">
        <v>87</v>
      </c>
      <c r="C14429" t="s">
        <v>117</v>
      </c>
      <c r="D14429" t="s">
        <v>118</v>
      </c>
      <c r="E14429">
        <v>2015</v>
      </c>
      <c r="F14429">
        <v>2015</v>
      </c>
      <c r="G14429" t="s">
        <v>125</v>
      </c>
      <c r="H14429" t="s">
        <v>122</v>
      </c>
      <c r="I14429" t="s">
        <v>15</v>
      </c>
      <c r="J14429" s="10">
        <v>21.614130079999999</v>
      </c>
    </row>
    <row r="14430" spans="1:10" x14ac:dyDescent="0.35">
      <c r="A14430" t="s">
        <v>35</v>
      </c>
      <c r="B14430" t="s">
        <v>87</v>
      </c>
      <c r="C14430" t="s">
        <v>117</v>
      </c>
      <c r="D14430" t="s">
        <v>118</v>
      </c>
      <c r="E14430">
        <v>2015</v>
      </c>
      <c r="F14430">
        <v>2015</v>
      </c>
      <c r="G14430" t="s">
        <v>125</v>
      </c>
      <c r="H14430" t="s">
        <v>123</v>
      </c>
      <c r="I14430" t="s">
        <v>15</v>
      </c>
      <c r="J14430" s="10">
        <v>16.424933930000002</v>
      </c>
    </row>
    <row r="14431" spans="1:10" x14ac:dyDescent="0.35">
      <c r="A14431" t="s">
        <v>35</v>
      </c>
      <c r="B14431" t="s">
        <v>87</v>
      </c>
      <c r="C14431" t="s">
        <v>117</v>
      </c>
      <c r="D14431" t="s">
        <v>118</v>
      </c>
      <c r="E14431">
        <v>2015</v>
      </c>
      <c r="F14431">
        <v>2015</v>
      </c>
      <c r="G14431" t="s">
        <v>125</v>
      </c>
      <c r="H14431" t="s">
        <v>124</v>
      </c>
      <c r="I14431" t="s">
        <v>15</v>
      </c>
      <c r="J14431" s="10">
        <v>1.6856829760000001</v>
      </c>
    </row>
    <row r="14432" spans="1:10" x14ac:dyDescent="0.35">
      <c r="A14432" t="s">
        <v>35</v>
      </c>
      <c r="B14432" t="s">
        <v>87</v>
      </c>
      <c r="C14432" t="s">
        <v>117</v>
      </c>
      <c r="D14432" t="s">
        <v>118</v>
      </c>
      <c r="E14432">
        <v>2015</v>
      </c>
      <c r="F14432">
        <v>2015</v>
      </c>
      <c r="G14432" t="s">
        <v>126</v>
      </c>
      <c r="H14432" t="s">
        <v>119</v>
      </c>
      <c r="I14432" t="s">
        <v>15</v>
      </c>
      <c r="J14432" s="10">
        <v>16.00991844</v>
      </c>
    </row>
    <row r="14433" spans="1:10" x14ac:dyDescent="0.35">
      <c r="A14433" t="s">
        <v>35</v>
      </c>
      <c r="B14433" t="s">
        <v>87</v>
      </c>
      <c r="C14433" t="s">
        <v>117</v>
      </c>
      <c r="D14433" t="s">
        <v>118</v>
      </c>
      <c r="E14433">
        <v>2015</v>
      </c>
      <c r="F14433">
        <v>2015</v>
      </c>
      <c r="G14433" t="s">
        <v>126</v>
      </c>
      <c r="H14433" t="s">
        <v>120</v>
      </c>
      <c r="I14433" t="s">
        <v>15</v>
      </c>
      <c r="J14433" s="10">
        <v>9.8736294919999992</v>
      </c>
    </row>
    <row r="14434" spans="1:10" x14ac:dyDescent="0.35">
      <c r="A14434" t="s">
        <v>35</v>
      </c>
      <c r="B14434" t="s">
        <v>87</v>
      </c>
      <c r="C14434" t="s">
        <v>117</v>
      </c>
      <c r="D14434" t="s">
        <v>118</v>
      </c>
      <c r="E14434">
        <v>2015</v>
      </c>
      <c r="F14434">
        <v>2015</v>
      </c>
      <c r="G14434" t="s">
        <v>126</v>
      </c>
      <c r="H14434" t="s">
        <v>121</v>
      </c>
      <c r="I14434" t="s">
        <v>15</v>
      </c>
      <c r="J14434" s="10">
        <v>31.264003819999999</v>
      </c>
    </row>
    <row r="14435" spans="1:10" x14ac:dyDescent="0.35">
      <c r="A14435" t="s">
        <v>35</v>
      </c>
      <c r="B14435" t="s">
        <v>87</v>
      </c>
      <c r="C14435" t="s">
        <v>117</v>
      </c>
      <c r="D14435" t="s">
        <v>118</v>
      </c>
      <c r="E14435">
        <v>2015</v>
      </c>
      <c r="F14435">
        <v>2015</v>
      </c>
      <c r="G14435" t="s">
        <v>126</v>
      </c>
      <c r="H14435" t="s">
        <v>122</v>
      </c>
      <c r="I14435" t="s">
        <v>15</v>
      </c>
      <c r="J14435" s="10">
        <v>21.877333969999999</v>
      </c>
    </row>
    <row r="14436" spans="1:10" x14ac:dyDescent="0.35">
      <c r="A14436" t="s">
        <v>35</v>
      </c>
      <c r="B14436" t="s">
        <v>87</v>
      </c>
      <c r="C14436" t="s">
        <v>117</v>
      </c>
      <c r="D14436" t="s">
        <v>118</v>
      </c>
      <c r="E14436">
        <v>2015</v>
      </c>
      <c r="F14436">
        <v>2015</v>
      </c>
      <c r="G14436" t="s">
        <v>126</v>
      </c>
      <c r="H14436" t="s">
        <v>123</v>
      </c>
      <c r="I14436" t="s">
        <v>15</v>
      </c>
      <c r="J14436" s="10">
        <v>18.059331400000001</v>
      </c>
    </row>
    <row r="14437" spans="1:10" x14ac:dyDescent="0.35">
      <c r="A14437" t="s">
        <v>35</v>
      </c>
      <c r="B14437" t="s">
        <v>87</v>
      </c>
      <c r="C14437" t="s">
        <v>117</v>
      </c>
      <c r="D14437" t="s">
        <v>118</v>
      </c>
      <c r="E14437">
        <v>2015</v>
      </c>
      <c r="F14437">
        <v>2015</v>
      </c>
      <c r="G14437" t="s">
        <v>126</v>
      </c>
      <c r="H14437" t="s">
        <v>124</v>
      </c>
      <c r="I14437" t="s">
        <v>15</v>
      </c>
      <c r="J14437" s="10">
        <v>2.9157828700000001</v>
      </c>
    </row>
    <row r="14438" spans="1:10" x14ac:dyDescent="0.35">
      <c r="A14438" t="s">
        <v>35</v>
      </c>
      <c r="B14438" t="s">
        <v>87</v>
      </c>
      <c r="C14438" t="s">
        <v>117</v>
      </c>
      <c r="D14438" t="s">
        <v>118</v>
      </c>
      <c r="E14438">
        <v>2014</v>
      </c>
      <c r="F14438">
        <v>2014</v>
      </c>
      <c r="G14438" t="s">
        <v>14</v>
      </c>
      <c r="H14438" t="s">
        <v>119</v>
      </c>
      <c r="I14438" t="s">
        <v>15</v>
      </c>
      <c r="J14438" s="10">
        <v>17.35036779</v>
      </c>
    </row>
    <row r="14439" spans="1:10" x14ac:dyDescent="0.35">
      <c r="A14439" t="s">
        <v>35</v>
      </c>
      <c r="B14439" t="s">
        <v>87</v>
      </c>
      <c r="C14439" t="s">
        <v>117</v>
      </c>
      <c r="D14439" t="s">
        <v>118</v>
      </c>
      <c r="E14439">
        <v>2014</v>
      </c>
      <c r="F14439">
        <v>2014</v>
      </c>
      <c r="G14439" t="s">
        <v>14</v>
      </c>
      <c r="H14439" t="s">
        <v>120</v>
      </c>
      <c r="I14439" t="s">
        <v>15</v>
      </c>
      <c r="J14439" s="10">
        <v>10.53348819</v>
      </c>
    </row>
    <row r="14440" spans="1:10" x14ac:dyDescent="0.35">
      <c r="A14440" t="s">
        <v>35</v>
      </c>
      <c r="B14440" t="s">
        <v>87</v>
      </c>
      <c r="C14440" t="s">
        <v>117</v>
      </c>
      <c r="D14440" t="s">
        <v>118</v>
      </c>
      <c r="E14440">
        <v>2014</v>
      </c>
      <c r="F14440">
        <v>2014</v>
      </c>
      <c r="G14440" t="s">
        <v>14</v>
      </c>
      <c r="H14440" t="s">
        <v>121</v>
      </c>
      <c r="I14440" t="s">
        <v>15</v>
      </c>
      <c r="J14440" s="10">
        <v>31.361982189999999</v>
      </c>
    </row>
    <row r="14441" spans="1:10" x14ac:dyDescent="0.35">
      <c r="A14441" t="s">
        <v>35</v>
      </c>
      <c r="B14441" t="s">
        <v>87</v>
      </c>
      <c r="C14441" t="s">
        <v>117</v>
      </c>
      <c r="D14441" t="s">
        <v>118</v>
      </c>
      <c r="E14441">
        <v>2014</v>
      </c>
      <c r="F14441">
        <v>2014</v>
      </c>
      <c r="G14441" t="s">
        <v>14</v>
      </c>
      <c r="H14441" t="s">
        <v>122</v>
      </c>
      <c r="I14441" t="s">
        <v>15</v>
      </c>
      <c r="J14441" s="10">
        <v>21.485094849999999</v>
      </c>
    </row>
    <row r="14442" spans="1:10" x14ac:dyDescent="0.35">
      <c r="A14442" t="s">
        <v>35</v>
      </c>
      <c r="B14442" t="s">
        <v>87</v>
      </c>
      <c r="C14442" t="s">
        <v>117</v>
      </c>
      <c r="D14442" t="s">
        <v>118</v>
      </c>
      <c r="E14442">
        <v>2014</v>
      </c>
      <c r="F14442">
        <v>2014</v>
      </c>
      <c r="G14442" t="s">
        <v>14</v>
      </c>
      <c r="H14442" t="s">
        <v>123</v>
      </c>
      <c r="I14442" t="s">
        <v>15</v>
      </c>
      <c r="J14442" s="10">
        <v>16.960123889999998</v>
      </c>
    </row>
    <row r="14443" spans="1:10" x14ac:dyDescent="0.35">
      <c r="A14443" t="s">
        <v>35</v>
      </c>
      <c r="B14443" t="s">
        <v>87</v>
      </c>
      <c r="C14443" t="s">
        <v>117</v>
      </c>
      <c r="D14443" t="s">
        <v>118</v>
      </c>
      <c r="E14443">
        <v>2014</v>
      </c>
      <c r="F14443">
        <v>2014</v>
      </c>
      <c r="G14443" t="s">
        <v>14</v>
      </c>
      <c r="H14443" t="s">
        <v>124</v>
      </c>
      <c r="I14443" t="s">
        <v>15</v>
      </c>
      <c r="J14443" s="10">
        <v>2.308943089</v>
      </c>
    </row>
    <row r="14444" spans="1:10" x14ac:dyDescent="0.35">
      <c r="A14444" t="s">
        <v>35</v>
      </c>
      <c r="B14444" t="s">
        <v>87</v>
      </c>
      <c r="C14444" t="s">
        <v>117</v>
      </c>
      <c r="D14444" t="s">
        <v>118</v>
      </c>
      <c r="E14444">
        <v>2014</v>
      </c>
      <c r="F14444">
        <v>2014</v>
      </c>
      <c r="G14444" t="s">
        <v>125</v>
      </c>
      <c r="H14444" t="s">
        <v>119</v>
      </c>
      <c r="I14444" t="s">
        <v>15</v>
      </c>
      <c r="J14444" s="10">
        <v>18.449129119999998</v>
      </c>
    </row>
    <row r="14445" spans="1:10" x14ac:dyDescent="0.35">
      <c r="A14445" t="s">
        <v>35</v>
      </c>
      <c r="B14445" t="s">
        <v>87</v>
      </c>
      <c r="C14445" t="s">
        <v>117</v>
      </c>
      <c r="D14445" t="s">
        <v>118</v>
      </c>
      <c r="E14445">
        <v>2014</v>
      </c>
      <c r="F14445">
        <v>2014</v>
      </c>
      <c r="G14445" t="s">
        <v>125</v>
      </c>
      <c r="H14445" t="s">
        <v>120</v>
      </c>
      <c r="I14445" t="s">
        <v>15</v>
      </c>
      <c r="J14445" s="10">
        <v>11.334275979999999</v>
      </c>
    </row>
    <row r="14446" spans="1:10" x14ac:dyDescent="0.35">
      <c r="A14446" t="s">
        <v>35</v>
      </c>
      <c r="B14446" t="s">
        <v>87</v>
      </c>
      <c r="C14446" t="s">
        <v>117</v>
      </c>
      <c r="D14446" t="s">
        <v>118</v>
      </c>
      <c r="E14446">
        <v>2014</v>
      </c>
      <c r="F14446">
        <v>2014</v>
      </c>
      <c r="G14446" t="s">
        <v>125</v>
      </c>
      <c r="H14446" t="s">
        <v>121</v>
      </c>
      <c r="I14446" t="s">
        <v>15</v>
      </c>
      <c r="J14446" s="10">
        <v>30.972427530000001</v>
      </c>
    </row>
    <row r="14447" spans="1:10" x14ac:dyDescent="0.35">
      <c r="A14447" t="s">
        <v>35</v>
      </c>
      <c r="B14447" t="s">
        <v>87</v>
      </c>
      <c r="C14447" t="s">
        <v>117</v>
      </c>
      <c r="D14447" t="s">
        <v>118</v>
      </c>
      <c r="E14447">
        <v>2014</v>
      </c>
      <c r="F14447">
        <v>2014</v>
      </c>
      <c r="G14447" t="s">
        <v>125</v>
      </c>
      <c r="H14447" t="s">
        <v>122</v>
      </c>
      <c r="I14447" t="s">
        <v>15</v>
      </c>
      <c r="J14447" s="10">
        <v>21.328491549999999</v>
      </c>
    </row>
    <row r="14448" spans="1:10" x14ac:dyDescent="0.35">
      <c r="A14448" t="s">
        <v>35</v>
      </c>
      <c r="B14448" t="s">
        <v>87</v>
      </c>
      <c r="C14448" t="s">
        <v>117</v>
      </c>
      <c r="D14448" t="s">
        <v>118</v>
      </c>
      <c r="E14448">
        <v>2014</v>
      </c>
      <c r="F14448">
        <v>2014</v>
      </c>
      <c r="G14448" t="s">
        <v>125</v>
      </c>
      <c r="H14448" t="s">
        <v>123</v>
      </c>
      <c r="I14448" t="s">
        <v>15</v>
      </c>
      <c r="J14448" s="10">
        <v>16.234976540000002</v>
      </c>
    </row>
    <row r="14449" spans="1:10" x14ac:dyDescent="0.35">
      <c r="A14449" t="s">
        <v>35</v>
      </c>
      <c r="B14449" t="s">
        <v>87</v>
      </c>
      <c r="C14449" t="s">
        <v>117</v>
      </c>
      <c r="D14449" t="s">
        <v>118</v>
      </c>
      <c r="E14449">
        <v>2014</v>
      </c>
      <c r="F14449">
        <v>2014</v>
      </c>
      <c r="G14449" t="s">
        <v>125</v>
      </c>
      <c r="H14449" t="s">
        <v>124</v>
      </c>
      <c r="I14449" t="s">
        <v>15</v>
      </c>
      <c r="J14449" s="10">
        <v>1.680699274</v>
      </c>
    </row>
    <row r="14450" spans="1:10" x14ac:dyDescent="0.35">
      <c r="A14450" t="s">
        <v>35</v>
      </c>
      <c r="B14450" t="s">
        <v>87</v>
      </c>
      <c r="C14450" t="s">
        <v>117</v>
      </c>
      <c r="D14450" t="s">
        <v>118</v>
      </c>
      <c r="E14450">
        <v>2014</v>
      </c>
      <c r="F14450">
        <v>2014</v>
      </c>
      <c r="G14450" t="s">
        <v>126</v>
      </c>
      <c r="H14450" t="s">
        <v>119</v>
      </c>
      <c r="I14450" t="s">
        <v>15</v>
      </c>
      <c r="J14450" s="10">
        <v>16.328421559999999</v>
      </c>
    </row>
    <row r="14451" spans="1:10" x14ac:dyDescent="0.35">
      <c r="A14451" t="s">
        <v>35</v>
      </c>
      <c r="B14451" t="s">
        <v>87</v>
      </c>
      <c r="C14451" t="s">
        <v>117</v>
      </c>
      <c r="D14451" t="s">
        <v>118</v>
      </c>
      <c r="E14451">
        <v>2014</v>
      </c>
      <c r="F14451">
        <v>2014</v>
      </c>
      <c r="G14451" t="s">
        <v>126</v>
      </c>
      <c r="H14451" t="s">
        <v>120</v>
      </c>
      <c r="I14451" t="s">
        <v>15</v>
      </c>
      <c r="J14451" s="10">
        <v>9.7886839820000002</v>
      </c>
    </row>
    <row r="14452" spans="1:10" x14ac:dyDescent="0.35">
      <c r="A14452" t="s">
        <v>35</v>
      </c>
      <c r="B14452" t="s">
        <v>87</v>
      </c>
      <c r="C14452" t="s">
        <v>117</v>
      </c>
      <c r="D14452" t="s">
        <v>118</v>
      </c>
      <c r="E14452">
        <v>2014</v>
      </c>
      <c r="F14452">
        <v>2014</v>
      </c>
      <c r="G14452" t="s">
        <v>126</v>
      </c>
      <c r="H14452" t="s">
        <v>121</v>
      </c>
      <c r="I14452" t="s">
        <v>15</v>
      </c>
      <c r="J14452" s="10">
        <v>31.72430284</v>
      </c>
    </row>
    <row r="14453" spans="1:10" x14ac:dyDescent="0.35">
      <c r="A14453" t="s">
        <v>35</v>
      </c>
      <c r="B14453" t="s">
        <v>87</v>
      </c>
      <c r="C14453" t="s">
        <v>117</v>
      </c>
      <c r="D14453" t="s">
        <v>118</v>
      </c>
      <c r="E14453">
        <v>2014</v>
      </c>
      <c r="F14453">
        <v>2014</v>
      </c>
      <c r="G14453" t="s">
        <v>126</v>
      </c>
      <c r="H14453" t="s">
        <v>122</v>
      </c>
      <c r="I14453" t="s">
        <v>15</v>
      </c>
      <c r="J14453" s="10">
        <v>21.63074992</v>
      </c>
    </row>
    <row r="14454" spans="1:10" x14ac:dyDescent="0.35">
      <c r="A14454" t="s">
        <v>35</v>
      </c>
      <c r="B14454" t="s">
        <v>87</v>
      </c>
      <c r="C14454" t="s">
        <v>117</v>
      </c>
      <c r="D14454" t="s">
        <v>118</v>
      </c>
      <c r="E14454">
        <v>2014</v>
      </c>
      <c r="F14454">
        <v>2014</v>
      </c>
      <c r="G14454" t="s">
        <v>126</v>
      </c>
      <c r="H14454" t="s">
        <v>123</v>
      </c>
      <c r="I14454" t="s">
        <v>15</v>
      </c>
      <c r="J14454" s="10">
        <v>17.634575720000001</v>
      </c>
    </row>
    <row r="14455" spans="1:10" x14ac:dyDescent="0.35">
      <c r="A14455" t="s">
        <v>35</v>
      </c>
      <c r="B14455" t="s">
        <v>87</v>
      </c>
      <c r="C14455" t="s">
        <v>117</v>
      </c>
      <c r="D14455" t="s">
        <v>118</v>
      </c>
      <c r="E14455">
        <v>2014</v>
      </c>
      <c r="F14455">
        <v>2014</v>
      </c>
      <c r="G14455" t="s">
        <v>126</v>
      </c>
      <c r="H14455" t="s">
        <v>124</v>
      </c>
      <c r="I14455" t="s">
        <v>15</v>
      </c>
      <c r="J14455" s="10">
        <v>2.893265983</v>
      </c>
    </row>
    <row r="14456" spans="1:10" x14ac:dyDescent="0.35">
      <c r="A14456" t="s">
        <v>35</v>
      </c>
      <c r="B14456" t="s">
        <v>87</v>
      </c>
      <c r="C14456" t="s">
        <v>117</v>
      </c>
      <c r="D14456" t="s">
        <v>118</v>
      </c>
      <c r="E14456">
        <v>2013</v>
      </c>
      <c r="F14456">
        <v>2013</v>
      </c>
      <c r="G14456" t="s">
        <v>14</v>
      </c>
      <c r="H14456" t="s">
        <v>119</v>
      </c>
      <c r="I14456" t="s">
        <v>15</v>
      </c>
      <c r="J14456" s="10">
        <v>17.570018130000001</v>
      </c>
    </row>
    <row r="14457" spans="1:10" x14ac:dyDescent="0.35">
      <c r="A14457" t="s">
        <v>35</v>
      </c>
      <c r="B14457" t="s">
        <v>87</v>
      </c>
      <c r="C14457" t="s">
        <v>117</v>
      </c>
      <c r="D14457" t="s">
        <v>118</v>
      </c>
      <c r="E14457">
        <v>2013</v>
      </c>
      <c r="F14457">
        <v>2013</v>
      </c>
      <c r="G14457" t="s">
        <v>14</v>
      </c>
      <c r="H14457" t="s">
        <v>120</v>
      </c>
      <c r="I14457" t="s">
        <v>15</v>
      </c>
      <c r="J14457" s="10">
        <v>10.48838327</v>
      </c>
    </row>
    <row r="14458" spans="1:10" x14ac:dyDescent="0.35">
      <c r="A14458" t="s">
        <v>35</v>
      </c>
      <c r="B14458" t="s">
        <v>87</v>
      </c>
      <c r="C14458" t="s">
        <v>117</v>
      </c>
      <c r="D14458" t="s">
        <v>118</v>
      </c>
      <c r="E14458">
        <v>2013</v>
      </c>
      <c r="F14458">
        <v>2013</v>
      </c>
      <c r="G14458" t="s">
        <v>14</v>
      </c>
      <c r="H14458" t="s">
        <v>121</v>
      </c>
      <c r="I14458" t="s">
        <v>15</v>
      </c>
      <c r="J14458" s="10">
        <v>31.699189390000001</v>
      </c>
    </row>
    <row r="14459" spans="1:10" x14ac:dyDescent="0.35">
      <c r="A14459" t="s">
        <v>35</v>
      </c>
      <c r="B14459" t="s">
        <v>87</v>
      </c>
      <c r="C14459" t="s">
        <v>117</v>
      </c>
      <c r="D14459" t="s">
        <v>118</v>
      </c>
      <c r="E14459">
        <v>2013</v>
      </c>
      <c r="F14459">
        <v>2013</v>
      </c>
      <c r="G14459" t="s">
        <v>14</v>
      </c>
      <c r="H14459" t="s">
        <v>122</v>
      </c>
      <c r="I14459" t="s">
        <v>15</v>
      </c>
      <c r="J14459" s="10">
        <v>21.544041289999999</v>
      </c>
    </row>
    <row r="14460" spans="1:10" x14ac:dyDescent="0.35">
      <c r="A14460" t="s">
        <v>35</v>
      </c>
      <c r="B14460" t="s">
        <v>87</v>
      </c>
      <c r="C14460" t="s">
        <v>117</v>
      </c>
      <c r="D14460" t="s">
        <v>118</v>
      </c>
      <c r="E14460">
        <v>2013</v>
      </c>
      <c r="F14460">
        <v>2013</v>
      </c>
      <c r="G14460" t="s">
        <v>14</v>
      </c>
      <c r="H14460" t="s">
        <v>123</v>
      </c>
      <c r="I14460" t="s">
        <v>15</v>
      </c>
      <c r="J14460" s="10">
        <v>16.44321828</v>
      </c>
    </row>
    <row r="14461" spans="1:10" x14ac:dyDescent="0.35">
      <c r="A14461" t="s">
        <v>35</v>
      </c>
      <c r="B14461" t="s">
        <v>87</v>
      </c>
      <c r="C14461" t="s">
        <v>117</v>
      </c>
      <c r="D14461" t="s">
        <v>118</v>
      </c>
      <c r="E14461">
        <v>2013</v>
      </c>
      <c r="F14461">
        <v>2013</v>
      </c>
      <c r="G14461" t="s">
        <v>14</v>
      </c>
      <c r="H14461" t="s">
        <v>124</v>
      </c>
      <c r="I14461" t="s">
        <v>15</v>
      </c>
      <c r="J14461" s="10">
        <v>2.255149646</v>
      </c>
    </row>
    <row r="14462" spans="1:10" x14ac:dyDescent="0.35">
      <c r="A14462" t="s">
        <v>35</v>
      </c>
      <c r="B14462" t="s">
        <v>87</v>
      </c>
      <c r="C14462" t="s">
        <v>117</v>
      </c>
      <c r="D14462" t="s">
        <v>118</v>
      </c>
      <c r="E14462">
        <v>2013</v>
      </c>
      <c r="F14462">
        <v>2013</v>
      </c>
      <c r="G14462" t="s">
        <v>125</v>
      </c>
      <c r="H14462" t="s">
        <v>119</v>
      </c>
      <c r="I14462" t="s">
        <v>15</v>
      </c>
      <c r="J14462" s="10">
        <v>18.787956690000001</v>
      </c>
    </row>
    <row r="14463" spans="1:10" x14ac:dyDescent="0.35">
      <c r="A14463" t="s">
        <v>35</v>
      </c>
      <c r="B14463" t="s">
        <v>87</v>
      </c>
      <c r="C14463" t="s">
        <v>117</v>
      </c>
      <c r="D14463" t="s">
        <v>118</v>
      </c>
      <c r="E14463">
        <v>2013</v>
      </c>
      <c r="F14463">
        <v>2013</v>
      </c>
      <c r="G14463" t="s">
        <v>125</v>
      </c>
      <c r="H14463" t="s">
        <v>120</v>
      </c>
      <c r="I14463" t="s">
        <v>15</v>
      </c>
      <c r="J14463" s="10">
        <v>11.166093630000001</v>
      </c>
    </row>
    <row r="14464" spans="1:10" x14ac:dyDescent="0.35">
      <c r="A14464" t="s">
        <v>35</v>
      </c>
      <c r="B14464" t="s">
        <v>87</v>
      </c>
      <c r="C14464" t="s">
        <v>117</v>
      </c>
      <c r="D14464" t="s">
        <v>118</v>
      </c>
      <c r="E14464">
        <v>2013</v>
      </c>
      <c r="F14464">
        <v>2013</v>
      </c>
      <c r="G14464" t="s">
        <v>125</v>
      </c>
      <c r="H14464" t="s">
        <v>121</v>
      </c>
      <c r="I14464" t="s">
        <v>15</v>
      </c>
      <c r="J14464" s="10">
        <v>31.297194820000001</v>
      </c>
    </row>
    <row r="14465" spans="1:10" x14ac:dyDescent="0.35">
      <c r="A14465" t="s">
        <v>35</v>
      </c>
      <c r="B14465" t="s">
        <v>87</v>
      </c>
      <c r="C14465" t="s">
        <v>117</v>
      </c>
      <c r="D14465" t="s">
        <v>118</v>
      </c>
      <c r="E14465">
        <v>2013</v>
      </c>
      <c r="F14465">
        <v>2013</v>
      </c>
      <c r="G14465" t="s">
        <v>125</v>
      </c>
      <c r="H14465" t="s">
        <v>122</v>
      </c>
      <c r="I14465" t="s">
        <v>15</v>
      </c>
      <c r="J14465" s="10">
        <v>21.339288580000002</v>
      </c>
    </row>
    <row r="14466" spans="1:10" x14ac:dyDescent="0.35">
      <c r="A14466" t="s">
        <v>35</v>
      </c>
      <c r="B14466" t="s">
        <v>87</v>
      </c>
      <c r="C14466" t="s">
        <v>117</v>
      </c>
      <c r="D14466" t="s">
        <v>118</v>
      </c>
      <c r="E14466">
        <v>2013</v>
      </c>
      <c r="F14466">
        <v>2013</v>
      </c>
      <c r="G14466" t="s">
        <v>125</v>
      </c>
      <c r="H14466" t="s">
        <v>123</v>
      </c>
      <c r="I14466" t="s">
        <v>15</v>
      </c>
      <c r="J14466" s="10">
        <v>15.844606539999999</v>
      </c>
    </row>
    <row r="14467" spans="1:10" x14ac:dyDescent="0.35">
      <c r="A14467" t="s">
        <v>35</v>
      </c>
      <c r="B14467" t="s">
        <v>87</v>
      </c>
      <c r="C14467" t="s">
        <v>117</v>
      </c>
      <c r="D14467" t="s">
        <v>118</v>
      </c>
      <c r="E14467">
        <v>2013</v>
      </c>
      <c r="F14467">
        <v>2013</v>
      </c>
      <c r="G14467" t="s">
        <v>125</v>
      </c>
      <c r="H14467" t="s">
        <v>124</v>
      </c>
      <c r="I14467" t="s">
        <v>15</v>
      </c>
      <c r="J14467" s="10">
        <v>1.564859741</v>
      </c>
    </row>
    <row r="14468" spans="1:10" x14ac:dyDescent="0.35">
      <c r="A14468" t="s">
        <v>35</v>
      </c>
      <c r="B14468" t="s">
        <v>87</v>
      </c>
      <c r="C14468" t="s">
        <v>117</v>
      </c>
      <c r="D14468" t="s">
        <v>118</v>
      </c>
      <c r="E14468">
        <v>2013</v>
      </c>
      <c r="F14468">
        <v>2013</v>
      </c>
      <c r="G14468" t="s">
        <v>126</v>
      </c>
      <c r="H14468" t="s">
        <v>119</v>
      </c>
      <c r="I14468" t="s">
        <v>15</v>
      </c>
      <c r="J14468" s="10">
        <v>16.435115880000001</v>
      </c>
    </row>
    <row r="14469" spans="1:10" x14ac:dyDescent="0.35">
      <c r="A14469" t="s">
        <v>35</v>
      </c>
      <c r="B14469" t="s">
        <v>87</v>
      </c>
      <c r="C14469" t="s">
        <v>117</v>
      </c>
      <c r="D14469" t="s">
        <v>118</v>
      </c>
      <c r="E14469">
        <v>2013</v>
      </c>
      <c r="F14469">
        <v>2013</v>
      </c>
      <c r="G14469" t="s">
        <v>126</v>
      </c>
      <c r="H14469" t="s">
        <v>120</v>
      </c>
      <c r="I14469" t="s">
        <v>15</v>
      </c>
      <c r="J14469" s="10">
        <v>9.8568776570000001</v>
      </c>
    </row>
    <row r="14470" spans="1:10" x14ac:dyDescent="0.35">
      <c r="A14470" t="s">
        <v>35</v>
      </c>
      <c r="B14470" t="s">
        <v>87</v>
      </c>
      <c r="C14470" t="s">
        <v>117</v>
      </c>
      <c r="D14470" t="s">
        <v>118</v>
      </c>
      <c r="E14470">
        <v>2013</v>
      </c>
      <c r="F14470">
        <v>2013</v>
      </c>
      <c r="G14470" t="s">
        <v>126</v>
      </c>
      <c r="H14470" t="s">
        <v>121</v>
      </c>
      <c r="I14470" t="s">
        <v>15</v>
      </c>
      <c r="J14470" s="10">
        <v>32.073776870000003</v>
      </c>
    </row>
    <row r="14471" spans="1:10" x14ac:dyDescent="0.35">
      <c r="A14471" t="s">
        <v>35</v>
      </c>
      <c r="B14471" t="s">
        <v>87</v>
      </c>
      <c r="C14471" t="s">
        <v>117</v>
      </c>
      <c r="D14471" t="s">
        <v>118</v>
      </c>
      <c r="E14471">
        <v>2013</v>
      </c>
      <c r="F14471">
        <v>2013</v>
      </c>
      <c r="G14471" t="s">
        <v>126</v>
      </c>
      <c r="H14471" t="s">
        <v>122</v>
      </c>
      <c r="I14471" t="s">
        <v>15</v>
      </c>
      <c r="J14471" s="10">
        <v>21.734834419999999</v>
      </c>
    </row>
    <row r="14472" spans="1:10" x14ac:dyDescent="0.35">
      <c r="A14472" t="s">
        <v>35</v>
      </c>
      <c r="B14472" t="s">
        <v>87</v>
      </c>
      <c r="C14472" t="s">
        <v>117</v>
      </c>
      <c r="D14472" t="s">
        <v>118</v>
      </c>
      <c r="E14472">
        <v>2013</v>
      </c>
      <c r="F14472">
        <v>2013</v>
      </c>
      <c r="G14472" t="s">
        <v>126</v>
      </c>
      <c r="H14472" t="s">
        <v>123</v>
      </c>
      <c r="I14472" t="s">
        <v>15</v>
      </c>
      <c r="J14472" s="10">
        <v>17.001018030000001</v>
      </c>
    </row>
    <row r="14473" spans="1:10" x14ac:dyDescent="0.35">
      <c r="A14473" t="s">
        <v>35</v>
      </c>
      <c r="B14473" t="s">
        <v>87</v>
      </c>
      <c r="C14473" t="s">
        <v>117</v>
      </c>
      <c r="D14473" t="s">
        <v>118</v>
      </c>
      <c r="E14473">
        <v>2013</v>
      </c>
      <c r="F14473">
        <v>2013</v>
      </c>
      <c r="G14473" t="s">
        <v>126</v>
      </c>
      <c r="H14473" t="s">
        <v>124</v>
      </c>
      <c r="I14473" t="s">
        <v>15</v>
      </c>
      <c r="J14473" s="10">
        <v>2.8983771479999998</v>
      </c>
    </row>
    <row r="14474" spans="1:10" x14ac:dyDescent="0.35">
      <c r="A14474" t="s">
        <v>35</v>
      </c>
      <c r="B14474" t="s">
        <v>87</v>
      </c>
      <c r="C14474" t="s">
        <v>117</v>
      </c>
      <c r="D14474" t="s">
        <v>118</v>
      </c>
      <c r="E14474">
        <v>2012</v>
      </c>
      <c r="F14474">
        <v>2012</v>
      </c>
      <c r="G14474" t="s">
        <v>14</v>
      </c>
      <c r="H14474" t="s">
        <v>119</v>
      </c>
      <c r="I14474" t="s">
        <v>15</v>
      </c>
      <c r="J14474" s="10">
        <v>17.82079766</v>
      </c>
    </row>
    <row r="14475" spans="1:10" x14ac:dyDescent="0.35">
      <c r="A14475" t="s">
        <v>35</v>
      </c>
      <c r="B14475" t="s">
        <v>87</v>
      </c>
      <c r="C14475" t="s">
        <v>117</v>
      </c>
      <c r="D14475" t="s">
        <v>118</v>
      </c>
      <c r="E14475">
        <v>2012</v>
      </c>
      <c r="F14475">
        <v>2012</v>
      </c>
      <c r="G14475" t="s">
        <v>14</v>
      </c>
      <c r="H14475" t="s">
        <v>120</v>
      </c>
      <c r="I14475" t="s">
        <v>15</v>
      </c>
      <c r="J14475" s="10">
        <v>10.43301276</v>
      </c>
    </row>
    <row r="14476" spans="1:10" x14ac:dyDescent="0.35">
      <c r="A14476" t="s">
        <v>35</v>
      </c>
      <c r="B14476" t="s">
        <v>87</v>
      </c>
      <c r="C14476" t="s">
        <v>117</v>
      </c>
      <c r="D14476" t="s">
        <v>118</v>
      </c>
      <c r="E14476">
        <v>2012</v>
      </c>
      <c r="F14476">
        <v>2012</v>
      </c>
      <c r="G14476" t="s">
        <v>14</v>
      </c>
      <c r="H14476" t="s">
        <v>121</v>
      </c>
      <c r="I14476" t="s">
        <v>15</v>
      </c>
      <c r="J14476" s="10">
        <v>32.058791540000001</v>
      </c>
    </row>
    <row r="14477" spans="1:10" x14ac:dyDescent="0.35">
      <c r="A14477" t="s">
        <v>35</v>
      </c>
      <c r="B14477" t="s">
        <v>87</v>
      </c>
      <c r="C14477" t="s">
        <v>117</v>
      </c>
      <c r="D14477" t="s">
        <v>118</v>
      </c>
      <c r="E14477">
        <v>2012</v>
      </c>
      <c r="F14477">
        <v>2012</v>
      </c>
      <c r="G14477" t="s">
        <v>14</v>
      </c>
      <c r="H14477" t="s">
        <v>122</v>
      </c>
      <c r="I14477" t="s">
        <v>15</v>
      </c>
      <c r="J14477" s="10">
        <v>21.520128020000001</v>
      </c>
    </row>
    <row r="14478" spans="1:10" x14ac:dyDescent="0.35">
      <c r="A14478" t="s">
        <v>35</v>
      </c>
      <c r="B14478" t="s">
        <v>87</v>
      </c>
      <c r="C14478" t="s">
        <v>117</v>
      </c>
      <c r="D14478" t="s">
        <v>118</v>
      </c>
      <c r="E14478">
        <v>2012</v>
      </c>
      <c r="F14478">
        <v>2012</v>
      </c>
      <c r="G14478" t="s">
        <v>14</v>
      </c>
      <c r="H14478" t="s">
        <v>123</v>
      </c>
      <c r="I14478" t="s">
        <v>15</v>
      </c>
      <c r="J14478" s="10">
        <v>15.97967777</v>
      </c>
    </row>
    <row r="14479" spans="1:10" x14ac:dyDescent="0.35">
      <c r="A14479" t="s">
        <v>35</v>
      </c>
      <c r="B14479" t="s">
        <v>87</v>
      </c>
      <c r="C14479" t="s">
        <v>117</v>
      </c>
      <c r="D14479" t="s">
        <v>118</v>
      </c>
      <c r="E14479">
        <v>2012</v>
      </c>
      <c r="F14479">
        <v>2012</v>
      </c>
      <c r="G14479" t="s">
        <v>14</v>
      </c>
      <c r="H14479" t="s">
        <v>124</v>
      </c>
      <c r="I14479" t="s">
        <v>15</v>
      </c>
      <c r="J14479" s="10">
        <v>2.1875922499999998</v>
      </c>
    </row>
    <row r="14480" spans="1:10" x14ac:dyDescent="0.35">
      <c r="A14480" t="s">
        <v>35</v>
      </c>
      <c r="B14480" t="s">
        <v>87</v>
      </c>
      <c r="C14480" t="s">
        <v>117</v>
      </c>
      <c r="D14480" t="s">
        <v>118</v>
      </c>
      <c r="E14480">
        <v>2012</v>
      </c>
      <c r="F14480">
        <v>2012</v>
      </c>
      <c r="G14480" t="s">
        <v>125</v>
      </c>
      <c r="H14480" t="s">
        <v>119</v>
      </c>
      <c r="I14480" t="s">
        <v>15</v>
      </c>
      <c r="J14480" s="10">
        <v>19.007704960000002</v>
      </c>
    </row>
    <row r="14481" spans="1:10" x14ac:dyDescent="0.35">
      <c r="A14481" t="s">
        <v>35</v>
      </c>
      <c r="B14481" t="s">
        <v>87</v>
      </c>
      <c r="C14481" t="s">
        <v>117</v>
      </c>
      <c r="D14481" t="s">
        <v>118</v>
      </c>
      <c r="E14481">
        <v>2012</v>
      </c>
      <c r="F14481">
        <v>2012</v>
      </c>
      <c r="G14481" t="s">
        <v>125</v>
      </c>
      <c r="H14481" t="s">
        <v>120</v>
      </c>
      <c r="I14481" t="s">
        <v>15</v>
      </c>
      <c r="J14481" s="10">
        <v>10.999709859999999</v>
      </c>
    </row>
    <row r="14482" spans="1:10" x14ac:dyDescent="0.35">
      <c r="A14482" t="s">
        <v>35</v>
      </c>
      <c r="B14482" t="s">
        <v>87</v>
      </c>
      <c r="C14482" t="s">
        <v>117</v>
      </c>
      <c r="D14482" t="s">
        <v>118</v>
      </c>
      <c r="E14482">
        <v>2012</v>
      </c>
      <c r="F14482">
        <v>2012</v>
      </c>
      <c r="G14482" t="s">
        <v>125</v>
      </c>
      <c r="H14482" t="s">
        <v>121</v>
      </c>
      <c r="I14482" t="s">
        <v>15</v>
      </c>
      <c r="J14482" s="10">
        <v>31.851445890000001</v>
      </c>
    </row>
    <row r="14483" spans="1:10" x14ac:dyDescent="0.35">
      <c r="A14483" t="s">
        <v>35</v>
      </c>
      <c r="B14483" t="s">
        <v>87</v>
      </c>
      <c r="C14483" t="s">
        <v>117</v>
      </c>
      <c r="D14483" t="s">
        <v>118</v>
      </c>
      <c r="E14483">
        <v>2012</v>
      </c>
      <c r="F14483">
        <v>2012</v>
      </c>
      <c r="G14483" t="s">
        <v>125</v>
      </c>
      <c r="H14483" t="s">
        <v>122</v>
      </c>
      <c r="I14483" t="s">
        <v>15</v>
      </c>
      <c r="J14483" s="10">
        <v>21.293400819999999</v>
      </c>
    </row>
    <row r="14484" spans="1:10" x14ac:dyDescent="0.35">
      <c r="A14484" t="s">
        <v>35</v>
      </c>
      <c r="B14484" t="s">
        <v>87</v>
      </c>
      <c r="C14484" t="s">
        <v>117</v>
      </c>
      <c r="D14484" t="s">
        <v>118</v>
      </c>
      <c r="E14484">
        <v>2012</v>
      </c>
      <c r="F14484">
        <v>2012</v>
      </c>
      <c r="G14484" t="s">
        <v>125</v>
      </c>
      <c r="H14484" t="s">
        <v>123</v>
      </c>
      <c r="I14484" t="s">
        <v>15</v>
      </c>
      <c r="J14484" s="10">
        <v>15.3615526</v>
      </c>
    </row>
    <row r="14485" spans="1:10" x14ac:dyDescent="0.35">
      <c r="A14485" t="s">
        <v>35</v>
      </c>
      <c r="B14485" t="s">
        <v>87</v>
      </c>
      <c r="C14485" t="s">
        <v>117</v>
      </c>
      <c r="D14485" t="s">
        <v>118</v>
      </c>
      <c r="E14485">
        <v>2012</v>
      </c>
      <c r="F14485">
        <v>2012</v>
      </c>
      <c r="G14485" t="s">
        <v>125</v>
      </c>
      <c r="H14485" t="s">
        <v>124</v>
      </c>
      <c r="I14485" t="s">
        <v>15</v>
      </c>
      <c r="J14485" s="10">
        <v>1.4861858859999999</v>
      </c>
    </row>
    <row r="14486" spans="1:10" x14ac:dyDescent="0.35">
      <c r="A14486" t="s">
        <v>35</v>
      </c>
      <c r="B14486" t="s">
        <v>87</v>
      </c>
      <c r="C14486" t="s">
        <v>117</v>
      </c>
      <c r="D14486" t="s">
        <v>118</v>
      </c>
      <c r="E14486">
        <v>2012</v>
      </c>
      <c r="F14486">
        <v>2012</v>
      </c>
      <c r="G14486" t="s">
        <v>126</v>
      </c>
      <c r="H14486" t="s">
        <v>119</v>
      </c>
      <c r="I14486" t="s">
        <v>15</v>
      </c>
      <c r="J14486" s="10">
        <v>16.71665067</v>
      </c>
    </row>
    <row r="14487" spans="1:10" x14ac:dyDescent="0.35">
      <c r="A14487" t="s">
        <v>35</v>
      </c>
      <c r="B14487" t="s">
        <v>87</v>
      </c>
      <c r="C14487" t="s">
        <v>117</v>
      </c>
      <c r="D14487" t="s">
        <v>118</v>
      </c>
      <c r="E14487">
        <v>2012</v>
      </c>
      <c r="F14487">
        <v>2012</v>
      </c>
      <c r="G14487" t="s">
        <v>126</v>
      </c>
      <c r="H14487" t="s">
        <v>120</v>
      </c>
      <c r="I14487" t="s">
        <v>15</v>
      </c>
      <c r="J14487" s="10">
        <v>9.9058301340000003</v>
      </c>
    </row>
    <row r="14488" spans="1:10" x14ac:dyDescent="0.35">
      <c r="A14488" t="s">
        <v>35</v>
      </c>
      <c r="B14488" t="s">
        <v>87</v>
      </c>
      <c r="C14488" t="s">
        <v>117</v>
      </c>
      <c r="D14488" t="s">
        <v>118</v>
      </c>
      <c r="E14488">
        <v>2012</v>
      </c>
      <c r="F14488">
        <v>2012</v>
      </c>
      <c r="G14488" t="s">
        <v>126</v>
      </c>
      <c r="H14488" t="s">
        <v>121</v>
      </c>
      <c r="I14488" t="s">
        <v>15</v>
      </c>
      <c r="J14488" s="10">
        <v>32.251679459999998</v>
      </c>
    </row>
    <row r="14489" spans="1:10" x14ac:dyDescent="0.35">
      <c r="A14489" t="s">
        <v>35</v>
      </c>
      <c r="B14489" t="s">
        <v>87</v>
      </c>
      <c r="C14489" t="s">
        <v>117</v>
      </c>
      <c r="D14489" t="s">
        <v>118</v>
      </c>
      <c r="E14489">
        <v>2012</v>
      </c>
      <c r="F14489">
        <v>2012</v>
      </c>
      <c r="G14489" t="s">
        <v>126</v>
      </c>
      <c r="H14489" t="s">
        <v>122</v>
      </c>
      <c r="I14489" t="s">
        <v>15</v>
      </c>
      <c r="J14489" s="10">
        <v>21.731046070000001</v>
      </c>
    </row>
    <row r="14490" spans="1:10" x14ac:dyDescent="0.35">
      <c r="A14490" t="s">
        <v>35</v>
      </c>
      <c r="B14490" t="s">
        <v>87</v>
      </c>
      <c r="C14490" t="s">
        <v>117</v>
      </c>
      <c r="D14490" t="s">
        <v>118</v>
      </c>
      <c r="E14490">
        <v>2012</v>
      </c>
      <c r="F14490">
        <v>2012</v>
      </c>
      <c r="G14490" t="s">
        <v>126</v>
      </c>
      <c r="H14490" t="s">
        <v>123</v>
      </c>
      <c r="I14490" t="s">
        <v>15</v>
      </c>
      <c r="J14490" s="10">
        <v>16.554702500000001</v>
      </c>
    </row>
    <row r="14491" spans="1:10" x14ac:dyDescent="0.35">
      <c r="A14491" t="s">
        <v>35</v>
      </c>
      <c r="B14491" t="s">
        <v>87</v>
      </c>
      <c r="C14491" t="s">
        <v>117</v>
      </c>
      <c r="D14491" t="s">
        <v>118</v>
      </c>
      <c r="E14491">
        <v>2012</v>
      </c>
      <c r="F14491">
        <v>2012</v>
      </c>
      <c r="G14491" t="s">
        <v>126</v>
      </c>
      <c r="H14491" t="s">
        <v>124</v>
      </c>
      <c r="I14491" t="s">
        <v>15</v>
      </c>
      <c r="J14491" s="10">
        <v>2.8400911710000001</v>
      </c>
    </row>
    <row r="14492" spans="1:10" x14ac:dyDescent="0.35">
      <c r="A14492" t="s">
        <v>35</v>
      </c>
      <c r="B14492" t="s">
        <v>87</v>
      </c>
      <c r="C14492" t="s">
        <v>117</v>
      </c>
      <c r="D14492" t="s">
        <v>118</v>
      </c>
      <c r="E14492">
        <v>2011</v>
      </c>
      <c r="F14492">
        <v>2011</v>
      </c>
      <c r="G14492" t="s">
        <v>14</v>
      </c>
      <c r="H14492" t="s">
        <v>119</v>
      </c>
      <c r="I14492" t="s">
        <v>15</v>
      </c>
      <c r="J14492" s="10">
        <v>17.88346134</v>
      </c>
    </row>
    <row r="14493" spans="1:10" x14ac:dyDescent="0.35">
      <c r="A14493" t="s">
        <v>35</v>
      </c>
      <c r="B14493" t="s">
        <v>87</v>
      </c>
      <c r="C14493" t="s">
        <v>117</v>
      </c>
      <c r="D14493" t="s">
        <v>118</v>
      </c>
      <c r="E14493">
        <v>2011</v>
      </c>
      <c r="F14493">
        <v>2011</v>
      </c>
      <c r="G14493" t="s">
        <v>14</v>
      </c>
      <c r="H14493" t="s">
        <v>120</v>
      </c>
      <c r="I14493" t="s">
        <v>15</v>
      </c>
      <c r="J14493" s="10">
        <v>10.44432698</v>
      </c>
    </row>
    <row r="14494" spans="1:10" x14ac:dyDescent="0.35">
      <c r="A14494" t="s">
        <v>35</v>
      </c>
      <c r="B14494" t="s">
        <v>87</v>
      </c>
      <c r="C14494" t="s">
        <v>117</v>
      </c>
      <c r="D14494" t="s">
        <v>118</v>
      </c>
      <c r="E14494">
        <v>2011</v>
      </c>
      <c r="F14494">
        <v>2011</v>
      </c>
      <c r="G14494" t="s">
        <v>14</v>
      </c>
      <c r="H14494" t="s">
        <v>121</v>
      </c>
      <c r="I14494" t="s">
        <v>15</v>
      </c>
      <c r="J14494" s="10">
        <v>32.556512550000001</v>
      </c>
    </row>
    <row r="14495" spans="1:10" x14ac:dyDescent="0.35">
      <c r="A14495" t="s">
        <v>35</v>
      </c>
      <c r="B14495" t="s">
        <v>87</v>
      </c>
      <c r="C14495" t="s">
        <v>117</v>
      </c>
      <c r="D14495" t="s">
        <v>118</v>
      </c>
      <c r="E14495">
        <v>2011</v>
      </c>
      <c r="F14495">
        <v>2011</v>
      </c>
      <c r="G14495" t="s">
        <v>14</v>
      </c>
      <c r="H14495" t="s">
        <v>122</v>
      </c>
      <c r="I14495" t="s">
        <v>15</v>
      </c>
      <c r="J14495" s="10">
        <v>21.70019589</v>
      </c>
    </row>
    <row r="14496" spans="1:10" x14ac:dyDescent="0.35">
      <c r="A14496" t="s">
        <v>35</v>
      </c>
      <c r="B14496" t="s">
        <v>87</v>
      </c>
      <c r="C14496" t="s">
        <v>117</v>
      </c>
      <c r="D14496" t="s">
        <v>118</v>
      </c>
      <c r="E14496">
        <v>2011</v>
      </c>
      <c r="F14496">
        <v>2011</v>
      </c>
      <c r="G14496" t="s">
        <v>14</v>
      </c>
      <c r="H14496" t="s">
        <v>123</v>
      </c>
      <c r="I14496" t="s">
        <v>15</v>
      </c>
      <c r="J14496" s="10">
        <v>15.23118062</v>
      </c>
    </row>
    <row r="14497" spans="1:10" x14ac:dyDescent="0.35">
      <c r="A14497" t="s">
        <v>35</v>
      </c>
      <c r="B14497" t="s">
        <v>87</v>
      </c>
      <c r="C14497" t="s">
        <v>117</v>
      </c>
      <c r="D14497" t="s">
        <v>118</v>
      </c>
      <c r="E14497">
        <v>2011</v>
      </c>
      <c r="F14497">
        <v>2011</v>
      </c>
      <c r="G14497" t="s">
        <v>14</v>
      </c>
      <c r="H14497" t="s">
        <v>124</v>
      </c>
      <c r="I14497" t="s">
        <v>15</v>
      </c>
      <c r="J14497" s="10">
        <v>2.1843226269999998</v>
      </c>
    </row>
    <row r="14498" spans="1:10" x14ac:dyDescent="0.35">
      <c r="A14498" t="s">
        <v>35</v>
      </c>
      <c r="B14498" t="s">
        <v>87</v>
      </c>
      <c r="C14498" t="s">
        <v>117</v>
      </c>
      <c r="D14498" t="s">
        <v>118</v>
      </c>
      <c r="E14498">
        <v>2011</v>
      </c>
      <c r="F14498">
        <v>2011</v>
      </c>
      <c r="G14498" t="s">
        <v>125</v>
      </c>
      <c r="H14498" t="s">
        <v>119</v>
      </c>
      <c r="I14498" t="s">
        <v>15</v>
      </c>
      <c r="J14498" s="10">
        <v>19.033320419999999</v>
      </c>
    </row>
    <row r="14499" spans="1:10" x14ac:dyDescent="0.35">
      <c r="A14499" t="s">
        <v>35</v>
      </c>
      <c r="B14499" t="s">
        <v>87</v>
      </c>
      <c r="C14499" t="s">
        <v>117</v>
      </c>
      <c r="D14499" t="s">
        <v>118</v>
      </c>
      <c r="E14499">
        <v>2011</v>
      </c>
      <c r="F14499">
        <v>2011</v>
      </c>
      <c r="G14499" t="s">
        <v>125</v>
      </c>
      <c r="H14499" t="s">
        <v>120</v>
      </c>
      <c r="I14499" t="s">
        <v>15</v>
      </c>
      <c r="J14499" s="10">
        <v>11.07774764</v>
      </c>
    </row>
    <row r="14500" spans="1:10" x14ac:dyDescent="0.35">
      <c r="A14500" t="s">
        <v>35</v>
      </c>
      <c r="B14500" t="s">
        <v>87</v>
      </c>
      <c r="C14500" t="s">
        <v>117</v>
      </c>
      <c r="D14500" t="s">
        <v>118</v>
      </c>
      <c r="E14500">
        <v>2011</v>
      </c>
      <c r="F14500">
        <v>2011</v>
      </c>
      <c r="G14500" t="s">
        <v>125</v>
      </c>
      <c r="H14500" t="s">
        <v>121</v>
      </c>
      <c r="I14500" t="s">
        <v>15</v>
      </c>
      <c r="J14500" s="10">
        <v>32.271083560000001</v>
      </c>
    </row>
    <row r="14501" spans="1:10" x14ac:dyDescent="0.35">
      <c r="A14501" t="s">
        <v>35</v>
      </c>
      <c r="B14501" t="s">
        <v>87</v>
      </c>
      <c r="C14501" t="s">
        <v>117</v>
      </c>
      <c r="D14501" t="s">
        <v>118</v>
      </c>
      <c r="E14501">
        <v>2011</v>
      </c>
      <c r="F14501">
        <v>2011</v>
      </c>
      <c r="G14501" t="s">
        <v>125</v>
      </c>
      <c r="H14501" t="s">
        <v>122</v>
      </c>
      <c r="I14501" t="s">
        <v>15</v>
      </c>
      <c r="J14501" s="10">
        <v>21.551724140000001</v>
      </c>
    </row>
    <row r="14502" spans="1:10" x14ac:dyDescent="0.35">
      <c r="A14502" t="s">
        <v>35</v>
      </c>
      <c r="B14502" t="s">
        <v>87</v>
      </c>
      <c r="C14502" t="s">
        <v>117</v>
      </c>
      <c r="D14502" t="s">
        <v>118</v>
      </c>
      <c r="E14502">
        <v>2011</v>
      </c>
      <c r="F14502">
        <v>2011</v>
      </c>
      <c r="G14502" t="s">
        <v>125</v>
      </c>
      <c r="H14502" t="s">
        <v>123</v>
      </c>
      <c r="I14502" t="s">
        <v>15</v>
      </c>
      <c r="J14502" s="10">
        <v>14.61965646</v>
      </c>
    </row>
    <row r="14503" spans="1:10" x14ac:dyDescent="0.35">
      <c r="A14503" t="s">
        <v>35</v>
      </c>
      <c r="B14503" t="s">
        <v>87</v>
      </c>
      <c r="C14503" t="s">
        <v>117</v>
      </c>
      <c r="D14503" t="s">
        <v>118</v>
      </c>
      <c r="E14503">
        <v>2011</v>
      </c>
      <c r="F14503">
        <v>2011</v>
      </c>
      <c r="G14503" t="s">
        <v>125</v>
      </c>
      <c r="H14503" t="s">
        <v>124</v>
      </c>
      <c r="I14503" t="s">
        <v>15</v>
      </c>
      <c r="J14503" s="10">
        <v>1.4464677770000001</v>
      </c>
    </row>
    <row r="14504" spans="1:10" x14ac:dyDescent="0.35">
      <c r="A14504" t="s">
        <v>35</v>
      </c>
      <c r="B14504" t="s">
        <v>87</v>
      </c>
      <c r="C14504" t="s">
        <v>117</v>
      </c>
      <c r="D14504" t="s">
        <v>118</v>
      </c>
      <c r="E14504">
        <v>2011</v>
      </c>
      <c r="F14504">
        <v>2011</v>
      </c>
      <c r="G14504" t="s">
        <v>126</v>
      </c>
      <c r="H14504" t="s">
        <v>119</v>
      </c>
      <c r="I14504" t="s">
        <v>15</v>
      </c>
      <c r="J14504" s="10">
        <v>16.815592200000001</v>
      </c>
    </row>
    <row r="14505" spans="1:10" x14ac:dyDescent="0.35">
      <c r="A14505" t="s">
        <v>35</v>
      </c>
      <c r="B14505" t="s">
        <v>87</v>
      </c>
      <c r="C14505" t="s">
        <v>117</v>
      </c>
      <c r="D14505" t="s">
        <v>118</v>
      </c>
      <c r="E14505">
        <v>2011</v>
      </c>
      <c r="F14505">
        <v>2011</v>
      </c>
      <c r="G14505" t="s">
        <v>126</v>
      </c>
      <c r="H14505" t="s">
        <v>120</v>
      </c>
      <c r="I14505" t="s">
        <v>15</v>
      </c>
      <c r="J14505" s="10">
        <v>9.8560719639999999</v>
      </c>
    </row>
    <row r="14506" spans="1:10" x14ac:dyDescent="0.35">
      <c r="A14506" t="s">
        <v>35</v>
      </c>
      <c r="B14506" t="s">
        <v>87</v>
      </c>
      <c r="C14506" t="s">
        <v>117</v>
      </c>
      <c r="D14506" t="s">
        <v>118</v>
      </c>
      <c r="E14506">
        <v>2011</v>
      </c>
      <c r="F14506">
        <v>2011</v>
      </c>
      <c r="G14506" t="s">
        <v>126</v>
      </c>
      <c r="H14506" t="s">
        <v>121</v>
      </c>
      <c r="I14506" t="s">
        <v>15</v>
      </c>
      <c r="J14506" s="10">
        <v>32.821589209999999</v>
      </c>
    </row>
    <row r="14507" spans="1:10" x14ac:dyDescent="0.35">
      <c r="A14507" t="s">
        <v>35</v>
      </c>
      <c r="B14507" t="s">
        <v>87</v>
      </c>
      <c r="C14507" t="s">
        <v>117</v>
      </c>
      <c r="D14507" t="s">
        <v>118</v>
      </c>
      <c r="E14507">
        <v>2011</v>
      </c>
      <c r="F14507">
        <v>2011</v>
      </c>
      <c r="G14507" t="s">
        <v>126</v>
      </c>
      <c r="H14507" t="s">
        <v>122</v>
      </c>
      <c r="I14507" t="s">
        <v>15</v>
      </c>
      <c r="J14507" s="10">
        <v>21.838080959999999</v>
      </c>
    </row>
    <row r="14508" spans="1:10" x14ac:dyDescent="0.35">
      <c r="A14508" t="s">
        <v>35</v>
      </c>
      <c r="B14508" t="s">
        <v>87</v>
      </c>
      <c r="C14508" t="s">
        <v>117</v>
      </c>
      <c r="D14508" t="s">
        <v>118</v>
      </c>
      <c r="E14508">
        <v>2011</v>
      </c>
      <c r="F14508">
        <v>2011</v>
      </c>
      <c r="G14508" t="s">
        <v>126</v>
      </c>
      <c r="H14508" t="s">
        <v>123</v>
      </c>
      <c r="I14508" t="s">
        <v>15</v>
      </c>
      <c r="J14508" s="10">
        <v>15.799100449999999</v>
      </c>
    </row>
    <row r="14509" spans="1:10" x14ac:dyDescent="0.35">
      <c r="A14509" t="s">
        <v>35</v>
      </c>
      <c r="B14509" t="s">
        <v>87</v>
      </c>
      <c r="C14509" t="s">
        <v>117</v>
      </c>
      <c r="D14509" t="s">
        <v>118</v>
      </c>
      <c r="E14509">
        <v>2011</v>
      </c>
      <c r="F14509">
        <v>2011</v>
      </c>
      <c r="G14509" t="s">
        <v>126</v>
      </c>
      <c r="H14509" t="s">
        <v>124</v>
      </c>
      <c r="I14509" t="s">
        <v>15</v>
      </c>
      <c r="J14509" s="10">
        <v>2.8695652169999999</v>
      </c>
    </row>
    <row r="14510" spans="1:10" x14ac:dyDescent="0.35">
      <c r="A14510" t="s">
        <v>35</v>
      </c>
      <c r="B14510" t="s">
        <v>88</v>
      </c>
      <c r="C14510" t="s">
        <v>117</v>
      </c>
      <c r="D14510" t="s">
        <v>118</v>
      </c>
      <c r="E14510">
        <v>2020</v>
      </c>
      <c r="F14510">
        <v>2020</v>
      </c>
      <c r="G14510" t="s">
        <v>14</v>
      </c>
      <c r="H14510" t="s">
        <v>119</v>
      </c>
      <c r="I14510" t="s">
        <v>15</v>
      </c>
      <c r="J14510" s="10">
        <v>18.106942650000001</v>
      </c>
    </row>
    <row r="14511" spans="1:10" x14ac:dyDescent="0.35">
      <c r="A14511" t="s">
        <v>35</v>
      </c>
      <c r="B14511" t="s">
        <v>88</v>
      </c>
      <c r="C14511" t="s">
        <v>117</v>
      </c>
      <c r="D14511" t="s">
        <v>118</v>
      </c>
      <c r="E14511">
        <v>2020</v>
      </c>
      <c r="F14511">
        <v>2020</v>
      </c>
      <c r="G14511" t="s">
        <v>14</v>
      </c>
      <c r="H14511" t="s">
        <v>120</v>
      </c>
      <c r="I14511" t="s">
        <v>15</v>
      </c>
      <c r="J14511" s="10">
        <v>9.9022567200000005</v>
      </c>
    </row>
    <row r="14512" spans="1:10" x14ac:dyDescent="0.35">
      <c r="A14512" t="s">
        <v>35</v>
      </c>
      <c r="B14512" t="s">
        <v>88</v>
      </c>
      <c r="C14512" t="s">
        <v>117</v>
      </c>
      <c r="D14512" t="s">
        <v>118</v>
      </c>
      <c r="E14512">
        <v>2020</v>
      </c>
      <c r="F14512">
        <v>2020</v>
      </c>
      <c r="G14512" t="s">
        <v>14</v>
      </c>
      <c r="H14512" t="s">
        <v>121</v>
      </c>
      <c r="I14512" t="s">
        <v>15</v>
      </c>
      <c r="J14512" s="10">
        <v>30.067557860000001</v>
      </c>
    </row>
    <row r="14513" spans="1:10" x14ac:dyDescent="0.35">
      <c r="A14513" t="s">
        <v>35</v>
      </c>
      <c r="B14513" t="s">
        <v>88</v>
      </c>
      <c r="C14513" t="s">
        <v>117</v>
      </c>
      <c r="D14513" t="s">
        <v>118</v>
      </c>
      <c r="E14513">
        <v>2020</v>
      </c>
      <c r="F14513">
        <v>2020</v>
      </c>
      <c r="G14513" t="s">
        <v>14</v>
      </c>
      <c r="H14513" t="s">
        <v>122</v>
      </c>
      <c r="I14513" t="s">
        <v>15</v>
      </c>
      <c r="J14513" s="10">
        <v>22.879114560000001</v>
      </c>
    </row>
    <row r="14514" spans="1:10" x14ac:dyDescent="0.35">
      <c r="A14514" t="s">
        <v>35</v>
      </c>
      <c r="B14514" t="s">
        <v>88</v>
      </c>
      <c r="C14514" t="s">
        <v>117</v>
      </c>
      <c r="D14514" t="s">
        <v>118</v>
      </c>
      <c r="E14514">
        <v>2020</v>
      </c>
      <c r="F14514">
        <v>2020</v>
      </c>
      <c r="G14514" t="s">
        <v>14</v>
      </c>
      <c r="H14514" t="s">
        <v>123</v>
      </c>
      <c r="I14514" t="s">
        <v>15</v>
      </c>
      <c r="J14514" s="10">
        <v>16.747161129999999</v>
      </c>
    </row>
    <row r="14515" spans="1:10" x14ac:dyDescent="0.35">
      <c r="A14515" t="s">
        <v>35</v>
      </c>
      <c r="B14515" t="s">
        <v>88</v>
      </c>
      <c r="C14515" t="s">
        <v>117</v>
      </c>
      <c r="D14515" t="s">
        <v>118</v>
      </c>
      <c r="E14515">
        <v>2020</v>
      </c>
      <c r="F14515">
        <v>2020</v>
      </c>
      <c r="G14515" t="s">
        <v>14</v>
      </c>
      <c r="H14515" t="s">
        <v>124</v>
      </c>
      <c r="I14515" t="s">
        <v>15</v>
      </c>
      <c r="J14515" s="10">
        <v>2.2969670839999998</v>
      </c>
    </row>
    <row r="14516" spans="1:10" x14ac:dyDescent="0.35">
      <c r="A14516" t="s">
        <v>35</v>
      </c>
      <c r="B14516" t="s">
        <v>88</v>
      </c>
      <c r="C14516" t="s">
        <v>117</v>
      </c>
      <c r="D14516" t="s">
        <v>118</v>
      </c>
      <c r="E14516">
        <v>2020</v>
      </c>
      <c r="F14516">
        <v>2020</v>
      </c>
      <c r="G14516" t="s">
        <v>125</v>
      </c>
      <c r="H14516" t="s">
        <v>119</v>
      </c>
      <c r="I14516" t="s">
        <v>15</v>
      </c>
      <c r="J14516" s="10">
        <v>19.333593960000002</v>
      </c>
    </row>
    <row r="14517" spans="1:10" x14ac:dyDescent="0.35">
      <c r="A14517" t="s">
        <v>35</v>
      </c>
      <c r="B14517" t="s">
        <v>88</v>
      </c>
      <c r="C14517" t="s">
        <v>117</v>
      </c>
      <c r="D14517" t="s">
        <v>118</v>
      </c>
      <c r="E14517">
        <v>2020</v>
      </c>
      <c r="F14517">
        <v>2020</v>
      </c>
      <c r="G14517" t="s">
        <v>125</v>
      </c>
      <c r="H14517" t="s">
        <v>120</v>
      </c>
      <c r="I14517" t="s">
        <v>15</v>
      </c>
      <c r="J14517" s="10">
        <v>10.387032749999999</v>
      </c>
    </row>
    <row r="14518" spans="1:10" x14ac:dyDescent="0.35">
      <c r="A14518" t="s">
        <v>35</v>
      </c>
      <c r="B14518" t="s">
        <v>88</v>
      </c>
      <c r="C14518" t="s">
        <v>117</v>
      </c>
      <c r="D14518" t="s">
        <v>118</v>
      </c>
      <c r="E14518">
        <v>2020</v>
      </c>
      <c r="F14518">
        <v>2020</v>
      </c>
      <c r="G14518" t="s">
        <v>125</v>
      </c>
      <c r="H14518" t="s">
        <v>121</v>
      </c>
      <c r="I14518" t="s">
        <v>15</v>
      </c>
      <c r="J14518" s="10">
        <v>30.24689502</v>
      </c>
    </row>
    <row r="14519" spans="1:10" x14ac:dyDescent="0.35">
      <c r="A14519" t="s">
        <v>35</v>
      </c>
      <c r="B14519" t="s">
        <v>88</v>
      </c>
      <c r="C14519" t="s">
        <v>117</v>
      </c>
      <c r="D14519" t="s">
        <v>118</v>
      </c>
      <c r="E14519">
        <v>2020</v>
      </c>
      <c r="F14519">
        <v>2020</v>
      </c>
      <c r="G14519" t="s">
        <v>125</v>
      </c>
      <c r="H14519" t="s">
        <v>122</v>
      </c>
      <c r="I14519" t="s">
        <v>15</v>
      </c>
      <c r="J14519" s="10">
        <v>22.800950289999999</v>
      </c>
    </row>
    <row r="14520" spans="1:10" x14ac:dyDescent="0.35">
      <c r="A14520" t="s">
        <v>35</v>
      </c>
      <c r="B14520" t="s">
        <v>88</v>
      </c>
      <c r="C14520" t="s">
        <v>117</v>
      </c>
      <c r="D14520" t="s">
        <v>118</v>
      </c>
      <c r="E14520">
        <v>2020</v>
      </c>
      <c r="F14520">
        <v>2020</v>
      </c>
      <c r="G14520" t="s">
        <v>125</v>
      </c>
      <c r="H14520" t="s">
        <v>123</v>
      </c>
      <c r="I14520" t="s">
        <v>15</v>
      </c>
      <c r="J14520" s="10">
        <v>15.47228821</v>
      </c>
    </row>
    <row r="14521" spans="1:10" x14ac:dyDescent="0.35">
      <c r="A14521" t="s">
        <v>35</v>
      </c>
      <c r="B14521" t="s">
        <v>88</v>
      </c>
      <c r="C14521" t="s">
        <v>117</v>
      </c>
      <c r="D14521" t="s">
        <v>118</v>
      </c>
      <c r="E14521">
        <v>2020</v>
      </c>
      <c r="F14521">
        <v>2020</v>
      </c>
      <c r="G14521" t="s">
        <v>125</v>
      </c>
      <c r="H14521" t="s">
        <v>124</v>
      </c>
      <c r="I14521" t="s">
        <v>15</v>
      </c>
      <c r="J14521" s="10">
        <v>1.759239768</v>
      </c>
    </row>
    <row r="14522" spans="1:10" x14ac:dyDescent="0.35">
      <c r="A14522" t="s">
        <v>35</v>
      </c>
      <c r="B14522" t="s">
        <v>88</v>
      </c>
      <c r="C14522" t="s">
        <v>117</v>
      </c>
      <c r="D14522" t="s">
        <v>118</v>
      </c>
      <c r="E14522">
        <v>2020</v>
      </c>
      <c r="F14522">
        <v>2020</v>
      </c>
      <c r="G14522" t="s">
        <v>126</v>
      </c>
      <c r="H14522" t="s">
        <v>119</v>
      </c>
      <c r="I14522" t="s">
        <v>15</v>
      </c>
      <c r="J14522" s="10">
        <v>16.983781700000002</v>
      </c>
    </row>
    <row r="14523" spans="1:10" x14ac:dyDescent="0.35">
      <c r="A14523" t="s">
        <v>35</v>
      </c>
      <c r="B14523" t="s">
        <v>88</v>
      </c>
      <c r="C14523" t="s">
        <v>117</v>
      </c>
      <c r="D14523" t="s">
        <v>118</v>
      </c>
      <c r="E14523">
        <v>2020</v>
      </c>
      <c r="F14523">
        <v>2020</v>
      </c>
      <c r="G14523" t="s">
        <v>126</v>
      </c>
      <c r="H14523" t="s">
        <v>120</v>
      </c>
      <c r="I14523" t="s">
        <v>15</v>
      </c>
      <c r="J14523" s="10">
        <v>9.4583803730000007</v>
      </c>
    </row>
    <row r="14524" spans="1:10" x14ac:dyDescent="0.35">
      <c r="A14524" t="s">
        <v>35</v>
      </c>
      <c r="B14524" t="s">
        <v>88</v>
      </c>
      <c r="C14524" t="s">
        <v>117</v>
      </c>
      <c r="D14524" t="s">
        <v>118</v>
      </c>
      <c r="E14524">
        <v>2020</v>
      </c>
      <c r="F14524">
        <v>2020</v>
      </c>
      <c r="G14524" t="s">
        <v>126</v>
      </c>
      <c r="H14524" t="s">
        <v>121</v>
      </c>
      <c r="I14524" t="s">
        <v>15</v>
      </c>
      <c r="J14524" s="10">
        <v>29.903351050000001</v>
      </c>
    </row>
    <row r="14525" spans="1:10" x14ac:dyDescent="0.35">
      <c r="A14525" t="s">
        <v>35</v>
      </c>
      <c r="B14525" t="s">
        <v>88</v>
      </c>
      <c r="C14525" t="s">
        <v>117</v>
      </c>
      <c r="D14525" t="s">
        <v>118</v>
      </c>
      <c r="E14525">
        <v>2020</v>
      </c>
      <c r="F14525">
        <v>2020</v>
      </c>
      <c r="G14525" t="s">
        <v>126</v>
      </c>
      <c r="H14525" t="s">
        <v>122</v>
      </c>
      <c r="I14525" t="s">
        <v>15</v>
      </c>
      <c r="J14525" s="10">
        <v>22.950684249999998</v>
      </c>
    </row>
    <row r="14526" spans="1:10" x14ac:dyDescent="0.35">
      <c r="A14526" t="s">
        <v>35</v>
      </c>
      <c r="B14526" t="s">
        <v>88</v>
      </c>
      <c r="C14526" t="s">
        <v>117</v>
      </c>
      <c r="D14526" t="s">
        <v>118</v>
      </c>
      <c r="E14526">
        <v>2020</v>
      </c>
      <c r="F14526">
        <v>2020</v>
      </c>
      <c r="G14526" t="s">
        <v>126</v>
      </c>
      <c r="H14526" t="s">
        <v>123</v>
      </c>
      <c r="I14526" t="s">
        <v>15</v>
      </c>
      <c r="J14526" s="10">
        <v>17.91447531</v>
      </c>
    </row>
    <row r="14527" spans="1:10" x14ac:dyDescent="0.35">
      <c r="A14527" t="s">
        <v>35</v>
      </c>
      <c r="B14527" t="s">
        <v>88</v>
      </c>
      <c r="C14527" t="s">
        <v>117</v>
      </c>
      <c r="D14527" t="s">
        <v>118</v>
      </c>
      <c r="E14527">
        <v>2020</v>
      </c>
      <c r="F14527">
        <v>2020</v>
      </c>
      <c r="G14527" t="s">
        <v>126</v>
      </c>
      <c r="H14527" t="s">
        <v>124</v>
      </c>
      <c r="I14527" t="s">
        <v>15</v>
      </c>
      <c r="J14527" s="10">
        <v>2.7893273120000002</v>
      </c>
    </row>
    <row r="14528" spans="1:10" x14ac:dyDescent="0.35">
      <c r="A14528" t="s">
        <v>35</v>
      </c>
      <c r="B14528" t="s">
        <v>88</v>
      </c>
      <c r="C14528" t="s">
        <v>117</v>
      </c>
      <c r="D14528" t="s">
        <v>118</v>
      </c>
      <c r="E14528">
        <v>2019</v>
      </c>
      <c r="F14528">
        <v>2019</v>
      </c>
      <c r="G14528" t="s">
        <v>14</v>
      </c>
      <c r="H14528" t="s">
        <v>119</v>
      </c>
      <c r="I14528" t="s">
        <v>15</v>
      </c>
      <c r="J14528" s="10">
        <v>17.961087460000002</v>
      </c>
    </row>
    <row r="14529" spans="1:10" x14ac:dyDescent="0.35">
      <c r="A14529" t="s">
        <v>35</v>
      </c>
      <c r="B14529" t="s">
        <v>88</v>
      </c>
      <c r="C14529" t="s">
        <v>117</v>
      </c>
      <c r="D14529" t="s">
        <v>118</v>
      </c>
      <c r="E14529">
        <v>2019</v>
      </c>
      <c r="F14529">
        <v>2019</v>
      </c>
      <c r="G14529" t="s">
        <v>14</v>
      </c>
      <c r="H14529" t="s">
        <v>120</v>
      </c>
      <c r="I14529" t="s">
        <v>15</v>
      </c>
      <c r="J14529" s="10">
        <v>10.01583819</v>
      </c>
    </row>
    <row r="14530" spans="1:10" x14ac:dyDescent="0.35">
      <c r="A14530" t="s">
        <v>35</v>
      </c>
      <c r="B14530" t="s">
        <v>88</v>
      </c>
      <c r="C14530" t="s">
        <v>117</v>
      </c>
      <c r="D14530" t="s">
        <v>118</v>
      </c>
      <c r="E14530">
        <v>2019</v>
      </c>
      <c r="F14530">
        <v>2019</v>
      </c>
      <c r="G14530" t="s">
        <v>14</v>
      </c>
      <c r="H14530" t="s">
        <v>121</v>
      </c>
      <c r="I14530" t="s">
        <v>15</v>
      </c>
      <c r="J14530" s="10">
        <v>30.098371140000001</v>
      </c>
    </row>
    <row r="14531" spans="1:10" x14ac:dyDescent="0.35">
      <c r="A14531" t="s">
        <v>35</v>
      </c>
      <c r="B14531" t="s">
        <v>88</v>
      </c>
      <c r="C14531" t="s">
        <v>117</v>
      </c>
      <c r="D14531" t="s">
        <v>118</v>
      </c>
      <c r="E14531">
        <v>2019</v>
      </c>
      <c r="F14531">
        <v>2019</v>
      </c>
      <c r="G14531" t="s">
        <v>14</v>
      </c>
      <c r="H14531" t="s">
        <v>122</v>
      </c>
      <c r="I14531" t="s">
        <v>15</v>
      </c>
      <c r="J14531" s="10">
        <v>22.690748459999998</v>
      </c>
    </row>
    <row r="14532" spans="1:10" x14ac:dyDescent="0.35">
      <c r="A14532" t="s">
        <v>35</v>
      </c>
      <c r="B14532" t="s">
        <v>88</v>
      </c>
      <c r="C14532" t="s">
        <v>117</v>
      </c>
      <c r="D14532" t="s">
        <v>118</v>
      </c>
      <c r="E14532">
        <v>2019</v>
      </c>
      <c r="F14532">
        <v>2019</v>
      </c>
      <c r="G14532" t="s">
        <v>14</v>
      </c>
      <c r="H14532" t="s">
        <v>123</v>
      </c>
      <c r="I14532" t="s">
        <v>15</v>
      </c>
      <c r="J14532" s="10">
        <v>16.97737609</v>
      </c>
    </row>
    <row r="14533" spans="1:10" x14ac:dyDescent="0.35">
      <c r="A14533" t="s">
        <v>35</v>
      </c>
      <c r="B14533" t="s">
        <v>88</v>
      </c>
      <c r="C14533" t="s">
        <v>117</v>
      </c>
      <c r="D14533" t="s">
        <v>118</v>
      </c>
      <c r="E14533">
        <v>2019</v>
      </c>
      <c r="F14533">
        <v>2019</v>
      </c>
      <c r="G14533" t="s">
        <v>14</v>
      </c>
      <c r="H14533" t="s">
        <v>124</v>
      </c>
      <c r="I14533" t="s">
        <v>15</v>
      </c>
      <c r="J14533" s="10">
        <v>2.2565786609999998</v>
      </c>
    </row>
    <row r="14534" spans="1:10" x14ac:dyDescent="0.35">
      <c r="A14534" t="s">
        <v>35</v>
      </c>
      <c r="B14534" t="s">
        <v>88</v>
      </c>
      <c r="C14534" t="s">
        <v>117</v>
      </c>
      <c r="D14534" t="s">
        <v>118</v>
      </c>
      <c r="E14534">
        <v>2019</v>
      </c>
      <c r="F14534">
        <v>2019</v>
      </c>
      <c r="G14534" t="s">
        <v>125</v>
      </c>
      <c r="H14534" t="s">
        <v>119</v>
      </c>
      <c r="I14534" t="s">
        <v>15</v>
      </c>
      <c r="J14534" s="10">
        <v>19.079648169999999</v>
      </c>
    </row>
    <row r="14535" spans="1:10" x14ac:dyDescent="0.35">
      <c r="A14535" t="s">
        <v>35</v>
      </c>
      <c r="B14535" t="s">
        <v>88</v>
      </c>
      <c r="C14535" t="s">
        <v>117</v>
      </c>
      <c r="D14535" t="s">
        <v>118</v>
      </c>
      <c r="E14535">
        <v>2019</v>
      </c>
      <c r="F14535">
        <v>2019</v>
      </c>
      <c r="G14535" t="s">
        <v>125</v>
      </c>
      <c r="H14535" t="s">
        <v>120</v>
      </c>
      <c r="I14535" t="s">
        <v>15</v>
      </c>
      <c r="J14535" s="10">
        <v>10.6613507</v>
      </c>
    </row>
    <row r="14536" spans="1:10" x14ac:dyDescent="0.35">
      <c r="A14536" t="s">
        <v>35</v>
      </c>
      <c r="B14536" t="s">
        <v>88</v>
      </c>
      <c r="C14536" t="s">
        <v>117</v>
      </c>
      <c r="D14536" t="s">
        <v>118</v>
      </c>
      <c r="E14536">
        <v>2019</v>
      </c>
      <c r="F14536">
        <v>2019</v>
      </c>
      <c r="G14536" t="s">
        <v>125</v>
      </c>
      <c r="H14536" t="s">
        <v>121</v>
      </c>
      <c r="I14536" t="s">
        <v>15</v>
      </c>
      <c r="J14536" s="10">
        <v>30.081869919999999</v>
      </c>
    </row>
    <row r="14537" spans="1:10" x14ac:dyDescent="0.35">
      <c r="A14537" t="s">
        <v>35</v>
      </c>
      <c r="B14537" t="s">
        <v>88</v>
      </c>
      <c r="C14537" t="s">
        <v>117</v>
      </c>
      <c r="D14537" t="s">
        <v>118</v>
      </c>
      <c r="E14537">
        <v>2019</v>
      </c>
      <c r="F14537">
        <v>2019</v>
      </c>
      <c r="G14537" t="s">
        <v>125</v>
      </c>
      <c r="H14537" t="s">
        <v>122</v>
      </c>
      <c r="I14537" t="s">
        <v>15</v>
      </c>
      <c r="J14537" s="10">
        <v>22.78053383</v>
      </c>
    </row>
    <row r="14538" spans="1:10" x14ac:dyDescent="0.35">
      <c r="A14538" t="s">
        <v>35</v>
      </c>
      <c r="B14538" t="s">
        <v>88</v>
      </c>
      <c r="C14538" t="s">
        <v>117</v>
      </c>
      <c r="D14538" t="s">
        <v>118</v>
      </c>
      <c r="E14538">
        <v>2019</v>
      </c>
      <c r="F14538">
        <v>2019</v>
      </c>
      <c r="G14538" t="s">
        <v>125</v>
      </c>
      <c r="H14538" t="s">
        <v>123</v>
      </c>
      <c r="I14538" t="s">
        <v>15</v>
      </c>
      <c r="J14538" s="10">
        <v>15.75615546</v>
      </c>
    </row>
    <row r="14539" spans="1:10" x14ac:dyDescent="0.35">
      <c r="A14539" t="s">
        <v>35</v>
      </c>
      <c r="B14539" t="s">
        <v>88</v>
      </c>
      <c r="C14539" t="s">
        <v>117</v>
      </c>
      <c r="D14539" t="s">
        <v>118</v>
      </c>
      <c r="E14539">
        <v>2019</v>
      </c>
      <c r="F14539">
        <v>2019</v>
      </c>
      <c r="G14539" t="s">
        <v>125</v>
      </c>
      <c r="H14539" t="s">
        <v>124</v>
      </c>
      <c r="I14539" t="s">
        <v>15</v>
      </c>
      <c r="J14539" s="10">
        <v>1.640441915</v>
      </c>
    </row>
    <row r="14540" spans="1:10" x14ac:dyDescent="0.35">
      <c r="A14540" t="s">
        <v>35</v>
      </c>
      <c r="B14540" t="s">
        <v>88</v>
      </c>
      <c r="C14540" t="s">
        <v>117</v>
      </c>
      <c r="D14540" t="s">
        <v>118</v>
      </c>
      <c r="E14540">
        <v>2019</v>
      </c>
      <c r="F14540">
        <v>2019</v>
      </c>
      <c r="G14540" t="s">
        <v>126</v>
      </c>
      <c r="H14540" t="s">
        <v>119</v>
      </c>
      <c r="I14540" t="s">
        <v>15</v>
      </c>
      <c r="J14540" s="10">
        <v>16.939161380000002</v>
      </c>
    </row>
    <row r="14541" spans="1:10" x14ac:dyDescent="0.35">
      <c r="A14541" t="s">
        <v>35</v>
      </c>
      <c r="B14541" t="s">
        <v>88</v>
      </c>
      <c r="C14541" t="s">
        <v>117</v>
      </c>
      <c r="D14541" t="s">
        <v>118</v>
      </c>
      <c r="E14541">
        <v>2019</v>
      </c>
      <c r="F14541">
        <v>2019</v>
      </c>
      <c r="G14541" t="s">
        <v>126</v>
      </c>
      <c r="H14541" t="s">
        <v>120</v>
      </c>
      <c r="I14541" t="s">
        <v>15</v>
      </c>
      <c r="J14541" s="10">
        <v>9.4260927589999994</v>
      </c>
    </row>
    <row r="14542" spans="1:10" x14ac:dyDescent="0.35">
      <c r="A14542" t="s">
        <v>35</v>
      </c>
      <c r="B14542" t="s">
        <v>88</v>
      </c>
      <c r="C14542" t="s">
        <v>117</v>
      </c>
      <c r="D14542" t="s">
        <v>118</v>
      </c>
      <c r="E14542">
        <v>2019</v>
      </c>
      <c r="F14542">
        <v>2019</v>
      </c>
      <c r="G14542" t="s">
        <v>126</v>
      </c>
      <c r="H14542" t="s">
        <v>121</v>
      </c>
      <c r="I14542" t="s">
        <v>15</v>
      </c>
      <c r="J14542" s="10">
        <v>30.11344678</v>
      </c>
    </row>
    <row r="14543" spans="1:10" x14ac:dyDescent="0.35">
      <c r="A14543" t="s">
        <v>35</v>
      </c>
      <c r="B14543" t="s">
        <v>88</v>
      </c>
      <c r="C14543" t="s">
        <v>117</v>
      </c>
      <c r="D14543" t="s">
        <v>118</v>
      </c>
      <c r="E14543">
        <v>2019</v>
      </c>
      <c r="F14543">
        <v>2019</v>
      </c>
      <c r="G14543" t="s">
        <v>126</v>
      </c>
      <c r="H14543" t="s">
        <v>122</v>
      </c>
      <c r="I14543" t="s">
        <v>15</v>
      </c>
      <c r="J14543" s="10">
        <v>22.608719829999998</v>
      </c>
    </row>
    <row r="14544" spans="1:10" x14ac:dyDescent="0.35">
      <c r="A14544" t="s">
        <v>35</v>
      </c>
      <c r="B14544" t="s">
        <v>88</v>
      </c>
      <c r="C14544" t="s">
        <v>117</v>
      </c>
      <c r="D14544" t="s">
        <v>118</v>
      </c>
      <c r="E14544">
        <v>2019</v>
      </c>
      <c r="F14544">
        <v>2019</v>
      </c>
      <c r="G14544" t="s">
        <v>126</v>
      </c>
      <c r="H14544" t="s">
        <v>123</v>
      </c>
      <c r="I14544" t="s">
        <v>15</v>
      </c>
      <c r="J14544" s="10">
        <v>18.09309309</v>
      </c>
    </row>
    <row r="14545" spans="1:10" x14ac:dyDescent="0.35">
      <c r="A14545" t="s">
        <v>35</v>
      </c>
      <c r="B14545" t="s">
        <v>88</v>
      </c>
      <c r="C14545" t="s">
        <v>117</v>
      </c>
      <c r="D14545" t="s">
        <v>118</v>
      </c>
      <c r="E14545">
        <v>2019</v>
      </c>
      <c r="F14545">
        <v>2019</v>
      </c>
      <c r="G14545" t="s">
        <v>126</v>
      </c>
      <c r="H14545" t="s">
        <v>124</v>
      </c>
      <c r="I14545" t="s">
        <v>15</v>
      </c>
      <c r="J14545" s="10">
        <v>2.8194861530000002</v>
      </c>
    </row>
    <row r="14546" spans="1:10" x14ac:dyDescent="0.35">
      <c r="A14546" t="s">
        <v>35</v>
      </c>
      <c r="B14546" t="s">
        <v>88</v>
      </c>
      <c r="C14546" t="s">
        <v>117</v>
      </c>
      <c r="D14546" t="s">
        <v>118</v>
      </c>
      <c r="E14546">
        <v>2018</v>
      </c>
      <c r="F14546">
        <v>2018</v>
      </c>
      <c r="G14546" t="s">
        <v>14</v>
      </c>
      <c r="H14546" t="s">
        <v>119</v>
      </c>
      <c r="I14546" t="s">
        <v>15</v>
      </c>
      <c r="J14546" s="10">
        <v>17.973472619999999</v>
      </c>
    </row>
    <row r="14547" spans="1:10" x14ac:dyDescent="0.35">
      <c r="A14547" t="s">
        <v>35</v>
      </c>
      <c r="B14547" t="s">
        <v>88</v>
      </c>
      <c r="C14547" t="s">
        <v>117</v>
      </c>
      <c r="D14547" t="s">
        <v>118</v>
      </c>
      <c r="E14547">
        <v>2018</v>
      </c>
      <c r="F14547">
        <v>2018</v>
      </c>
      <c r="G14547" t="s">
        <v>14</v>
      </c>
      <c r="H14547" t="s">
        <v>120</v>
      </c>
      <c r="I14547" t="s">
        <v>15</v>
      </c>
      <c r="J14547" s="10">
        <v>10.214801339999999</v>
      </c>
    </row>
    <row r="14548" spans="1:10" x14ac:dyDescent="0.35">
      <c r="A14548" t="s">
        <v>35</v>
      </c>
      <c r="B14548" t="s">
        <v>88</v>
      </c>
      <c r="C14548" t="s">
        <v>117</v>
      </c>
      <c r="D14548" t="s">
        <v>118</v>
      </c>
      <c r="E14548">
        <v>2018</v>
      </c>
      <c r="F14548">
        <v>2018</v>
      </c>
      <c r="G14548" t="s">
        <v>14</v>
      </c>
      <c r="H14548" t="s">
        <v>121</v>
      </c>
      <c r="I14548" t="s">
        <v>15</v>
      </c>
      <c r="J14548" s="10">
        <v>30.16608956</v>
      </c>
    </row>
    <row r="14549" spans="1:10" x14ac:dyDescent="0.35">
      <c r="A14549" t="s">
        <v>35</v>
      </c>
      <c r="B14549" t="s">
        <v>88</v>
      </c>
      <c r="C14549" t="s">
        <v>117</v>
      </c>
      <c r="D14549" t="s">
        <v>118</v>
      </c>
      <c r="E14549">
        <v>2018</v>
      </c>
      <c r="F14549">
        <v>2018</v>
      </c>
      <c r="G14549" t="s">
        <v>14</v>
      </c>
      <c r="H14549" t="s">
        <v>122</v>
      </c>
      <c r="I14549" t="s">
        <v>15</v>
      </c>
      <c r="J14549" s="10">
        <v>22.529197719999999</v>
      </c>
    </row>
    <row r="14550" spans="1:10" x14ac:dyDescent="0.35">
      <c r="A14550" t="s">
        <v>35</v>
      </c>
      <c r="B14550" t="s">
        <v>88</v>
      </c>
      <c r="C14550" t="s">
        <v>117</v>
      </c>
      <c r="D14550" t="s">
        <v>118</v>
      </c>
      <c r="E14550">
        <v>2018</v>
      </c>
      <c r="F14550">
        <v>2018</v>
      </c>
      <c r="G14550" t="s">
        <v>14</v>
      </c>
      <c r="H14550" t="s">
        <v>123</v>
      </c>
      <c r="I14550" t="s">
        <v>15</v>
      </c>
      <c r="J14550" s="10">
        <v>17.043253709999998</v>
      </c>
    </row>
    <row r="14551" spans="1:10" x14ac:dyDescent="0.35">
      <c r="A14551" t="s">
        <v>35</v>
      </c>
      <c r="B14551" t="s">
        <v>88</v>
      </c>
      <c r="C14551" t="s">
        <v>117</v>
      </c>
      <c r="D14551" t="s">
        <v>118</v>
      </c>
      <c r="E14551">
        <v>2018</v>
      </c>
      <c r="F14551">
        <v>2018</v>
      </c>
      <c r="G14551" t="s">
        <v>14</v>
      </c>
      <c r="H14551" t="s">
        <v>124</v>
      </c>
      <c r="I14551" t="s">
        <v>15</v>
      </c>
      <c r="J14551" s="10">
        <v>2.0731850459999999</v>
      </c>
    </row>
    <row r="14552" spans="1:10" x14ac:dyDescent="0.35">
      <c r="A14552" t="s">
        <v>35</v>
      </c>
      <c r="B14552" t="s">
        <v>88</v>
      </c>
      <c r="C14552" t="s">
        <v>117</v>
      </c>
      <c r="D14552" t="s">
        <v>118</v>
      </c>
      <c r="E14552">
        <v>2018</v>
      </c>
      <c r="F14552">
        <v>2018</v>
      </c>
      <c r="G14552" t="s">
        <v>125</v>
      </c>
      <c r="H14552" t="s">
        <v>119</v>
      </c>
      <c r="I14552" t="s">
        <v>15</v>
      </c>
      <c r="J14552" s="10">
        <v>18.94808029</v>
      </c>
    </row>
    <row r="14553" spans="1:10" x14ac:dyDescent="0.35">
      <c r="A14553" t="s">
        <v>35</v>
      </c>
      <c r="B14553" t="s">
        <v>88</v>
      </c>
      <c r="C14553" t="s">
        <v>117</v>
      </c>
      <c r="D14553" t="s">
        <v>118</v>
      </c>
      <c r="E14553">
        <v>2018</v>
      </c>
      <c r="F14553">
        <v>2018</v>
      </c>
      <c r="G14553" t="s">
        <v>125</v>
      </c>
      <c r="H14553" t="s">
        <v>120</v>
      </c>
      <c r="I14553" t="s">
        <v>15</v>
      </c>
      <c r="J14553" s="10">
        <v>11.06636746</v>
      </c>
    </row>
    <row r="14554" spans="1:10" x14ac:dyDescent="0.35">
      <c r="A14554" t="s">
        <v>35</v>
      </c>
      <c r="B14554" t="s">
        <v>88</v>
      </c>
      <c r="C14554" t="s">
        <v>117</v>
      </c>
      <c r="D14554" t="s">
        <v>118</v>
      </c>
      <c r="E14554">
        <v>2018</v>
      </c>
      <c r="F14554">
        <v>2018</v>
      </c>
      <c r="G14554" t="s">
        <v>125</v>
      </c>
      <c r="H14554" t="s">
        <v>121</v>
      </c>
      <c r="I14554" t="s">
        <v>15</v>
      </c>
      <c r="J14554" s="10">
        <v>30.002151789999999</v>
      </c>
    </row>
    <row r="14555" spans="1:10" x14ac:dyDescent="0.35">
      <c r="A14555" t="s">
        <v>35</v>
      </c>
      <c r="B14555" t="s">
        <v>88</v>
      </c>
      <c r="C14555" t="s">
        <v>117</v>
      </c>
      <c r="D14555" t="s">
        <v>118</v>
      </c>
      <c r="E14555">
        <v>2018</v>
      </c>
      <c r="F14555">
        <v>2018</v>
      </c>
      <c r="G14555" t="s">
        <v>125</v>
      </c>
      <c r="H14555" t="s">
        <v>122</v>
      </c>
      <c r="I14555" t="s">
        <v>15</v>
      </c>
      <c r="J14555" s="10">
        <v>22.627647469999999</v>
      </c>
    </row>
    <row r="14556" spans="1:10" x14ac:dyDescent="0.35">
      <c r="A14556" t="s">
        <v>35</v>
      </c>
      <c r="B14556" t="s">
        <v>88</v>
      </c>
      <c r="C14556" t="s">
        <v>117</v>
      </c>
      <c r="D14556" t="s">
        <v>118</v>
      </c>
      <c r="E14556">
        <v>2018</v>
      </c>
      <c r="F14556">
        <v>2018</v>
      </c>
      <c r="G14556" t="s">
        <v>125</v>
      </c>
      <c r="H14556" t="s">
        <v>123</v>
      </c>
      <c r="I14556" t="s">
        <v>15</v>
      </c>
      <c r="J14556" s="10">
        <v>15.809535520000001</v>
      </c>
    </row>
    <row r="14557" spans="1:10" x14ac:dyDescent="0.35">
      <c r="A14557" t="s">
        <v>35</v>
      </c>
      <c r="B14557" t="s">
        <v>88</v>
      </c>
      <c r="C14557" t="s">
        <v>117</v>
      </c>
      <c r="D14557" t="s">
        <v>118</v>
      </c>
      <c r="E14557">
        <v>2018</v>
      </c>
      <c r="F14557">
        <v>2018</v>
      </c>
      <c r="G14557" t="s">
        <v>125</v>
      </c>
      <c r="H14557" t="s">
        <v>124</v>
      </c>
      <c r="I14557" t="s">
        <v>15</v>
      </c>
      <c r="J14557" s="10">
        <v>1.546217454</v>
      </c>
    </row>
    <row r="14558" spans="1:10" x14ac:dyDescent="0.35">
      <c r="A14558" t="s">
        <v>35</v>
      </c>
      <c r="B14558" t="s">
        <v>88</v>
      </c>
      <c r="C14558" t="s">
        <v>117</v>
      </c>
      <c r="D14558" t="s">
        <v>118</v>
      </c>
      <c r="E14558">
        <v>2018</v>
      </c>
      <c r="F14558">
        <v>2018</v>
      </c>
      <c r="G14558" t="s">
        <v>126</v>
      </c>
      <c r="H14558" t="s">
        <v>119</v>
      </c>
      <c r="I14558" t="s">
        <v>15</v>
      </c>
      <c r="J14558" s="10">
        <v>17.083508770000002</v>
      </c>
    </row>
    <row r="14559" spans="1:10" x14ac:dyDescent="0.35">
      <c r="A14559" t="s">
        <v>35</v>
      </c>
      <c r="B14559" t="s">
        <v>88</v>
      </c>
      <c r="C14559" t="s">
        <v>117</v>
      </c>
      <c r="D14559" t="s">
        <v>118</v>
      </c>
      <c r="E14559">
        <v>2018</v>
      </c>
      <c r="F14559">
        <v>2018</v>
      </c>
      <c r="G14559" t="s">
        <v>126</v>
      </c>
      <c r="H14559" t="s">
        <v>120</v>
      </c>
      <c r="I14559" t="s">
        <v>15</v>
      </c>
      <c r="J14559" s="10">
        <v>9.4371929819999991</v>
      </c>
    </row>
    <row r="14560" spans="1:10" x14ac:dyDescent="0.35">
      <c r="A14560" t="s">
        <v>35</v>
      </c>
      <c r="B14560" t="s">
        <v>88</v>
      </c>
      <c r="C14560" t="s">
        <v>117</v>
      </c>
      <c r="D14560" t="s">
        <v>118</v>
      </c>
      <c r="E14560">
        <v>2018</v>
      </c>
      <c r="F14560">
        <v>2018</v>
      </c>
      <c r="G14560" t="s">
        <v>126</v>
      </c>
      <c r="H14560" t="s">
        <v>121</v>
      </c>
      <c r="I14560" t="s">
        <v>15</v>
      </c>
      <c r="J14560" s="10">
        <v>30.315789469999999</v>
      </c>
    </row>
    <row r="14561" spans="1:10" x14ac:dyDescent="0.35">
      <c r="A14561" t="s">
        <v>35</v>
      </c>
      <c r="B14561" t="s">
        <v>88</v>
      </c>
      <c r="C14561" t="s">
        <v>117</v>
      </c>
      <c r="D14561" t="s">
        <v>118</v>
      </c>
      <c r="E14561">
        <v>2018</v>
      </c>
      <c r="F14561">
        <v>2018</v>
      </c>
      <c r="G14561" t="s">
        <v>126</v>
      </c>
      <c r="H14561" t="s">
        <v>122</v>
      </c>
      <c r="I14561" t="s">
        <v>15</v>
      </c>
      <c r="J14561" s="10">
        <v>22.43929825</v>
      </c>
    </row>
    <row r="14562" spans="1:10" x14ac:dyDescent="0.35">
      <c r="A14562" t="s">
        <v>35</v>
      </c>
      <c r="B14562" t="s">
        <v>88</v>
      </c>
      <c r="C14562" t="s">
        <v>117</v>
      </c>
      <c r="D14562" t="s">
        <v>118</v>
      </c>
      <c r="E14562">
        <v>2018</v>
      </c>
      <c r="F14562">
        <v>2018</v>
      </c>
      <c r="G14562" t="s">
        <v>126</v>
      </c>
      <c r="H14562" t="s">
        <v>123</v>
      </c>
      <c r="I14562" t="s">
        <v>15</v>
      </c>
      <c r="J14562" s="10">
        <v>18.169824559999999</v>
      </c>
    </row>
    <row r="14563" spans="1:10" x14ac:dyDescent="0.35">
      <c r="A14563" t="s">
        <v>35</v>
      </c>
      <c r="B14563" t="s">
        <v>88</v>
      </c>
      <c r="C14563" t="s">
        <v>117</v>
      </c>
      <c r="D14563" t="s">
        <v>118</v>
      </c>
      <c r="E14563">
        <v>2018</v>
      </c>
      <c r="F14563">
        <v>2018</v>
      </c>
      <c r="G14563" t="s">
        <v>126</v>
      </c>
      <c r="H14563" t="s">
        <v>124</v>
      </c>
      <c r="I14563" t="s">
        <v>15</v>
      </c>
      <c r="J14563" s="10">
        <v>2.5543859649999998</v>
      </c>
    </row>
    <row r="14564" spans="1:10" x14ac:dyDescent="0.35">
      <c r="A14564" t="s">
        <v>35</v>
      </c>
      <c r="B14564" t="s">
        <v>88</v>
      </c>
      <c r="C14564" t="s">
        <v>117</v>
      </c>
      <c r="D14564" t="s">
        <v>118</v>
      </c>
      <c r="E14564">
        <v>2017</v>
      </c>
      <c r="F14564">
        <v>2017</v>
      </c>
      <c r="G14564" t="s">
        <v>14</v>
      </c>
      <c r="H14564" t="s">
        <v>119</v>
      </c>
      <c r="I14564" t="s">
        <v>15</v>
      </c>
      <c r="J14564" s="10">
        <v>17.825330340000001</v>
      </c>
    </row>
    <row r="14565" spans="1:10" x14ac:dyDescent="0.35">
      <c r="A14565" t="s">
        <v>35</v>
      </c>
      <c r="B14565" t="s">
        <v>88</v>
      </c>
      <c r="C14565" t="s">
        <v>117</v>
      </c>
      <c r="D14565" t="s">
        <v>118</v>
      </c>
      <c r="E14565">
        <v>2017</v>
      </c>
      <c r="F14565">
        <v>2017</v>
      </c>
      <c r="G14565" t="s">
        <v>14</v>
      </c>
      <c r="H14565" t="s">
        <v>120</v>
      </c>
      <c r="I14565" t="s">
        <v>15</v>
      </c>
      <c r="J14565" s="10">
        <v>10.46779141</v>
      </c>
    </row>
    <row r="14566" spans="1:10" x14ac:dyDescent="0.35">
      <c r="A14566" t="s">
        <v>35</v>
      </c>
      <c r="B14566" t="s">
        <v>88</v>
      </c>
      <c r="C14566" t="s">
        <v>117</v>
      </c>
      <c r="D14566" t="s">
        <v>118</v>
      </c>
      <c r="E14566">
        <v>2017</v>
      </c>
      <c r="F14566">
        <v>2017</v>
      </c>
      <c r="G14566" t="s">
        <v>14</v>
      </c>
      <c r="H14566" t="s">
        <v>121</v>
      </c>
      <c r="I14566" t="s">
        <v>15</v>
      </c>
      <c r="J14566" s="10">
        <v>30.359249649999999</v>
      </c>
    </row>
    <row r="14567" spans="1:10" x14ac:dyDescent="0.35">
      <c r="A14567" t="s">
        <v>35</v>
      </c>
      <c r="B14567" t="s">
        <v>88</v>
      </c>
      <c r="C14567" t="s">
        <v>117</v>
      </c>
      <c r="D14567" t="s">
        <v>118</v>
      </c>
      <c r="E14567">
        <v>2017</v>
      </c>
      <c r="F14567">
        <v>2017</v>
      </c>
      <c r="G14567" t="s">
        <v>14</v>
      </c>
      <c r="H14567" t="s">
        <v>122</v>
      </c>
      <c r="I14567" t="s">
        <v>15</v>
      </c>
      <c r="J14567" s="10">
        <v>22.267284100000001</v>
      </c>
    </row>
    <row r="14568" spans="1:10" x14ac:dyDescent="0.35">
      <c r="A14568" t="s">
        <v>35</v>
      </c>
      <c r="B14568" t="s">
        <v>88</v>
      </c>
      <c r="C14568" t="s">
        <v>117</v>
      </c>
      <c r="D14568" t="s">
        <v>118</v>
      </c>
      <c r="E14568">
        <v>2017</v>
      </c>
      <c r="F14568">
        <v>2017</v>
      </c>
      <c r="G14568" t="s">
        <v>14</v>
      </c>
      <c r="H14568" t="s">
        <v>123</v>
      </c>
      <c r="I14568" t="s">
        <v>15</v>
      </c>
      <c r="J14568" s="10">
        <v>17.028964129999999</v>
      </c>
    </row>
    <row r="14569" spans="1:10" x14ac:dyDescent="0.35">
      <c r="A14569" t="s">
        <v>35</v>
      </c>
      <c r="B14569" t="s">
        <v>88</v>
      </c>
      <c r="C14569" t="s">
        <v>117</v>
      </c>
      <c r="D14569" t="s">
        <v>118</v>
      </c>
      <c r="E14569">
        <v>2017</v>
      </c>
      <c r="F14569">
        <v>2017</v>
      </c>
      <c r="G14569" t="s">
        <v>14</v>
      </c>
      <c r="H14569" t="s">
        <v>124</v>
      </c>
      <c r="I14569" t="s">
        <v>15</v>
      </c>
      <c r="J14569" s="10">
        <v>2.0513803679999998</v>
      </c>
    </row>
    <row r="14570" spans="1:10" x14ac:dyDescent="0.35">
      <c r="A14570" t="s">
        <v>35</v>
      </c>
      <c r="B14570" t="s">
        <v>88</v>
      </c>
      <c r="C14570" t="s">
        <v>117</v>
      </c>
      <c r="D14570" t="s">
        <v>118</v>
      </c>
      <c r="E14570">
        <v>2017</v>
      </c>
      <c r="F14570">
        <v>2017</v>
      </c>
      <c r="G14570" t="s">
        <v>125</v>
      </c>
      <c r="H14570" t="s">
        <v>119</v>
      </c>
      <c r="I14570" t="s">
        <v>15</v>
      </c>
      <c r="J14570" s="10">
        <v>18.875849290000001</v>
      </c>
    </row>
    <row r="14571" spans="1:10" x14ac:dyDescent="0.35">
      <c r="A14571" t="s">
        <v>35</v>
      </c>
      <c r="B14571" t="s">
        <v>88</v>
      </c>
      <c r="C14571" t="s">
        <v>117</v>
      </c>
      <c r="D14571" t="s">
        <v>118</v>
      </c>
      <c r="E14571">
        <v>2017</v>
      </c>
      <c r="F14571">
        <v>2017</v>
      </c>
      <c r="G14571" t="s">
        <v>125</v>
      </c>
      <c r="H14571" t="s">
        <v>120</v>
      </c>
      <c r="I14571" t="s">
        <v>15</v>
      </c>
      <c r="J14571" s="10">
        <v>11.25386041</v>
      </c>
    </row>
    <row r="14572" spans="1:10" x14ac:dyDescent="0.35">
      <c r="A14572" t="s">
        <v>35</v>
      </c>
      <c r="B14572" t="s">
        <v>88</v>
      </c>
      <c r="C14572" t="s">
        <v>117</v>
      </c>
      <c r="D14572" t="s">
        <v>118</v>
      </c>
      <c r="E14572">
        <v>2017</v>
      </c>
      <c r="F14572">
        <v>2017</v>
      </c>
      <c r="G14572" t="s">
        <v>125</v>
      </c>
      <c r="H14572" t="s">
        <v>121</v>
      </c>
      <c r="I14572" t="s">
        <v>15</v>
      </c>
      <c r="J14572" s="10">
        <v>30.055589869999999</v>
      </c>
    </row>
    <row r="14573" spans="1:10" x14ac:dyDescent="0.35">
      <c r="A14573" t="s">
        <v>35</v>
      </c>
      <c r="B14573" t="s">
        <v>88</v>
      </c>
      <c r="C14573" t="s">
        <v>117</v>
      </c>
      <c r="D14573" t="s">
        <v>118</v>
      </c>
      <c r="E14573">
        <v>2017</v>
      </c>
      <c r="F14573">
        <v>2017</v>
      </c>
      <c r="G14573" t="s">
        <v>125</v>
      </c>
      <c r="H14573" t="s">
        <v>122</v>
      </c>
      <c r="I14573" t="s">
        <v>15</v>
      </c>
      <c r="J14573" s="10">
        <v>22.455219270000001</v>
      </c>
    </row>
    <row r="14574" spans="1:10" x14ac:dyDescent="0.35">
      <c r="A14574" t="s">
        <v>35</v>
      </c>
      <c r="B14574" t="s">
        <v>88</v>
      </c>
      <c r="C14574" t="s">
        <v>117</v>
      </c>
      <c r="D14574" t="s">
        <v>118</v>
      </c>
      <c r="E14574">
        <v>2017</v>
      </c>
      <c r="F14574">
        <v>2017</v>
      </c>
      <c r="G14574" t="s">
        <v>125</v>
      </c>
      <c r="H14574" t="s">
        <v>123</v>
      </c>
      <c r="I14574" t="s">
        <v>15</v>
      </c>
      <c r="J14574" s="10">
        <v>15.83384805</v>
      </c>
    </row>
    <row r="14575" spans="1:10" x14ac:dyDescent="0.35">
      <c r="A14575" t="s">
        <v>35</v>
      </c>
      <c r="B14575" t="s">
        <v>88</v>
      </c>
      <c r="C14575" t="s">
        <v>117</v>
      </c>
      <c r="D14575" t="s">
        <v>118</v>
      </c>
      <c r="E14575">
        <v>2017</v>
      </c>
      <c r="F14575">
        <v>2017</v>
      </c>
      <c r="G14575" t="s">
        <v>125</v>
      </c>
      <c r="H14575" t="s">
        <v>124</v>
      </c>
      <c r="I14575" t="s">
        <v>15</v>
      </c>
      <c r="J14575" s="10">
        <v>1.525633107</v>
      </c>
    </row>
    <row r="14576" spans="1:10" x14ac:dyDescent="0.35">
      <c r="A14576" t="s">
        <v>35</v>
      </c>
      <c r="B14576" t="s">
        <v>88</v>
      </c>
      <c r="C14576" t="s">
        <v>117</v>
      </c>
      <c r="D14576" t="s">
        <v>118</v>
      </c>
      <c r="E14576">
        <v>2017</v>
      </c>
      <c r="F14576">
        <v>2017</v>
      </c>
      <c r="G14576" t="s">
        <v>126</v>
      </c>
      <c r="H14576" t="s">
        <v>119</v>
      </c>
      <c r="I14576" t="s">
        <v>15</v>
      </c>
      <c r="J14576" s="10">
        <v>16.865191370000002</v>
      </c>
    </row>
    <row r="14577" spans="1:10" x14ac:dyDescent="0.35">
      <c r="A14577" t="s">
        <v>35</v>
      </c>
      <c r="B14577" t="s">
        <v>88</v>
      </c>
      <c r="C14577" t="s">
        <v>117</v>
      </c>
      <c r="D14577" t="s">
        <v>118</v>
      </c>
      <c r="E14577">
        <v>2017</v>
      </c>
      <c r="F14577">
        <v>2017</v>
      </c>
      <c r="G14577" t="s">
        <v>126</v>
      </c>
      <c r="H14577" t="s">
        <v>120</v>
      </c>
      <c r="I14577" t="s">
        <v>15</v>
      </c>
      <c r="J14577" s="10">
        <v>9.7493507959999999</v>
      </c>
    </row>
    <row r="14578" spans="1:10" x14ac:dyDescent="0.35">
      <c r="A14578" t="s">
        <v>35</v>
      </c>
      <c r="B14578" t="s">
        <v>88</v>
      </c>
      <c r="C14578" t="s">
        <v>117</v>
      </c>
      <c r="D14578" t="s">
        <v>118</v>
      </c>
      <c r="E14578">
        <v>2017</v>
      </c>
      <c r="F14578">
        <v>2017</v>
      </c>
      <c r="G14578" t="s">
        <v>126</v>
      </c>
      <c r="H14578" t="s">
        <v>121</v>
      </c>
      <c r="I14578" t="s">
        <v>15</v>
      </c>
      <c r="J14578" s="10">
        <v>30.636784460000001</v>
      </c>
    </row>
    <row r="14579" spans="1:10" x14ac:dyDescent="0.35">
      <c r="A14579" t="s">
        <v>35</v>
      </c>
      <c r="B14579" t="s">
        <v>88</v>
      </c>
      <c r="C14579" t="s">
        <v>117</v>
      </c>
      <c r="D14579" t="s">
        <v>118</v>
      </c>
      <c r="E14579">
        <v>2017</v>
      </c>
      <c r="F14579">
        <v>2017</v>
      </c>
      <c r="G14579" t="s">
        <v>126</v>
      </c>
      <c r="H14579" t="s">
        <v>122</v>
      </c>
      <c r="I14579" t="s">
        <v>15</v>
      </c>
      <c r="J14579" s="10">
        <v>22.09551767</v>
      </c>
    </row>
    <row r="14580" spans="1:10" x14ac:dyDescent="0.35">
      <c r="A14580" t="s">
        <v>35</v>
      </c>
      <c r="B14580" t="s">
        <v>88</v>
      </c>
      <c r="C14580" t="s">
        <v>117</v>
      </c>
      <c r="D14580" t="s">
        <v>118</v>
      </c>
      <c r="E14580">
        <v>2017</v>
      </c>
      <c r="F14580">
        <v>2017</v>
      </c>
      <c r="G14580" t="s">
        <v>126</v>
      </c>
      <c r="H14580" t="s">
        <v>123</v>
      </c>
      <c r="I14580" t="s">
        <v>15</v>
      </c>
      <c r="J14580" s="10">
        <v>18.121260020000001</v>
      </c>
    </row>
    <row r="14581" spans="1:10" x14ac:dyDescent="0.35">
      <c r="A14581" t="s">
        <v>35</v>
      </c>
      <c r="B14581" t="s">
        <v>88</v>
      </c>
      <c r="C14581" t="s">
        <v>117</v>
      </c>
      <c r="D14581" t="s">
        <v>118</v>
      </c>
      <c r="E14581">
        <v>2017</v>
      </c>
      <c r="F14581">
        <v>2017</v>
      </c>
      <c r="G14581" t="s">
        <v>126</v>
      </c>
      <c r="H14581" t="s">
        <v>124</v>
      </c>
      <c r="I14581" t="s">
        <v>15</v>
      </c>
      <c r="J14581" s="10">
        <v>2.531895676</v>
      </c>
    </row>
    <row r="14582" spans="1:10" x14ac:dyDescent="0.35">
      <c r="A14582" t="s">
        <v>35</v>
      </c>
      <c r="B14582" t="s">
        <v>88</v>
      </c>
      <c r="C14582" t="s">
        <v>117</v>
      </c>
      <c r="D14582" t="s">
        <v>118</v>
      </c>
      <c r="E14582">
        <v>2016</v>
      </c>
      <c r="F14582">
        <v>2016</v>
      </c>
      <c r="G14582" t="s">
        <v>14</v>
      </c>
      <c r="H14582" t="s">
        <v>119</v>
      </c>
      <c r="I14582" t="s">
        <v>15</v>
      </c>
      <c r="J14582" s="10">
        <v>17.79254611</v>
      </c>
    </row>
    <row r="14583" spans="1:10" x14ac:dyDescent="0.35">
      <c r="A14583" t="s">
        <v>35</v>
      </c>
      <c r="B14583" t="s">
        <v>88</v>
      </c>
      <c r="C14583" t="s">
        <v>117</v>
      </c>
      <c r="D14583" t="s">
        <v>118</v>
      </c>
      <c r="E14583">
        <v>2016</v>
      </c>
      <c r="F14583">
        <v>2016</v>
      </c>
      <c r="G14583" t="s">
        <v>14</v>
      </c>
      <c r="H14583" t="s">
        <v>120</v>
      </c>
      <c r="I14583" t="s">
        <v>15</v>
      </c>
      <c r="J14583" s="10">
        <v>10.77084752</v>
      </c>
    </row>
    <row r="14584" spans="1:10" x14ac:dyDescent="0.35">
      <c r="A14584" t="s">
        <v>35</v>
      </c>
      <c r="B14584" t="s">
        <v>88</v>
      </c>
      <c r="C14584" t="s">
        <v>117</v>
      </c>
      <c r="D14584" t="s">
        <v>118</v>
      </c>
      <c r="E14584">
        <v>2016</v>
      </c>
      <c r="F14584">
        <v>2016</v>
      </c>
      <c r="G14584" t="s">
        <v>14</v>
      </c>
      <c r="H14584" t="s">
        <v>121</v>
      </c>
      <c r="I14584" t="s">
        <v>15</v>
      </c>
      <c r="J14584" s="10">
        <v>30.409105709999999</v>
      </c>
    </row>
    <row r="14585" spans="1:10" x14ac:dyDescent="0.35">
      <c r="A14585" t="s">
        <v>35</v>
      </c>
      <c r="B14585" t="s">
        <v>88</v>
      </c>
      <c r="C14585" t="s">
        <v>117</v>
      </c>
      <c r="D14585" t="s">
        <v>118</v>
      </c>
      <c r="E14585">
        <v>2016</v>
      </c>
      <c r="F14585">
        <v>2016</v>
      </c>
      <c r="G14585" t="s">
        <v>14</v>
      </c>
      <c r="H14585" t="s">
        <v>122</v>
      </c>
      <c r="I14585" t="s">
        <v>15</v>
      </c>
      <c r="J14585" s="10">
        <v>21.919126139999999</v>
      </c>
    </row>
    <row r="14586" spans="1:10" x14ac:dyDescent="0.35">
      <c r="A14586" t="s">
        <v>35</v>
      </c>
      <c r="B14586" t="s">
        <v>88</v>
      </c>
      <c r="C14586" t="s">
        <v>117</v>
      </c>
      <c r="D14586" t="s">
        <v>118</v>
      </c>
      <c r="E14586">
        <v>2016</v>
      </c>
      <c r="F14586">
        <v>2016</v>
      </c>
      <c r="G14586" t="s">
        <v>14</v>
      </c>
      <c r="H14586" t="s">
        <v>123</v>
      </c>
      <c r="I14586" t="s">
        <v>15</v>
      </c>
      <c r="J14586" s="10">
        <v>17.117610490000001</v>
      </c>
    </row>
    <row r="14587" spans="1:10" x14ac:dyDescent="0.35">
      <c r="A14587" t="s">
        <v>35</v>
      </c>
      <c r="B14587" t="s">
        <v>88</v>
      </c>
      <c r="C14587" t="s">
        <v>117</v>
      </c>
      <c r="D14587" t="s">
        <v>118</v>
      </c>
      <c r="E14587">
        <v>2016</v>
      </c>
      <c r="F14587">
        <v>2016</v>
      </c>
      <c r="G14587" t="s">
        <v>14</v>
      </c>
      <c r="H14587" t="s">
        <v>124</v>
      </c>
      <c r="I14587" t="s">
        <v>15</v>
      </c>
      <c r="J14587" s="10">
        <v>1.9907640390000001</v>
      </c>
    </row>
    <row r="14588" spans="1:10" x14ac:dyDescent="0.35">
      <c r="A14588" t="s">
        <v>35</v>
      </c>
      <c r="B14588" t="s">
        <v>88</v>
      </c>
      <c r="C14588" t="s">
        <v>117</v>
      </c>
      <c r="D14588" t="s">
        <v>118</v>
      </c>
      <c r="E14588">
        <v>2016</v>
      </c>
      <c r="F14588">
        <v>2016</v>
      </c>
      <c r="G14588" t="s">
        <v>125</v>
      </c>
      <c r="H14588" t="s">
        <v>119</v>
      </c>
      <c r="I14588" t="s">
        <v>15</v>
      </c>
      <c r="J14588" s="10">
        <v>18.69701581</v>
      </c>
    </row>
    <row r="14589" spans="1:10" x14ac:dyDescent="0.35">
      <c r="A14589" t="s">
        <v>35</v>
      </c>
      <c r="B14589" t="s">
        <v>88</v>
      </c>
      <c r="C14589" t="s">
        <v>117</v>
      </c>
      <c r="D14589" t="s">
        <v>118</v>
      </c>
      <c r="E14589">
        <v>2016</v>
      </c>
      <c r="F14589">
        <v>2016</v>
      </c>
      <c r="G14589" t="s">
        <v>125</v>
      </c>
      <c r="H14589" t="s">
        <v>120</v>
      </c>
      <c r="I14589" t="s">
        <v>15</v>
      </c>
      <c r="J14589" s="10">
        <v>11.595192989999999</v>
      </c>
    </row>
    <row r="14590" spans="1:10" x14ac:dyDescent="0.35">
      <c r="A14590" t="s">
        <v>35</v>
      </c>
      <c r="B14590" t="s">
        <v>88</v>
      </c>
      <c r="C14590" t="s">
        <v>117</v>
      </c>
      <c r="D14590" t="s">
        <v>118</v>
      </c>
      <c r="E14590">
        <v>2016</v>
      </c>
      <c r="F14590">
        <v>2016</v>
      </c>
      <c r="G14590" t="s">
        <v>125</v>
      </c>
      <c r="H14590" t="s">
        <v>121</v>
      </c>
      <c r="I14590" t="s">
        <v>15</v>
      </c>
      <c r="J14590" s="10">
        <v>30.02825824</v>
      </c>
    </row>
    <row r="14591" spans="1:10" x14ac:dyDescent="0.35">
      <c r="A14591" t="s">
        <v>35</v>
      </c>
      <c r="B14591" t="s">
        <v>88</v>
      </c>
      <c r="C14591" t="s">
        <v>117</v>
      </c>
      <c r="D14591" t="s">
        <v>118</v>
      </c>
      <c r="E14591">
        <v>2016</v>
      </c>
      <c r="F14591">
        <v>2016</v>
      </c>
      <c r="G14591" t="s">
        <v>125</v>
      </c>
      <c r="H14591" t="s">
        <v>122</v>
      </c>
      <c r="I14591" t="s">
        <v>15</v>
      </c>
      <c r="J14591" s="10">
        <v>22.30537528</v>
      </c>
    </row>
    <row r="14592" spans="1:10" x14ac:dyDescent="0.35">
      <c r="A14592" t="s">
        <v>35</v>
      </c>
      <c r="B14592" t="s">
        <v>88</v>
      </c>
      <c r="C14592" t="s">
        <v>117</v>
      </c>
      <c r="D14592" t="s">
        <v>118</v>
      </c>
      <c r="E14592">
        <v>2016</v>
      </c>
      <c r="F14592">
        <v>2016</v>
      </c>
      <c r="G14592" t="s">
        <v>125</v>
      </c>
      <c r="H14592" t="s">
        <v>123</v>
      </c>
      <c r="I14592" t="s">
        <v>15</v>
      </c>
      <c r="J14592" s="10">
        <v>15.936403439999999</v>
      </c>
    </row>
    <row r="14593" spans="1:10" x14ac:dyDescent="0.35">
      <c r="A14593" t="s">
        <v>35</v>
      </c>
      <c r="B14593" t="s">
        <v>88</v>
      </c>
      <c r="C14593" t="s">
        <v>117</v>
      </c>
      <c r="D14593" t="s">
        <v>118</v>
      </c>
      <c r="E14593">
        <v>2016</v>
      </c>
      <c r="F14593">
        <v>2016</v>
      </c>
      <c r="G14593" t="s">
        <v>125</v>
      </c>
      <c r="H14593" t="s">
        <v>124</v>
      </c>
      <c r="I14593" t="s">
        <v>15</v>
      </c>
      <c r="J14593" s="10">
        <v>1.4377542459999999</v>
      </c>
    </row>
    <row r="14594" spans="1:10" x14ac:dyDescent="0.35">
      <c r="A14594" t="s">
        <v>35</v>
      </c>
      <c r="B14594" t="s">
        <v>88</v>
      </c>
      <c r="C14594" t="s">
        <v>117</v>
      </c>
      <c r="D14594" t="s">
        <v>118</v>
      </c>
      <c r="E14594">
        <v>2016</v>
      </c>
      <c r="F14594">
        <v>2016</v>
      </c>
      <c r="G14594" t="s">
        <v>126</v>
      </c>
      <c r="H14594" t="s">
        <v>119</v>
      </c>
      <c r="I14594" t="s">
        <v>15</v>
      </c>
      <c r="J14594" s="10">
        <v>16.968805679999999</v>
      </c>
    </row>
    <row r="14595" spans="1:10" x14ac:dyDescent="0.35">
      <c r="A14595" t="s">
        <v>35</v>
      </c>
      <c r="B14595" t="s">
        <v>88</v>
      </c>
      <c r="C14595" t="s">
        <v>117</v>
      </c>
      <c r="D14595" t="s">
        <v>118</v>
      </c>
      <c r="E14595">
        <v>2016</v>
      </c>
      <c r="F14595">
        <v>2016</v>
      </c>
      <c r="G14595" t="s">
        <v>126</v>
      </c>
      <c r="H14595" t="s">
        <v>120</v>
      </c>
      <c r="I14595" t="s">
        <v>15</v>
      </c>
      <c r="J14595" s="10">
        <v>10.020079750000001</v>
      </c>
    </row>
    <row r="14596" spans="1:10" x14ac:dyDescent="0.35">
      <c r="A14596" t="s">
        <v>35</v>
      </c>
      <c r="B14596" t="s">
        <v>88</v>
      </c>
      <c r="C14596" t="s">
        <v>117</v>
      </c>
      <c r="D14596" t="s">
        <v>118</v>
      </c>
      <c r="E14596">
        <v>2016</v>
      </c>
      <c r="F14596">
        <v>2016</v>
      </c>
      <c r="G14596" t="s">
        <v>126</v>
      </c>
      <c r="H14596" t="s">
        <v>121</v>
      </c>
      <c r="I14596" t="s">
        <v>15</v>
      </c>
      <c r="J14596" s="10">
        <v>30.755960290000001</v>
      </c>
    </row>
    <row r="14597" spans="1:10" x14ac:dyDescent="0.35">
      <c r="A14597" t="s">
        <v>35</v>
      </c>
      <c r="B14597" t="s">
        <v>88</v>
      </c>
      <c r="C14597" t="s">
        <v>117</v>
      </c>
      <c r="D14597" t="s">
        <v>118</v>
      </c>
      <c r="E14597">
        <v>2016</v>
      </c>
      <c r="F14597">
        <v>2016</v>
      </c>
      <c r="G14597" t="s">
        <v>126</v>
      </c>
      <c r="H14597" t="s">
        <v>122</v>
      </c>
      <c r="I14597" t="s">
        <v>15</v>
      </c>
      <c r="J14597" s="10">
        <v>21.567352020000001</v>
      </c>
    </row>
    <row r="14598" spans="1:10" x14ac:dyDescent="0.35">
      <c r="A14598" t="s">
        <v>35</v>
      </c>
      <c r="B14598" t="s">
        <v>88</v>
      </c>
      <c r="C14598" t="s">
        <v>117</v>
      </c>
      <c r="D14598" t="s">
        <v>118</v>
      </c>
      <c r="E14598">
        <v>2016</v>
      </c>
      <c r="F14598">
        <v>2016</v>
      </c>
      <c r="G14598" t="s">
        <v>126</v>
      </c>
      <c r="H14598" t="s">
        <v>123</v>
      </c>
      <c r="I14598" t="s">
        <v>15</v>
      </c>
      <c r="J14598" s="10">
        <v>18.193387820000002</v>
      </c>
    </row>
    <row r="14599" spans="1:10" x14ac:dyDescent="0.35">
      <c r="A14599" t="s">
        <v>35</v>
      </c>
      <c r="B14599" t="s">
        <v>88</v>
      </c>
      <c r="C14599" t="s">
        <v>117</v>
      </c>
      <c r="D14599" t="s">
        <v>118</v>
      </c>
      <c r="E14599">
        <v>2016</v>
      </c>
      <c r="F14599">
        <v>2016</v>
      </c>
      <c r="G14599" t="s">
        <v>126</v>
      </c>
      <c r="H14599" t="s">
        <v>124</v>
      </c>
      <c r="I14599" t="s">
        <v>15</v>
      </c>
      <c r="J14599" s="10">
        <v>2.4944144349999999</v>
      </c>
    </row>
    <row r="14600" spans="1:10" x14ac:dyDescent="0.35">
      <c r="A14600" t="s">
        <v>35</v>
      </c>
      <c r="B14600" t="s">
        <v>88</v>
      </c>
      <c r="C14600" t="s">
        <v>117</v>
      </c>
      <c r="D14600" t="s">
        <v>118</v>
      </c>
      <c r="E14600">
        <v>2015</v>
      </c>
      <c r="F14600">
        <v>2015</v>
      </c>
      <c r="G14600" t="s">
        <v>14</v>
      </c>
      <c r="H14600" t="s">
        <v>119</v>
      </c>
      <c r="I14600" t="s">
        <v>15</v>
      </c>
      <c r="J14600" s="10">
        <v>17.90240717</v>
      </c>
    </row>
    <row r="14601" spans="1:10" x14ac:dyDescent="0.35">
      <c r="A14601" t="s">
        <v>35</v>
      </c>
      <c r="B14601" t="s">
        <v>88</v>
      </c>
      <c r="C14601" t="s">
        <v>117</v>
      </c>
      <c r="D14601" t="s">
        <v>118</v>
      </c>
      <c r="E14601">
        <v>2015</v>
      </c>
      <c r="F14601">
        <v>2015</v>
      </c>
      <c r="G14601" t="s">
        <v>14</v>
      </c>
      <c r="H14601" t="s">
        <v>120</v>
      </c>
      <c r="I14601" t="s">
        <v>15</v>
      </c>
      <c r="J14601" s="10">
        <v>10.991065860000001</v>
      </c>
    </row>
    <row r="14602" spans="1:10" x14ac:dyDescent="0.35">
      <c r="A14602" t="s">
        <v>35</v>
      </c>
      <c r="B14602" t="s">
        <v>88</v>
      </c>
      <c r="C14602" t="s">
        <v>117</v>
      </c>
      <c r="D14602" t="s">
        <v>118</v>
      </c>
      <c r="E14602">
        <v>2015</v>
      </c>
      <c r="F14602">
        <v>2015</v>
      </c>
      <c r="G14602" t="s">
        <v>14</v>
      </c>
      <c r="H14602" t="s">
        <v>121</v>
      </c>
      <c r="I14602" t="s">
        <v>15</v>
      </c>
      <c r="J14602" s="10">
        <v>30.8019946</v>
      </c>
    </row>
    <row r="14603" spans="1:10" x14ac:dyDescent="0.35">
      <c r="A14603" t="s">
        <v>35</v>
      </c>
      <c r="B14603" t="s">
        <v>88</v>
      </c>
      <c r="C14603" t="s">
        <v>117</v>
      </c>
      <c r="D14603" t="s">
        <v>118</v>
      </c>
      <c r="E14603">
        <v>2015</v>
      </c>
      <c r="F14603">
        <v>2015</v>
      </c>
      <c r="G14603" t="s">
        <v>14</v>
      </c>
      <c r="H14603" t="s">
        <v>122</v>
      </c>
      <c r="I14603" t="s">
        <v>15</v>
      </c>
      <c r="J14603" s="10">
        <v>21.51910006</v>
      </c>
    </row>
    <row r="14604" spans="1:10" x14ac:dyDescent="0.35">
      <c r="A14604" t="s">
        <v>35</v>
      </c>
      <c r="B14604" t="s">
        <v>88</v>
      </c>
      <c r="C14604" t="s">
        <v>117</v>
      </c>
      <c r="D14604" t="s">
        <v>118</v>
      </c>
      <c r="E14604">
        <v>2015</v>
      </c>
      <c r="F14604">
        <v>2015</v>
      </c>
      <c r="G14604" t="s">
        <v>14</v>
      </c>
      <c r="H14604" t="s">
        <v>123</v>
      </c>
      <c r="I14604" t="s">
        <v>15</v>
      </c>
      <c r="J14604" s="10">
        <v>16.92588525</v>
      </c>
    </row>
    <row r="14605" spans="1:10" x14ac:dyDescent="0.35">
      <c r="A14605" t="s">
        <v>35</v>
      </c>
      <c r="B14605" t="s">
        <v>88</v>
      </c>
      <c r="C14605" t="s">
        <v>117</v>
      </c>
      <c r="D14605" t="s">
        <v>118</v>
      </c>
      <c r="E14605">
        <v>2015</v>
      </c>
      <c r="F14605">
        <v>2015</v>
      </c>
      <c r="G14605" t="s">
        <v>14</v>
      </c>
      <c r="H14605" t="s">
        <v>124</v>
      </c>
      <c r="I14605" t="s">
        <v>15</v>
      </c>
      <c r="J14605" s="10">
        <v>1.8595470599999999</v>
      </c>
    </row>
    <row r="14606" spans="1:10" x14ac:dyDescent="0.35">
      <c r="A14606" t="s">
        <v>35</v>
      </c>
      <c r="B14606" t="s">
        <v>88</v>
      </c>
      <c r="C14606" t="s">
        <v>117</v>
      </c>
      <c r="D14606" t="s">
        <v>118</v>
      </c>
      <c r="E14606">
        <v>2015</v>
      </c>
      <c r="F14606">
        <v>2015</v>
      </c>
      <c r="G14606" t="s">
        <v>125</v>
      </c>
      <c r="H14606" t="s">
        <v>119</v>
      </c>
      <c r="I14606" t="s">
        <v>15</v>
      </c>
      <c r="J14606" s="10">
        <v>18.885979679999998</v>
      </c>
    </row>
    <row r="14607" spans="1:10" x14ac:dyDescent="0.35">
      <c r="A14607" t="s">
        <v>35</v>
      </c>
      <c r="B14607" t="s">
        <v>88</v>
      </c>
      <c r="C14607" t="s">
        <v>117</v>
      </c>
      <c r="D14607" t="s">
        <v>118</v>
      </c>
      <c r="E14607">
        <v>2015</v>
      </c>
      <c r="F14607">
        <v>2015</v>
      </c>
      <c r="G14607" t="s">
        <v>125</v>
      </c>
      <c r="H14607" t="s">
        <v>120</v>
      </c>
      <c r="I14607" t="s">
        <v>15</v>
      </c>
      <c r="J14607" s="10">
        <v>11.835297049999999</v>
      </c>
    </row>
    <row r="14608" spans="1:10" x14ac:dyDescent="0.35">
      <c r="A14608" t="s">
        <v>35</v>
      </c>
      <c r="B14608" t="s">
        <v>88</v>
      </c>
      <c r="C14608" t="s">
        <v>117</v>
      </c>
      <c r="D14608" t="s">
        <v>118</v>
      </c>
      <c r="E14608">
        <v>2015</v>
      </c>
      <c r="F14608">
        <v>2015</v>
      </c>
      <c r="G14608" t="s">
        <v>125</v>
      </c>
      <c r="H14608" t="s">
        <v>121</v>
      </c>
      <c r="I14608" t="s">
        <v>15</v>
      </c>
      <c r="J14608" s="10">
        <v>30.331650150000002</v>
      </c>
    </row>
    <row r="14609" spans="1:10" x14ac:dyDescent="0.35">
      <c r="A14609" t="s">
        <v>35</v>
      </c>
      <c r="B14609" t="s">
        <v>88</v>
      </c>
      <c r="C14609" t="s">
        <v>117</v>
      </c>
      <c r="D14609" t="s">
        <v>118</v>
      </c>
      <c r="E14609">
        <v>2015</v>
      </c>
      <c r="F14609">
        <v>2015</v>
      </c>
      <c r="G14609" t="s">
        <v>125</v>
      </c>
      <c r="H14609" t="s">
        <v>122</v>
      </c>
      <c r="I14609" t="s">
        <v>15</v>
      </c>
      <c r="J14609" s="10">
        <v>21.781684429999999</v>
      </c>
    </row>
    <row r="14610" spans="1:10" x14ac:dyDescent="0.35">
      <c r="A14610" t="s">
        <v>35</v>
      </c>
      <c r="B14610" t="s">
        <v>88</v>
      </c>
      <c r="C14610" t="s">
        <v>117</v>
      </c>
      <c r="D14610" t="s">
        <v>118</v>
      </c>
      <c r="E14610">
        <v>2015</v>
      </c>
      <c r="F14610">
        <v>2015</v>
      </c>
      <c r="G14610" t="s">
        <v>125</v>
      </c>
      <c r="H14610" t="s">
        <v>123</v>
      </c>
      <c r="I14610" t="s">
        <v>15</v>
      </c>
      <c r="J14610" s="10">
        <v>15.818839219999999</v>
      </c>
    </row>
    <row r="14611" spans="1:10" x14ac:dyDescent="0.35">
      <c r="A14611" t="s">
        <v>35</v>
      </c>
      <c r="B14611" t="s">
        <v>88</v>
      </c>
      <c r="C14611" t="s">
        <v>117</v>
      </c>
      <c r="D14611" t="s">
        <v>118</v>
      </c>
      <c r="E14611">
        <v>2015</v>
      </c>
      <c r="F14611">
        <v>2015</v>
      </c>
      <c r="G14611" t="s">
        <v>125</v>
      </c>
      <c r="H14611" t="s">
        <v>124</v>
      </c>
      <c r="I14611" t="s">
        <v>15</v>
      </c>
      <c r="J14611" s="10">
        <v>1.346549467</v>
      </c>
    </row>
    <row r="14612" spans="1:10" x14ac:dyDescent="0.35">
      <c r="A14612" t="s">
        <v>35</v>
      </c>
      <c r="B14612" t="s">
        <v>88</v>
      </c>
      <c r="C14612" t="s">
        <v>117</v>
      </c>
      <c r="D14612" t="s">
        <v>118</v>
      </c>
      <c r="E14612">
        <v>2015</v>
      </c>
      <c r="F14612">
        <v>2015</v>
      </c>
      <c r="G14612" t="s">
        <v>126</v>
      </c>
      <c r="H14612" t="s">
        <v>119</v>
      </c>
      <c r="I14612" t="s">
        <v>15</v>
      </c>
      <c r="J14612" s="10">
        <v>17.008498580000001</v>
      </c>
    </row>
    <row r="14613" spans="1:10" x14ac:dyDescent="0.35">
      <c r="A14613" t="s">
        <v>35</v>
      </c>
      <c r="B14613" t="s">
        <v>88</v>
      </c>
      <c r="C14613" t="s">
        <v>117</v>
      </c>
      <c r="D14613" t="s">
        <v>118</v>
      </c>
      <c r="E14613">
        <v>2015</v>
      </c>
      <c r="F14613">
        <v>2015</v>
      </c>
      <c r="G14613" t="s">
        <v>126</v>
      </c>
      <c r="H14613" t="s">
        <v>120</v>
      </c>
      <c r="I14613" t="s">
        <v>15</v>
      </c>
      <c r="J14613" s="10">
        <v>10.223796030000001</v>
      </c>
    </row>
    <row r="14614" spans="1:10" x14ac:dyDescent="0.35">
      <c r="A14614" t="s">
        <v>35</v>
      </c>
      <c r="B14614" t="s">
        <v>88</v>
      </c>
      <c r="C14614" t="s">
        <v>117</v>
      </c>
      <c r="D14614" t="s">
        <v>118</v>
      </c>
      <c r="E14614">
        <v>2015</v>
      </c>
      <c r="F14614">
        <v>2015</v>
      </c>
      <c r="G14614" t="s">
        <v>126</v>
      </c>
      <c r="H14614" t="s">
        <v>121</v>
      </c>
      <c r="I14614" t="s">
        <v>15</v>
      </c>
      <c r="J14614" s="10">
        <v>31.22946176</v>
      </c>
    </row>
    <row r="14615" spans="1:10" x14ac:dyDescent="0.35">
      <c r="A14615" t="s">
        <v>35</v>
      </c>
      <c r="B14615" t="s">
        <v>88</v>
      </c>
      <c r="C14615" t="s">
        <v>117</v>
      </c>
      <c r="D14615" t="s">
        <v>118</v>
      </c>
      <c r="E14615">
        <v>2015</v>
      </c>
      <c r="F14615">
        <v>2015</v>
      </c>
      <c r="G14615" t="s">
        <v>126</v>
      </c>
      <c r="H14615" t="s">
        <v>122</v>
      </c>
      <c r="I14615" t="s">
        <v>15</v>
      </c>
      <c r="J14615" s="10">
        <v>21.280453260000002</v>
      </c>
    </row>
    <row r="14616" spans="1:10" x14ac:dyDescent="0.35">
      <c r="A14616" t="s">
        <v>35</v>
      </c>
      <c r="B14616" t="s">
        <v>88</v>
      </c>
      <c r="C14616" t="s">
        <v>117</v>
      </c>
      <c r="D14616" t="s">
        <v>118</v>
      </c>
      <c r="E14616">
        <v>2015</v>
      </c>
      <c r="F14616">
        <v>2015</v>
      </c>
      <c r="G14616" t="s">
        <v>126</v>
      </c>
      <c r="H14616" t="s">
        <v>123</v>
      </c>
      <c r="I14616" t="s">
        <v>15</v>
      </c>
      <c r="J14616" s="10">
        <v>17.932011330000002</v>
      </c>
    </row>
    <row r="14617" spans="1:10" x14ac:dyDescent="0.35">
      <c r="A14617" t="s">
        <v>35</v>
      </c>
      <c r="B14617" t="s">
        <v>88</v>
      </c>
      <c r="C14617" t="s">
        <v>117</v>
      </c>
      <c r="D14617" t="s">
        <v>118</v>
      </c>
      <c r="E14617">
        <v>2015</v>
      </c>
      <c r="F14617">
        <v>2015</v>
      </c>
      <c r="G14617" t="s">
        <v>126</v>
      </c>
      <c r="H14617" t="s">
        <v>124</v>
      </c>
      <c r="I14617" t="s">
        <v>15</v>
      </c>
      <c r="J14617" s="10">
        <v>2.3257790370000002</v>
      </c>
    </row>
    <row r="14618" spans="1:10" x14ac:dyDescent="0.35">
      <c r="A14618" t="s">
        <v>35</v>
      </c>
      <c r="B14618" t="s">
        <v>88</v>
      </c>
      <c r="C14618" t="s">
        <v>117</v>
      </c>
      <c r="D14618" t="s">
        <v>118</v>
      </c>
      <c r="E14618">
        <v>2014</v>
      </c>
      <c r="F14618">
        <v>2014</v>
      </c>
      <c r="G14618" t="s">
        <v>14</v>
      </c>
      <c r="H14618" t="s">
        <v>119</v>
      </c>
      <c r="I14618" t="s">
        <v>15</v>
      </c>
      <c r="J14618" s="10">
        <v>17.974337240000001</v>
      </c>
    </row>
    <row r="14619" spans="1:10" x14ac:dyDescent="0.35">
      <c r="A14619" t="s">
        <v>35</v>
      </c>
      <c r="B14619" t="s">
        <v>88</v>
      </c>
      <c r="C14619" t="s">
        <v>117</v>
      </c>
      <c r="D14619" t="s">
        <v>118</v>
      </c>
      <c r="E14619">
        <v>2014</v>
      </c>
      <c r="F14619">
        <v>2014</v>
      </c>
      <c r="G14619" t="s">
        <v>14</v>
      </c>
      <c r="H14619" t="s">
        <v>120</v>
      </c>
      <c r="I14619" t="s">
        <v>15</v>
      </c>
      <c r="J14619" s="10">
        <v>11.15274247</v>
      </c>
    </row>
    <row r="14620" spans="1:10" x14ac:dyDescent="0.35">
      <c r="A14620" t="s">
        <v>35</v>
      </c>
      <c r="B14620" t="s">
        <v>88</v>
      </c>
      <c r="C14620" t="s">
        <v>117</v>
      </c>
      <c r="D14620" t="s">
        <v>118</v>
      </c>
      <c r="E14620">
        <v>2014</v>
      </c>
      <c r="F14620">
        <v>2014</v>
      </c>
      <c r="G14620" t="s">
        <v>14</v>
      </c>
      <c r="H14620" t="s">
        <v>121</v>
      </c>
      <c r="I14620" t="s">
        <v>15</v>
      </c>
      <c r="J14620" s="10">
        <v>31.17891075</v>
      </c>
    </row>
    <row r="14621" spans="1:10" x14ac:dyDescent="0.35">
      <c r="A14621" t="s">
        <v>35</v>
      </c>
      <c r="B14621" t="s">
        <v>88</v>
      </c>
      <c r="C14621" t="s">
        <v>117</v>
      </c>
      <c r="D14621" t="s">
        <v>118</v>
      </c>
      <c r="E14621">
        <v>2014</v>
      </c>
      <c r="F14621">
        <v>2014</v>
      </c>
      <c r="G14621" t="s">
        <v>14</v>
      </c>
      <c r="H14621" t="s">
        <v>122</v>
      </c>
      <c r="I14621" t="s">
        <v>15</v>
      </c>
      <c r="J14621" s="10">
        <v>21.151701679999999</v>
      </c>
    </row>
    <row r="14622" spans="1:10" x14ac:dyDescent="0.35">
      <c r="A14622" t="s">
        <v>35</v>
      </c>
      <c r="B14622" t="s">
        <v>88</v>
      </c>
      <c r="C14622" t="s">
        <v>117</v>
      </c>
      <c r="D14622" t="s">
        <v>118</v>
      </c>
      <c r="E14622">
        <v>2014</v>
      </c>
      <c r="F14622">
        <v>2014</v>
      </c>
      <c r="G14622" t="s">
        <v>14</v>
      </c>
      <c r="H14622" t="s">
        <v>123</v>
      </c>
      <c r="I14622" t="s">
        <v>15</v>
      </c>
      <c r="J14622" s="10">
        <v>16.81609349</v>
      </c>
    </row>
    <row r="14623" spans="1:10" x14ac:dyDescent="0.35">
      <c r="A14623" t="s">
        <v>35</v>
      </c>
      <c r="B14623" t="s">
        <v>88</v>
      </c>
      <c r="C14623" t="s">
        <v>117</v>
      </c>
      <c r="D14623" t="s">
        <v>118</v>
      </c>
      <c r="E14623">
        <v>2014</v>
      </c>
      <c r="F14623">
        <v>2014</v>
      </c>
      <c r="G14623" t="s">
        <v>14</v>
      </c>
      <c r="H14623" t="s">
        <v>124</v>
      </c>
      <c r="I14623" t="s">
        <v>15</v>
      </c>
      <c r="J14623" s="10">
        <v>1.7262143720000001</v>
      </c>
    </row>
    <row r="14624" spans="1:10" x14ac:dyDescent="0.35">
      <c r="A14624" t="s">
        <v>35</v>
      </c>
      <c r="B14624" t="s">
        <v>88</v>
      </c>
      <c r="C14624" t="s">
        <v>117</v>
      </c>
      <c r="D14624" t="s">
        <v>118</v>
      </c>
      <c r="E14624">
        <v>2014</v>
      </c>
      <c r="F14624">
        <v>2014</v>
      </c>
      <c r="G14624" t="s">
        <v>125</v>
      </c>
      <c r="H14624" t="s">
        <v>119</v>
      </c>
      <c r="I14624" t="s">
        <v>15</v>
      </c>
      <c r="J14624" s="10">
        <v>19.08492244</v>
      </c>
    </row>
    <row r="14625" spans="1:10" x14ac:dyDescent="0.35">
      <c r="A14625" t="s">
        <v>35</v>
      </c>
      <c r="B14625" t="s">
        <v>88</v>
      </c>
      <c r="C14625" t="s">
        <v>117</v>
      </c>
      <c r="D14625" t="s">
        <v>118</v>
      </c>
      <c r="E14625">
        <v>2014</v>
      </c>
      <c r="F14625">
        <v>2014</v>
      </c>
      <c r="G14625" t="s">
        <v>125</v>
      </c>
      <c r="H14625" t="s">
        <v>120</v>
      </c>
      <c r="I14625" t="s">
        <v>15</v>
      </c>
      <c r="J14625" s="10">
        <v>11.925345650000001</v>
      </c>
    </row>
    <row r="14626" spans="1:10" x14ac:dyDescent="0.35">
      <c r="A14626" t="s">
        <v>35</v>
      </c>
      <c r="B14626" t="s">
        <v>88</v>
      </c>
      <c r="C14626" t="s">
        <v>117</v>
      </c>
      <c r="D14626" t="s">
        <v>118</v>
      </c>
      <c r="E14626">
        <v>2014</v>
      </c>
      <c r="F14626">
        <v>2014</v>
      </c>
      <c r="G14626" t="s">
        <v>125</v>
      </c>
      <c r="H14626" t="s">
        <v>121</v>
      </c>
      <c r="I14626" t="s">
        <v>15</v>
      </c>
      <c r="J14626" s="10">
        <v>30.710651980000002</v>
      </c>
    </row>
    <row r="14627" spans="1:10" x14ac:dyDescent="0.35">
      <c r="A14627" t="s">
        <v>35</v>
      </c>
      <c r="B14627" t="s">
        <v>88</v>
      </c>
      <c r="C14627" t="s">
        <v>117</v>
      </c>
      <c r="D14627" t="s">
        <v>118</v>
      </c>
      <c r="E14627">
        <v>2014</v>
      </c>
      <c r="F14627">
        <v>2014</v>
      </c>
      <c r="G14627" t="s">
        <v>125</v>
      </c>
      <c r="H14627" t="s">
        <v>122</v>
      </c>
      <c r="I14627" t="s">
        <v>15</v>
      </c>
      <c r="J14627" s="10">
        <v>21.41006835</v>
      </c>
    </row>
    <row r="14628" spans="1:10" x14ac:dyDescent="0.35">
      <c r="A14628" t="s">
        <v>35</v>
      </c>
      <c r="B14628" t="s">
        <v>88</v>
      </c>
      <c r="C14628" t="s">
        <v>117</v>
      </c>
      <c r="D14628" t="s">
        <v>118</v>
      </c>
      <c r="E14628">
        <v>2014</v>
      </c>
      <c r="F14628">
        <v>2014</v>
      </c>
      <c r="G14628" t="s">
        <v>125</v>
      </c>
      <c r="H14628" t="s">
        <v>123</v>
      </c>
      <c r="I14628" t="s">
        <v>15</v>
      </c>
      <c r="J14628" s="10">
        <v>15.6362161</v>
      </c>
    </row>
    <row r="14629" spans="1:10" x14ac:dyDescent="0.35">
      <c r="A14629" t="s">
        <v>35</v>
      </c>
      <c r="B14629" t="s">
        <v>88</v>
      </c>
      <c r="C14629" t="s">
        <v>117</v>
      </c>
      <c r="D14629" t="s">
        <v>118</v>
      </c>
      <c r="E14629">
        <v>2014</v>
      </c>
      <c r="F14629">
        <v>2014</v>
      </c>
      <c r="G14629" t="s">
        <v>125</v>
      </c>
      <c r="H14629" t="s">
        <v>124</v>
      </c>
      <c r="I14629" t="s">
        <v>15</v>
      </c>
      <c r="J14629" s="10">
        <v>1.2327954809999999</v>
      </c>
    </row>
    <row r="14630" spans="1:10" x14ac:dyDescent="0.35">
      <c r="A14630" t="s">
        <v>35</v>
      </c>
      <c r="B14630" t="s">
        <v>88</v>
      </c>
      <c r="C14630" t="s">
        <v>117</v>
      </c>
      <c r="D14630" t="s">
        <v>118</v>
      </c>
      <c r="E14630">
        <v>2014</v>
      </c>
      <c r="F14630">
        <v>2014</v>
      </c>
      <c r="G14630" t="s">
        <v>126</v>
      </c>
      <c r="H14630" t="s">
        <v>119</v>
      </c>
      <c r="I14630" t="s">
        <v>15</v>
      </c>
      <c r="J14630" s="10">
        <v>16.96388005</v>
      </c>
    </row>
    <row r="14631" spans="1:10" x14ac:dyDescent="0.35">
      <c r="A14631" t="s">
        <v>35</v>
      </c>
      <c r="B14631" t="s">
        <v>88</v>
      </c>
      <c r="C14631" t="s">
        <v>117</v>
      </c>
      <c r="D14631" t="s">
        <v>118</v>
      </c>
      <c r="E14631">
        <v>2014</v>
      </c>
      <c r="F14631">
        <v>2014</v>
      </c>
      <c r="G14631" t="s">
        <v>126</v>
      </c>
      <c r="H14631" t="s">
        <v>120</v>
      </c>
      <c r="I14631" t="s">
        <v>15</v>
      </c>
      <c r="J14631" s="10">
        <v>10.449795549999999</v>
      </c>
    </row>
    <row r="14632" spans="1:10" x14ac:dyDescent="0.35">
      <c r="A14632" t="s">
        <v>35</v>
      </c>
      <c r="B14632" t="s">
        <v>88</v>
      </c>
      <c r="C14632" t="s">
        <v>117</v>
      </c>
      <c r="D14632" t="s">
        <v>118</v>
      </c>
      <c r="E14632">
        <v>2014</v>
      </c>
      <c r="F14632">
        <v>2014</v>
      </c>
      <c r="G14632" t="s">
        <v>126</v>
      </c>
      <c r="H14632" t="s">
        <v>121</v>
      </c>
      <c r="I14632" t="s">
        <v>15</v>
      </c>
      <c r="J14632" s="10">
        <v>31.60495229</v>
      </c>
    </row>
    <row r="14633" spans="1:10" x14ac:dyDescent="0.35">
      <c r="A14633" t="s">
        <v>35</v>
      </c>
      <c r="B14633" t="s">
        <v>88</v>
      </c>
      <c r="C14633" t="s">
        <v>117</v>
      </c>
      <c r="D14633" t="s">
        <v>118</v>
      </c>
      <c r="E14633">
        <v>2014</v>
      </c>
      <c r="F14633">
        <v>2014</v>
      </c>
      <c r="G14633" t="s">
        <v>126</v>
      </c>
      <c r="H14633" t="s">
        <v>122</v>
      </c>
      <c r="I14633" t="s">
        <v>15</v>
      </c>
      <c r="J14633" s="10">
        <v>20.916628809999999</v>
      </c>
    </row>
    <row r="14634" spans="1:10" x14ac:dyDescent="0.35">
      <c r="A14634" t="s">
        <v>35</v>
      </c>
      <c r="B14634" t="s">
        <v>88</v>
      </c>
      <c r="C14634" t="s">
        <v>117</v>
      </c>
      <c r="D14634" t="s">
        <v>118</v>
      </c>
      <c r="E14634">
        <v>2014</v>
      </c>
      <c r="F14634">
        <v>2014</v>
      </c>
      <c r="G14634" t="s">
        <v>126</v>
      </c>
      <c r="H14634" t="s">
        <v>123</v>
      </c>
      <c r="I14634" t="s">
        <v>15</v>
      </c>
      <c r="J14634" s="10">
        <v>17.88959564</v>
      </c>
    </row>
    <row r="14635" spans="1:10" x14ac:dyDescent="0.35">
      <c r="A14635" t="s">
        <v>35</v>
      </c>
      <c r="B14635" t="s">
        <v>88</v>
      </c>
      <c r="C14635" t="s">
        <v>117</v>
      </c>
      <c r="D14635" t="s">
        <v>118</v>
      </c>
      <c r="E14635">
        <v>2014</v>
      </c>
      <c r="F14635">
        <v>2014</v>
      </c>
      <c r="G14635" t="s">
        <v>126</v>
      </c>
      <c r="H14635" t="s">
        <v>124</v>
      </c>
      <c r="I14635" t="s">
        <v>15</v>
      </c>
      <c r="J14635" s="10">
        <v>2.1751476599999999</v>
      </c>
    </row>
    <row r="14636" spans="1:10" x14ac:dyDescent="0.35">
      <c r="A14636" t="s">
        <v>35</v>
      </c>
      <c r="B14636" t="s">
        <v>88</v>
      </c>
      <c r="C14636" t="s">
        <v>117</v>
      </c>
      <c r="D14636" t="s">
        <v>118</v>
      </c>
      <c r="E14636">
        <v>2013</v>
      </c>
      <c r="F14636">
        <v>2013</v>
      </c>
      <c r="G14636" t="s">
        <v>14</v>
      </c>
      <c r="H14636" t="s">
        <v>119</v>
      </c>
      <c r="I14636" t="s">
        <v>15</v>
      </c>
      <c r="J14636" s="10">
        <v>18.08283741</v>
      </c>
    </row>
    <row r="14637" spans="1:10" x14ac:dyDescent="0.35">
      <c r="A14637" t="s">
        <v>35</v>
      </c>
      <c r="B14637" t="s">
        <v>88</v>
      </c>
      <c r="C14637" t="s">
        <v>117</v>
      </c>
      <c r="D14637" t="s">
        <v>118</v>
      </c>
      <c r="E14637">
        <v>2013</v>
      </c>
      <c r="F14637">
        <v>2013</v>
      </c>
      <c r="G14637" t="s">
        <v>14</v>
      </c>
      <c r="H14637" t="s">
        <v>120</v>
      </c>
      <c r="I14637" t="s">
        <v>15</v>
      </c>
      <c r="J14637" s="10">
        <v>11.196623260000001</v>
      </c>
    </row>
    <row r="14638" spans="1:10" x14ac:dyDescent="0.35">
      <c r="A14638" t="s">
        <v>35</v>
      </c>
      <c r="B14638" t="s">
        <v>88</v>
      </c>
      <c r="C14638" t="s">
        <v>117</v>
      </c>
      <c r="D14638" t="s">
        <v>118</v>
      </c>
      <c r="E14638">
        <v>2013</v>
      </c>
      <c r="F14638">
        <v>2013</v>
      </c>
      <c r="G14638" t="s">
        <v>14</v>
      </c>
      <c r="H14638" t="s">
        <v>121</v>
      </c>
      <c r="I14638" t="s">
        <v>15</v>
      </c>
      <c r="J14638" s="10">
        <v>31.71208257</v>
      </c>
    </row>
    <row r="14639" spans="1:10" x14ac:dyDescent="0.35">
      <c r="A14639" t="s">
        <v>35</v>
      </c>
      <c r="B14639" t="s">
        <v>88</v>
      </c>
      <c r="C14639" t="s">
        <v>117</v>
      </c>
      <c r="D14639" t="s">
        <v>118</v>
      </c>
      <c r="E14639">
        <v>2013</v>
      </c>
      <c r="F14639">
        <v>2013</v>
      </c>
      <c r="G14639" t="s">
        <v>14</v>
      </c>
      <c r="H14639" t="s">
        <v>122</v>
      </c>
      <c r="I14639" t="s">
        <v>15</v>
      </c>
      <c r="J14639" s="10">
        <v>20.836129880000001</v>
      </c>
    </row>
    <row r="14640" spans="1:10" x14ac:dyDescent="0.35">
      <c r="A14640" t="s">
        <v>35</v>
      </c>
      <c r="B14640" t="s">
        <v>88</v>
      </c>
      <c r="C14640" t="s">
        <v>117</v>
      </c>
      <c r="D14640" t="s">
        <v>118</v>
      </c>
      <c r="E14640">
        <v>2013</v>
      </c>
      <c r="F14640">
        <v>2013</v>
      </c>
      <c r="G14640" t="s">
        <v>14</v>
      </c>
      <c r="H14640" t="s">
        <v>123</v>
      </c>
      <c r="I14640" t="s">
        <v>15</v>
      </c>
      <c r="J14640" s="10">
        <v>16.545110149999999</v>
      </c>
    </row>
    <row r="14641" spans="1:10" x14ac:dyDescent="0.35">
      <c r="A14641" t="s">
        <v>35</v>
      </c>
      <c r="B14641" t="s">
        <v>88</v>
      </c>
      <c r="C14641" t="s">
        <v>117</v>
      </c>
      <c r="D14641" t="s">
        <v>118</v>
      </c>
      <c r="E14641">
        <v>2013</v>
      </c>
      <c r="F14641">
        <v>2013</v>
      </c>
      <c r="G14641" t="s">
        <v>14</v>
      </c>
      <c r="H14641" t="s">
        <v>124</v>
      </c>
      <c r="I14641" t="s">
        <v>15</v>
      </c>
      <c r="J14641" s="10">
        <v>1.6272167289999999</v>
      </c>
    </row>
    <row r="14642" spans="1:10" x14ac:dyDescent="0.35">
      <c r="A14642" t="s">
        <v>35</v>
      </c>
      <c r="B14642" t="s">
        <v>88</v>
      </c>
      <c r="C14642" t="s">
        <v>117</v>
      </c>
      <c r="D14642" t="s">
        <v>118</v>
      </c>
      <c r="E14642">
        <v>2013</v>
      </c>
      <c r="F14642">
        <v>2013</v>
      </c>
      <c r="G14642" t="s">
        <v>125</v>
      </c>
      <c r="H14642" t="s">
        <v>119</v>
      </c>
      <c r="I14642" t="s">
        <v>15</v>
      </c>
      <c r="J14642" s="10">
        <v>19.095257449999998</v>
      </c>
    </row>
    <row r="14643" spans="1:10" x14ac:dyDescent="0.35">
      <c r="A14643" t="s">
        <v>35</v>
      </c>
      <c r="B14643" t="s">
        <v>88</v>
      </c>
      <c r="C14643" t="s">
        <v>117</v>
      </c>
      <c r="D14643" t="s">
        <v>118</v>
      </c>
      <c r="E14643">
        <v>2013</v>
      </c>
      <c r="F14643">
        <v>2013</v>
      </c>
      <c r="G14643" t="s">
        <v>125</v>
      </c>
      <c r="H14643" t="s">
        <v>120</v>
      </c>
      <c r="I14643" t="s">
        <v>15</v>
      </c>
      <c r="J14643" s="10">
        <v>12.08303373</v>
      </c>
    </row>
    <row r="14644" spans="1:10" x14ac:dyDescent="0.35">
      <c r="A14644" t="s">
        <v>35</v>
      </c>
      <c r="B14644" t="s">
        <v>88</v>
      </c>
      <c r="C14644" t="s">
        <v>117</v>
      </c>
      <c r="D14644" t="s">
        <v>118</v>
      </c>
      <c r="E14644">
        <v>2013</v>
      </c>
      <c r="F14644">
        <v>2013</v>
      </c>
      <c r="G14644" t="s">
        <v>125</v>
      </c>
      <c r="H14644" t="s">
        <v>121</v>
      </c>
      <c r="I14644" t="s">
        <v>15</v>
      </c>
      <c r="J14644" s="10">
        <v>31.193922529999998</v>
      </c>
    </row>
    <row r="14645" spans="1:10" x14ac:dyDescent="0.35">
      <c r="A14645" t="s">
        <v>35</v>
      </c>
      <c r="B14645" t="s">
        <v>88</v>
      </c>
      <c r="C14645" t="s">
        <v>117</v>
      </c>
      <c r="D14645" t="s">
        <v>118</v>
      </c>
      <c r="E14645">
        <v>2013</v>
      </c>
      <c r="F14645">
        <v>2013</v>
      </c>
      <c r="G14645" t="s">
        <v>125</v>
      </c>
      <c r="H14645" t="s">
        <v>122</v>
      </c>
      <c r="I14645" t="s">
        <v>15</v>
      </c>
      <c r="J14645" s="10">
        <v>21.074186390000001</v>
      </c>
    </row>
    <row r="14646" spans="1:10" x14ac:dyDescent="0.35">
      <c r="A14646" t="s">
        <v>35</v>
      </c>
      <c r="B14646" t="s">
        <v>88</v>
      </c>
      <c r="C14646" t="s">
        <v>117</v>
      </c>
      <c r="D14646" t="s">
        <v>118</v>
      </c>
      <c r="E14646">
        <v>2013</v>
      </c>
      <c r="F14646">
        <v>2013</v>
      </c>
      <c r="G14646" t="s">
        <v>125</v>
      </c>
      <c r="H14646" t="s">
        <v>123</v>
      </c>
      <c r="I14646" t="s">
        <v>15</v>
      </c>
      <c r="J14646" s="10">
        <v>15.456279110000001</v>
      </c>
    </row>
    <row r="14647" spans="1:10" x14ac:dyDescent="0.35">
      <c r="A14647" t="s">
        <v>35</v>
      </c>
      <c r="B14647" t="s">
        <v>88</v>
      </c>
      <c r="C14647" t="s">
        <v>117</v>
      </c>
      <c r="D14647" t="s">
        <v>118</v>
      </c>
      <c r="E14647">
        <v>2013</v>
      </c>
      <c r="F14647">
        <v>2013</v>
      </c>
      <c r="G14647" t="s">
        <v>125</v>
      </c>
      <c r="H14647" t="s">
        <v>124</v>
      </c>
      <c r="I14647" t="s">
        <v>15</v>
      </c>
      <c r="J14647" s="10">
        <v>1.0973207869999999</v>
      </c>
    </row>
    <row r="14648" spans="1:10" x14ac:dyDescent="0.35">
      <c r="A14648" t="s">
        <v>35</v>
      </c>
      <c r="B14648" t="s">
        <v>88</v>
      </c>
      <c r="C14648" t="s">
        <v>117</v>
      </c>
      <c r="D14648" t="s">
        <v>118</v>
      </c>
      <c r="E14648">
        <v>2013</v>
      </c>
      <c r="F14648">
        <v>2013</v>
      </c>
      <c r="G14648" t="s">
        <v>126</v>
      </c>
      <c r="H14648" t="s">
        <v>119</v>
      </c>
      <c r="I14648" t="s">
        <v>15</v>
      </c>
      <c r="J14648" s="10">
        <v>17.159155729999998</v>
      </c>
    </row>
    <row r="14649" spans="1:10" x14ac:dyDescent="0.35">
      <c r="A14649" t="s">
        <v>35</v>
      </c>
      <c r="B14649" t="s">
        <v>88</v>
      </c>
      <c r="C14649" t="s">
        <v>117</v>
      </c>
      <c r="D14649" t="s">
        <v>118</v>
      </c>
      <c r="E14649">
        <v>2013</v>
      </c>
      <c r="F14649">
        <v>2013</v>
      </c>
      <c r="G14649" t="s">
        <v>126</v>
      </c>
      <c r="H14649" t="s">
        <v>120</v>
      </c>
      <c r="I14649" t="s">
        <v>15</v>
      </c>
      <c r="J14649" s="10">
        <v>10.387906449999999</v>
      </c>
    </row>
    <row r="14650" spans="1:10" x14ac:dyDescent="0.35">
      <c r="A14650" t="s">
        <v>35</v>
      </c>
      <c r="B14650" t="s">
        <v>88</v>
      </c>
      <c r="C14650" t="s">
        <v>117</v>
      </c>
      <c r="D14650" t="s">
        <v>118</v>
      </c>
      <c r="E14650">
        <v>2013</v>
      </c>
      <c r="F14650">
        <v>2013</v>
      </c>
      <c r="G14650" t="s">
        <v>126</v>
      </c>
      <c r="H14650" t="s">
        <v>121</v>
      </c>
      <c r="I14650" t="s">
        <v>15</v>
      </c>
      <c r="J14650" s="10">
        <v>32.184826010000002</v>
      </c>
    </row>
    <row r="14651" spans="1:10" x14ac:dyDescent="0.35">
      <c r="A14651" t="s">
        <v>35</v>
      </c>
      <c r="B14651" t="s">
        <v>88</v>
      </c>
      <c r="C14651" t="s">
        <v>117</v>
      </c>
      <c r="D14651" t="s">
        <v>118</v>
      </c>
      <c r="E14651">
        <v>2013</v>
      </c>
      <c r="F14651">
        <v>2013</v>
      </c>
      <c r="G14651" t="s">
        <v>126</v>
      </c>
      <c r="H14651" t="s">
        <v>122</v>
      </c>
      <c r="I14651" t="s">
        <v>15</v>
      </c>
      <c r="J14651" s="10">
        <v>20.618938960000001</v>
      </c>
    </row>
    <row r="14652" spans="1:10" x14ac:dyDescent="0.35">
      <c r="A14652" t="s">
        <v>35</v>
      </c>
      <c r="B14652" t="s">
        <v>88</v>
      </c>
      <c r="C14652" t="s">
        <v>117</v>
      </c>
      <c r="D14652" t="s">
        <v>118</v>
      </c>
      <c r="E14652">
        <v>2013</v>
      </c>
      <c r="F14652">
        <v>2013</v>
      </c>
      <c r="G14652" t="s">
        <v>126</v>
      </c>
      <c r="H14652" t="s">
        <v>123</v>
      </c>
      <c r="I14652" t="s">
        <v>15</v>
      </c>
      <c r="J14652" s="10">
        <v>17.53850542</v>
      </c>
    </row>
    <row r="14653" spans="1:10" x14ac:dyDescent="0.35">
      <c r="A14653" t="s">
        <v>35</v>
      </c>
      <c r="B14653" t="s">
        <v>88</v>
      </c>
      <c r="C14653" t="s">
        <v>117</v>
      </c>
      <c r="D14653" t="s">
        <v>118</v>
      </c>
      <c r="E14653">
        <v>2013</v>
      </c>
      <c r="F14653">
        <v>2013</v>
      </c>
      <c r="G14653" t="s">
        <v>126</v>
      </c>
      <c r="H14653" t="s">
        <v>124</v>
      </c>
      <c r="I14653" t="s">
        <v>15</v>
      </c>
      <c r="J14653" s="10">
        <v>2.1106674270000001</v>
      </c>
    </row>
    <row r="14654" spans="1:10" x14ac:dyDescent="0.35">
      <c r="A14654" t="s">
        <v>35</v>
      </c>
      <c r="B14654" t="s">
        <v>88</v>
      </c>
      <c r="C14654" t="s">
        <v>117</v>
      </c>
      <c r="D14654" t="s">
        <v>118</v>
      </c>
      <c r="E14654">
        <v>2012</v>
      </c>
      <c r="F14654">
        <v>2012</v>
      </c>
      <c r="G14654" t="s">
        <v>14</v>
      </c>
      <c r="H14654" t="s">
        <v>119</v>
      </c>
      <c r="I14654" t="s">
        <v>15</v>
      </c>
      <c r="J14654" s="10">
        <v>18.173192390000001</v>
      </c>
    </row>
    <row r="14655" spans="1:10" x14ac:dyDescent="0.35">
      <c r="A14655" t="s">
        <v>35</v>
      </c>
      <c r="B14655" t="s">
        <v>88</v>
      </c>
      <c r="C14655" t="s">
        <v>117</v>
      </c>
      <c r="D14655" t="s">
        <v>118</v>
      </c>
      <c r="E14655">
        <v>2012</v>
      </c>
      <c r="F14655">
        <v>2012</v>
      </c>
      <c r="G14655" t="s">
        <v>14</v>
      </c>
      <c r="H14655" t="s">
        <v>120</v>
      </c>
      <c r="I14655" t="s">
        <v>15</v>
      </c>
      <c r="J14655" s="10">
        <v>11.17552001</v>
      </c>
    </row>
    <row r="14656" spans="1:10" x14ac:dyDescent="0.35">
      <c r="A14656" t="s">
        <v>35</v>
      </c>
      <c r="B14656" t="s">
        <v>88</v>
      </c>
      <c r="C14656" t="s">
        <v>117</v>
      </c>
      <c r="D14656" t="s">
        <v>118</v>
      </c>
      <c r="E14656">
        <v>2012</v>
      </c>
      <c r="F14656">
        <v>2012</v>
      </c>
      <c r="G14656" t="s">
        <v>14</v>
      </c>
      <c r="H14656" t="s">
        <v>121</v>
      </c>
      <c r="I14656" t="s">
        <v>15</v>
      </c>
      <c r="J14656" s="10">
        <v>32.297519680000001</v>
      </c>
    </row>
    <row r="14657" spans="1:10" x14ac:dyDescent="0.35">
      <c r="A14657" t="s">
        <v>35</v>
      </c>
      <c r="B14657" t="s">
        <v>88</v>
      </c>
      <c r="C14657" t="s">
        <v>117</v>
      </c>
      <c r="D14657" t="s">
        <v>118</v>
      </c>
      <c r="E14657">
        <v>2012</v>
      </c>
      <c r="F14657">
        <v>2012</v>
      </c>
      <c r="G14657" t="s">
        <v>14</v>
      </c>
      <c r="H14657" t="s">
        <v>122</v>
      </c>
      <c r="I14657" t="s">
        <v>15</v>
      </c>
      <c r="J14657" s="10">
        <v>20.574935880000002</v>
      </c>
    </row>
    <row r="14658" spans="1:10" x14ac:dyDescent="0.35">
      <c r="A14658" t="s">
        <v>35</v>
      </c>
      <c r="B14658" t="s">
        <v>88</v>
      </c>
      <c r="C14658" t="s">
        <v>117</v>
      </c>
      <c r="D14658" t="s">
        <v>118</v>
      </c>
      <c r="E14658">
        <v>2012</v>
      </c>
      <c r="F14658">
        <v>2012</v>
      </c>
      <c r="G14658" t="s">
        <v>14</v>
      </c>
      <c r="H14658" t="s">
        <v>123</v>
      </c>
      <c r="I14658" t="s">
        <v>15</v>
      </c>
      <c r="J14658" s="10">
        <v>16.219181330000001</v>
      </c>
    </row>
    <row r="14659" spans="1:10" x14ac:dyDescent="0.35">
      <c r="A14659" t="s">
        <v>35</v>
      </c>
      <c r="B14659" t="s">
        <v>88</v>
      </c>
      <c r="C14659" t="s">
        <v>117</v>
      </c>
      <c r="D14659" t="s">
        <v>118</v>
      </c>
      <c r="E14659">
        <v>2012</v>
      </c>
      <c r="F14659">
        <v>2012</v>
      </c>
      <c r="G14659" t="s">
        <v>14</v>
      </c>
      <c r="H14659" t="s">
        <v>124</v>
      </c>
      <c r="I14659" t="s">
        <v>15</v>
      </c>
      <c r="J14659" s="10">
        <v>1.559650709</v>
      </c>
    </row>
    <row r="14660" spans="1:10" x14ac:dyDescent="0.35">
      <c r="A14660" t="s">
        <v>35</v>
      </c>
      <c r="B14660" t="s">
        <v>88</v>
      </c>
      <c r="C14660" t="s">
        <v>117</v>
      </c>
      <c r="D14660" t="s">
        <v>118</v>
      </c>
      <c r="E14660">
        <v>2012</v>
      </c>
      <c r="F14660">
        <v>2012</v>
      </c>
      <c r="G14660" t="s">
        <v>125</v>
      </c>
      <c r="H14660" t="s">
        <v>119</v>
      </c>
      <c r="I14660" t="s">
        <v>15</v>
      </c>
      <c r="J14660" s="10">
        <v>19.183014650000001</v>
      </c>
    </row>
    <row r="14661" spans="1:10" x14ac:dyDescent="0.35">
      <c r="A14661" t="s">
        <v>35</v>
      </c>
      <c r="B14661" t="s">
        <v>88</v>
      </c>
      <c r="C14661" t="s">
        <v>117</v>
      </c>
      <c r="D14661" t="s">
        <v>118</v>
      </c>
      <c r="E14661">
        <v>2012</v>
      </c>
      <c r="F14661">
        <v>2012</v>
      </c>
      <c r="G14661" t="s">
        <v>125</v>
      </c>
      <c r="H14661" t="s">
        <v>120</v>
      </c>
      <c r="I14661" t="s">
        <v>15</v>
      </c>
      <c r="J14661" s="10">
        <v>11.95679166</v>
      </c>
    </row>
    <row r="14662" spans="1:10" x14ac:dyDescent="0.35">
      <c r="A14662" t="s">
        <v>35</v>
      </c>
      <c r="B14662" t="s">
        <v>88</v>
      </c>
      <c r="C14662" t="s">
        <v>117</v>
      </c>
      <c r="D14662" t="s">
        <v>118</v>
      </c>
      <c r="E14662">
        <v>2012</v>
      </c>
      <c r="F14662">
        <v>2012</v>
      </c>
      <c r="G14662" t="s">
        <v>125</v>
      </c>
      <c r="H14662" t="s">
        <v>121</v>
      </c>
      <c r="I14662" t="s">
        <v>15</v>
      </c>
      <c r="J14662" s="10">
        <v>31.94375466</v>
      </c>
    </row>
    <row r="14663" spans="1:10" x14ac:dyDescent="0.35">
      <c r="A14663" t="s">
        <v>35</v>
      </c>
      <c r="B14663" t="s">
        <v>88</v>
      </c>
      <c r="C14663" t="s">
        <v>117</v>
      </c>
      <c r="D14663" t="s">
        <v>118</v>
      </c>
      <c r="E14663">
        <v>2012</v>
      </c>
      <c r="F14663">
        <v>2012</v>
      </c>
      <c r="G14663" t="s">
        <v>125</v>
      </c>
      <c r="H14663" t="s">
        <v>122</v>
      </c>
      <c r="I14663" t="s">
        <v>15</v>
      </c>
      <c r="J14663" s="10">
        <v>20.815743730000001</v>
      </c>
    </row>
    <row r="14664" spans="1:10" x14ac:dyDescent="0.35">
      <c r="A14664" t="s">
        <v>35</v>
      </c>
      <c r="B14664" t="s">
        <v>88</v>
      </c>
      <c r="C14664" t="s">
        <v>117</v>
      </c>
      <c r="D14664" t="s">
        <v>118</v>
      </c>
      <c r="E14664">
        <v>2012</v>
      </c>
      <c r="F14664">
        <v>2012</v>
      </c>
      <c r="G14664" t="s">
        <v>125</v>
      </c>
      <c r="H14664" t="s">
        <v>123</v>
      </c>
      <c r="I14664" t="s">
        <v>15</v>
      </c>
      <c r="J14664" s="10">
        <v>15.09187981</v>
      </c>
    </row>
    <row r="14665" spans="1:10" x14ac:dyDescent="0.35">
      <c r="A14665" t="s">
        <v>35</v>
      </c>
      <c r="B14665" t="s">
        <v>88</v>
      </c>
      <c r="C14665" t="s">
        <v>117</v>
      </c>
      <c r="D14665" t="s">
        <v>118</v>
      </c>
      <c r="E14665">
        <v>2012</v>
      </c>
      <c r="F14665">
        <v>2012</v>
      </c>
      <c r="G14665" t="s">
        <v>125</v>
      </c>
      <c r="H14665" t="s">
        <v>124</v>
      </c>
      <c r="I14665" t="s">
        <v>15</v>
      </c>
      <c r="J14665" s="10">
        <v>1.0088154949999999</v>
      </c>
    </row>
    <row r="14666" spans="1:10" x14ac:dyDescent="0.35">
      <c r="A14666" t="s">
        <v>35</v>
      </c>
      <c r="B14666" t="s">
        <v>88</v>
      </c>
      <c r="C14666" t="s">
        <v>117</v>
      </c>
      <c r="D14666" t="s">
        <v>118</v>
      </c>
      <c r="E14666">
        <v>2012</v>
      </c>
      <c r="F14666">
        <v>2012</v>
      </c>
      <c r="G14666" t="s">
        <v>126</v>
      </c>
      <c r="H14666" t="s">
        <v>119</v>
      </c>
      <c r="I14666" t="s">
        <v>15</v>
      </c>
      <c r="J14666" s="10">
        <v>17.249893570000001</v>
      </c>
    </row>
    <row r="14667" spans="1:10" x14ac:dyDescent="0.35">
      <c r="A14667" t="s">
        <v>35</v>
      </c>
      <c r="B14667" t="s">
        <v>88</v>
      </c>
      <c r="C14667" t="s">
        <v>117</v>
      </c>
      <c r="D14667" t="s">
        <v>118</v>
      </c>
      <c r="E14667">
        <v>2012</v>
      </c>
      <c r="F14667">
        <v>2012</v>
      </c>
      <c r="G14667" t="s">
        <v>126</v>
      </c>
      <c r="H14667" t="s">
        <v>120</v>
      </c>
      <c r="I14667" t="s">
        <v>15</v>
      </c>
      <c r="J14667" s="10">
        <v>10.46118916</v>
      </c>
    </row>
    <row r="14668" spans="1:10" x14ac:dyDescent="0.35">
      <c r="A14668" t="s">
        <v>35</v>
      </c>
      <c r="B14668" t="s">
        <v>88</v>
      </c>
      <c r="C14668" t="s">
        <v>117</v>
      </c>
      <c r="D14668" t="s">
        <v>118</v>
      </c>
      <c r="E14668">
        <v>2012</v>
      </c>
      <c r="F14668">
        <v>2012</v>
      </c>
      <c r="G14668" t="s">
        <v>126</v>
      </c>
      <c r="H14668" t="s">
        <v>121</v>
      </c>
      <c r="I14668" t="s">
        <v>15</v>
      </c>
      <c r="J14668" s="10">
        <v>32.620973460000002</v>
      </c>
    </row>
    <row r="14669" spans="1:10" x14ac:dyDescent="0.35">
      <c r="A14669" t="s">
        <v>35</v>
      </c>
      <c r="B14669" t="s">
        <v>88</v>
      </c>
      <c r="C14669" t="s">
        <v>117</v>
      </c>
      <c r="D14669" t="s">
        <v>118</v>
      </c>
      <c r="E14669">
        <v>2012</v>
      </c>
      <c r="F14669">
        <v>2012</v>
      </c>
      <c r="G14669" t="s">
        <v>126</v>
      </c>
      <c r="H14669" t="s">
        <v>122</v>
      </c>
      <c r="I14669" t="s">
        <v>15</v>
      </c>
      <c r="J14669" s="10">
        <v>20.354760890000001</v>
      </c>
    </row>
    <row r="14670" spans="1:10" x14ac:dyDescent="0.35">
      <c r="A14670" t="s">
        <v>35</v>
      </c>
      <c r="B14670" t="s">
        <v>88</v>
      </c>
      <c r="C14670" t="s">
        <v>117</v>
      </c>
      <c r="D14670" t="s">
        <v>118</v>
      </c>
      <c r="E14670">
        <v>2012</v>
      </c>
      <c r="F14670">
        <v>2012</v>
      </c>
      <c r="G14670" t="s">
        <v>126</v>
      </c>
      <c r="H14670" t="s">
        <v>123</v>
      </c>
      <c r="I14670" t="s">
        <v>15</v>
      </c>
      <c r="J14670" s="10">
        <v>17.249893570000001</v>
      </c>
    </row>
    <row r="14671" spans="1:10" x14ac:dyDescent="0.35">
      <c r="A14671" t="s">
        <v>35</v>
      </c>
      <c r="B14671" t="s">
        <v>88</v>
      </c>
      <c r="C14671" t="s">
        <v>117</v>
      </c>
      <c r="D14671" t="s">
        <v>118</v>
      </c>
      <c r="E14671">
        <v>2012</v>
      </c>
      <c r="F14671">
        <v>2012</v>
      </c>
      <c r="G14671" t="s">
        <v>126</v>
      </c>
      <c r="H14671" t="s">
        <v>124</v>
      </c>
      <c r="I14671" t="s">
        <v>15</v>
      </c>
      <c r="J14671" s="10">
        <v>2.0632893430000001</v>
      </c>
    </row>
    <row r="14672" spans="1:10" x14ac:dyDescent="0.35">
      <c r="A14672" t="s">
        <v>35</v>
      </c>
      <c r="B14672" t="s">
        <v>88</v>
      </c>
      <c r="C14672" t="s">
        <v>117</v>
      </c>
      <c r="D14672" t="s">
        <v>118</v>
      </c>
      <c r="E14672">
        <v>2011</v>
      </c>
      <c r="F14672">
        <v>2011</v>
      </c>
      <c r="G14672" t="s">
        <v>14</v>
      </c>
      <c r="H14672" t="s">
        <v>119</v>
      </c>
      <c r="I14672" t="s">
        <v>15</v>
      </c>
      <c r="J14672" s="10">
        <v>18.480441320000001</v>
      </c>
    </row>
    <row r="14673" spans="1:10" x14ac:dyDescent="0.35">
      <c r="A14673" t="s">
        <v>35</v>
      </c>
      <c r="B14673" t="s">
        <v>88</v>
      </c>
      <c r="C14673" t="s">
        <v>117</v>
      </c>
      <c r="D14673" t="s">
        <v>118</v>
      </c>
      <c r="E14673">
        <v>2011</v>
      </c>
      <c r="F14673">
        <v>2011</v>
      </c>
      <c r="G14673" t="s">
        <v>14</v>
      </c>
      <c r="H14673" t="s">
        <v>120</v>
      </c>
      <c r="I14673" t="s">
        <v>15</v>
      </c>
      <c r="J14673" s="10">
        <v>11.294176650000001</v>
      </c>
    </row>
    <row r="14674" spans="1:10" x14ac:dyDescent="0.35">
      <c r="A14674" t="s">
        <v>35</v>
      </c>
      <c r="B14674" t="s">
        <v>88</v>
      </c>
      <c r="C14674" t="s">
        <v>117</v>
      </c>
      <c r="D14674" t="s">
        <v>118</v>
      </c>
      <c r="E14674">
        <v>2011</v>
      </c>
      <c r="F14674">
        <v>2011</v>
      </c>
      <c r="G14674" t="s">
        <v>14</v>
      </c>
      <c r="H14674" t="s">
        <v>121</v>
      </c>
      <c r="I14674" t="s">
        <v>15</v>
      </c>
      <c r="J14674" s="10">
        <v>32.823470409999999</v>
      </c>
    </row>
    <row r="14675" spans="1:10" x14ac:dyDescent="0.35">
      <c r="A14675" t="s">
        <v>35</v>
      </c>
      <c r="B14675" t="s">
        <v>88</v>
      </c>
      <c r="C14675" t="s">
        <v>117</v>
      </c>
      <c r="D14675" t="s">
        <v>118</v>
      </c>
      <c r="E14675">
        <v>2011</v>
      </c>
      <c r="F14675">
        <v>2011</v>
      </c>
      <c r="G14675" t="s">
        <v>14</v>
      </c>
      <c r="H14675" t="s">
        <v>122</v>
      </c>
      <c r="I14675" t="s">
        <v>15</v>
      </c>
      <c r="J14675" s="10">
        <v>20.266682400000001</v>
      </c>
    </row>
    <row r="14676" spans="1:10" x14ac:dyDescent="0.35">
      <c r="A14676" t="s">
        <v>35</v>
      </c>
      <c r="B14676" t="s">
        <v>88</v>
      </c>
      <c r="C14676" t="s">
        <v>117</v>
      </c>
      <c r="D14676" t="s">
        <v>118</v>
      </c>
      <c r="E14676">
        <v>2011</v>
      </c>
      <c r="F14676">
        <v>2011</v>
      </c>
      <c r="G14676" t="s">
        <v>14</v>
      </c>
      <c r="H14676" t="s">
        <v>123</v>
      </c>
      <c r="I14676" t="s">
        <v>15</v>
      </c>
      <c r="J14676" s="10">
        <v>15.61891557</v>
      </c>
    </row>
    <row r="14677" spans="1:10" x14ac:dyDescent="0.35">
      <c r="A14677" t="s">
        <v>35</v>
      </c>
      <c r="B14677" t="s">
        <v>88</v>
      </c>
      <c r="C14677" t="s">
        <v>117</v>
      </c>
      <c r="D14677" t="s">
        <v>118</v>
      </c>
      <c r="E14677">
        <v>2011</v>
      </c>
      <c r="F14677">
        <v>2011</v>
      </c>
      <c r="G14677" t="s">
        <v>14</v>
      </c>
      <c r="H14677" t="s">
        <v>124</v>
      </c>
      <c r="I14677" t="s">
        <v>15</v>
      </c>
      <c r="J14677" s="10">
        <v>1.516313647</v>
      </c>
    </row>
    <row r="14678" spans="1:10" x14ac:dyDescent="0.35">
      <c r="A14678" t="s">
        <v>35</v>
      </c>
      <c r="B14678" t="s">
        <v>88</v>
      </c>
      <c r="C14678" t="s">
        <v>117</v>
      </c>
      <c r="D14678" t="s">
        <v>118</v>
      </c>
      <c r="E14678">
        <v>2011</v>
      </c>
      <c r="F14678">
        <v>2011</v>
      </c>
      <c r="G14678" t="s">
        <v>125</v>
      </c>
      <c r="H14678" t="s">
        <v>119</v>
      </c>
      <c r="I14678" t="s">
        <v>15</v>
      </c>
      <c r="J14678" s="10">
        <v>19.551450370000001</v>
      </c>
    </row>
    <row r="14679" spans="1:10" x14ac:dyDescent="0.35">
      <c r="A14679" t="s">
        <v>35</v>
      </c>
      <c r="B14679" t="s">
        <v>88</v>
      </c>
      <c r="C14679" t="s">
        <v>117</v>
      </c>
      <c r="D14679" t="s">
        <v>118</v>
      </c>
      <c r="E14679">
        <v>2011</v>
      </c>
      <c r="F14679">
        <v>2011</v>
      </c>
      <c r="G14679" t="s">
        <v>125</v>
      </c>
      <c r="H14679" t="s">
        <v>120</v>
      </c>
      <c r="I14679" t="s">
        <v>15</v>
      </c>
      <c r="J14679" s="10">
        <v>12.060177319999999</v>
      </c>
    </row>
    <row r="14680" spans="1:10" x14ac:dyDescent="0.35">
      <c r="A14680" t="s">
        <v>35</v>
      </c>
      <c r="B14680" t="s">
        <v>88</v>
      </c>
      <c r="C14680" t="s">
        <v>117</v>
      </c>
      <c r="D14680" t="s">
        <v>118</v>
      </c>
      <c r="E14680">
        <v>2011</v>
      </c>
      <c r="F14680">
        <v>2011</v>
      </c>
      <c r="G14680" t="s">
        <v>125</v>
      </c>
      <c r="H14680" t="s">
        <v>121</v>
      </c>
      <c r="I14680" t="s">
        <v>15</v>
      </c>
      <c r="J14680" s="10">
        <v>32.498223719999999</v>
      </c>
    </row>
    <row r="14681" spans="1:10" x14ac:dyDescent="0.35">
      <c r="A14681" t="s">
        <v>35</v>
      </c>
      <c r="B14681" t="s">
        <v>88</v>
      </c>
      <c r="C14681" t="s">
        <v>117</v>
      </c>
      <c r="D14681" t="s">
        <v>118</v>
      </c>
      <c r="E14681">
        <v>2011</v>
      </c>
      <c r="F14681">
        <v>2011</v>
      </c>
      <c r="G14681" t="s">
        <v>125</v>
      </c>
      <c r="H14681" t="s">
        <v>122</v>
      </c>
      <c r="I14681" t="s">
        <v>15</v>
      </c>
      <c r="J14681" s="10">
        <v>20.49365173</v>
      </c>
    </row>
    <row r="14682" spans="1:10" x14ac:dyDescent="0.35">
      <c r="A14682" t="s">
        <v>35</v>
      </c>
      <c r="B14682" t="s">
        <v>88</v>
      </c>
      <c r="C14682" t="s">
        <v>117</v>
      </c>
      <c r="D14682" t="s">
        <v>118</v>
      </c>
      <c r="E14682">
        <v>2011</v>
      </c>
      <c r="F14682">
        <v>2011</v>
      </c>
      <c r="G14682" t="s">
        <v>125</v>
      </c>
      <c r="H14682" t="s">
        <v>123</v>
      </c>
      <c r="I14682" t="s">
        <v>15</v>
      </c>
      <c r="J14682" s="10">
        <v>14.435760399999999</v>
      </c>
    </row>
    <row r="14683" spans="1:10" x14ac:dyDescent="0.35">
      <c r="A14683" t="s">
        <v>35</v>
      </c>
      <c r="B14683" t="s">
        <v>88</v>
      </c>
      <c r="C14683" t="s">
        <v>117</v>
      </c>
      <c r="D14683" t="s">
        <v>118</v>
      </c>
      <c r="E14683">
        <v>2011</v>
      </c>
      <c r="F14683">
        <v>2011</v>
      </c>
      <c r="G14683" t="s">
        <v>125</v>
      </c>
      <c r="H14683" t="s">
        <v>124</v>
      </c>
      <c r="I14683" t="s">
        <v>15</v>
      </c>
      <c r="J14683" s="10">
        <v>0.96073646199999996</v>
      </c>
    </row>
    <row r="14684" spans="1:10" x14ac:dyDescent="0.35">
      <c r="A14684" t="s">
        <v>35</v>
      </c>
      <c r="B14684" t="s">
        <v>88</v>
      </c>
      <c r="C14684" t="s">
        <v>117</v>
      </c>
      <c r="D14684" t="s">
        <v>118</v>
      </c>
      <c r="E14684">
        <v>2011</v>
      </c>
      <c r="F14684">
        <v>2011</v>
      </c>
      <c r="G14684" t="s">
        <v>126</v>
      </c>
      <c r="H14684" t="s">
        <v>119</v>
      </c>
      <c r="I14684" t="s">
        <v>15</v>
      </c>
      <c r="J14684" s="10">
        <v>17.501764290000001</v>
      </c>
    </row>
    <row r="14685" spans="1:10" x14ac:dyDescent="0.35">
      <c r="A14685" t="s">
        <v>35</v>
      </c>
      <c r="B14685" t="s">
        <v>88</v>
      </c>
      <c r="C14685" t="s">
        <v>117</v>
      </c>
      <c r="D14685" t="s">
        <v>118</v>
      </c>
      <c r="E14685">
        <v>2011</v>
      </c>
      <c r="F14685">
        <v>2011</v>
      </c>
      <c r="G14685" t="s">
        <v>126</v>
      </c>
      <c r="H14685" t="s">
        <v>120</v>
      </c>
      <c r="I14685" t="s">
        <v>15</v>
      </c>
      <c r="J14685" s="10">
        <v>10.59421313</v>
      </c>
    </row>
    <row r="14686" spans="1:10" x14ac:dyDescent="0.35">
      <c r="A14686" t="s">
        <v>35</v>
      </c>
      <c r="B14686" t="s">
        <v>88</v>
      </c>
      <c r="C14686" t="s">
        <v>117</v>
      </c>
      <c r="D14686" t="s">
        <v>118</v>
      </c>
      <c r="E14686">
        <v>2011</v>
      </c>
      <c r="F14686">
        <v>2011</v>
      </c>
      <c r="G14686" t="s">
        <v>126</v>
      </c>
      <c r="H14686" t="s">
        <v>121</v>
      </c>
      <c r="I14686" t="s">
        <v>15</v>
      </c>
      <c r="J14686" s="10">
        <v>33.120677489999998</v>
      </c>
    </row>
    <row r="14687" spans="1:10" x14ac:dyDescent="0.35">
      <c r="A14687" t="s">
        <v>35</v>
      </c>
      <c r="B14687" t="s">
        <v>88</v>
      </c>
      <c r="C14687" t="s">
        <v>117</v>
      </c>
      <c r="D14687" t="s">
        <v>118</v>
      </c>
      <c r="E14687">
        <v>2011</v>
      </c>
      <c r="F14687">
        <v>2011</v>
      </c>
      <c r="G14687" t="s">
        <v>126</v>
      </c>
      <c r="H14687" t="s">
        <v>122</v>
      </c>
      <c r="I14687" t="s">
        <v>15</v>
      </c>
      <c r="J14687" s="10">
        <v>20.059280170000001</v>
      </c>
    </row>
    <row r="14688" spans="1:10" x14ac:dyDescent="0.35">
      <c r="A14688" t="s">
        <v>35</v>
      </c>
      <c r="B14688" t="s">
        <v>88</v>
      </c>
      <c r="C14688" t="s">
        <v>117</v>
      </c>
      <c r="D14688" t="s">
        <v>118</v>
      </c>
      <c r="E14688">
        <v>2011</v>
      </c>
      <c r="F14688">
        <v>2011</v>
      </c>
      <c r="G14688" t="s">
        <v>126</v>
      </c>
      <c r="H14688" t="s">
        <v>123</v>
      </c>
      <c r="I14688" t="s">
        <v>15</v>
      </c>
      <c r="J14688" s="10">
        <v>16.700070570000001</v>
      </c>
    </row>
    <row r="14689" spans="1:10" x14ac:dyDescent="0.35">
      <c r="A14689" t="s">
        <v>35</v>
      </c>
      <c r="B14689" t="s">
        <v>88</v>
      </c>
      <c r="C14689" t="s">
        <v>117</v>
      </c>
      <c r="D14689" t="s">
        <v>118</v>
      </c>
      <c r="E14689">
        <v>2011</v>
      </c>
      <c r="F14689">
        <v>2011</v>
      </c>
      <c r="G14689" t="s">
        <v>126</v>
      </c>
      <c r="H14689" t="s">
        <v>124</v>
      </c>
      <c r="I14689" t="s">
        <v>15</v>
      </c>
      <c r="J14689" s="10">
        <v>2.0239943540000001</v>
      </c>
    </row>
    <row r="14690" spans="1:10" x14ac:dyDescent="0.35">
      <c r="A14690" t="s">
        <v>62</v>
      </c>
      <c r="B14690" t="s">
        <v>89</v>
      </c>
      <c r="C14690" t="s">
        <v>117</v>
      </c>
      <c r="D14690" t="s">
        <v>118</v>
      </c>
      <c r="E14690">
        <v>2020</v>
      </c>
      <c r="F14690">
        <v>2020</v>
      </c>
      <c r="G14690" t="s">
        <v>14</v>
      </c>
      <c r="H14690" t="s">
        <v>119</v>
      </c>
      <c r="I14690" t="s">
        <v>15</v>
      </c>
      <c r="J14690" s="10">
        <v>17.955769159999999</v>
      </c>
    </row>
    <row r="14691" spans="1:10" x14ac:dyDescent="0.35">
      <c r="A14691" t="s">
        <v>62</v>
      </c>
      <c r="B14691" t="s">
        <v>89</v>
      </c>
      <c r="C14691" t="s">
        <v>117</v>
      </c>
      <c r="D14691" t="s">
        <v>118</v>
      </c>
      <c r="E14691">
        <v>2020</v>
      </c>
      <c r="F14691">
        <v>2020</v>
      </c>
      <c r="G14691" t="s">
        <v>14</v>
      </c>
      <c r="H14691" t="s">
        <v>120</v>
      </c>
      <c r="I14691" t="s">
        <v>15</v>
      </c>
      <c r="J14691" s="10">
        <v>9.2882201000000002</v>
      </c>
    </row>
    <row r="14692" spans="1:10" x14ac:dyDescent="0.35">
      <c r="A14692" t="s">
        <v>62</v>
      </c>
      <c r="B14692" t="s">
        <v>89</v>
      </c>
      <c r="C14692" t="s">
        <v>117</v>
      </c>
      <c r="D14692" t="s">
        <v>118</v>
      </c>
      <c r="E14692">
        <v>2020</v>
      </c>
      <c r="F14692">
        <v>2020</v>
      </c>
      <c r="G14692" t="s">
        <v>14</v>
      </c>
      <c r="H14692" t="s">
        <v>121</v>
      </c>
      <c r="I14692" t="s">
        <v>15</v>
      </c>
      <c r="J14692" s="10">
        <v>32.680964799999998</v>
      </c>
    </row>
    <row r="14693" spans="1:10" x14ac:dyDescent="0.35">
      <c r="A14693" t="s">
        <v>62</v>
      </c>
      <c r="B14693" t="s">
        <v>89</v>
      </c>
      <c r="C14693" t="s">
        <v>117</v>
      </c>
      <c r="D14693" t="s">
        <v>118</v>
      </c>
      <c r="E14693">
        <v>2020</v>
      </c>
      <c r="F14693">
        <v>2020</v>
      </c>
      <c r="G14693" t="s">
        <v>14</v>
      </c>
      <c r="H14693" t="s">
        <v>122</v>
      </c>
      <c r="I14693" t="s">
        <v>15</v>
      </c>
      <c r="J14693" s="10">
        <v>21.336691550000001</v>
      </c>
    </row>
    <row r="14694" spans="1:10" x14ac:dyDescent="0.35">
      <c r="A14694" t="s">
        <v>62</v>
      </c>
      <c r="B14694" t="s">
        <v>89</v>
      </c>
      <c r="C14694" t="s">
        <v>117</v>
      </c>
      <c r="D14694" t="s">
        <v>118</v>
      </c>
      <c r="E14694">
        <v>2020</v>
      </c>
      <c r="F14694">
        <v>2020</v>
      </c>
      <c r="G14694" t="s">
        <v>14</v>
      </c>
      <c r="H14694" t="s">
        <v>123</v>
      </c>
      <c r="I14694" t="s">
        <v>15</v>
      </c>
      <c r="J14694" s="10">
        <v>16.749122960000001</v>
      </c>
    </row>
    <row r="14695" spans="1:10" x14ac:dyDescent="0.35">
      <c r="A14695" t="s">
        <v>62</v>
      </c>
      <c r="B14695" t="s">
        <v>89</v>
      </c>
      <c r="C14695" t="s">
        <v>117</v>
      </c>
      <c r="D14695" t="s">
        <v>118</v>
      </c>
      <c r="E14695">
        <v>2020</v>
      </c>
      <c r="F14695">
        <v>2020</v>
      </c>
      <c r="G14695" t="s">
        <v>14</v>
      </c>
      <c r="H14695" t="s">
        <v>124</v>
      </c>
      <c r="I14695" t="s">
        <v>15</v>
      </c>
      <c r="J14695" s="10">
        <v>1.989231422</v>
      </c>
    </row>
    <row r="14696" spans="1:10" x14ac:dyDescent="0.35">
      <c r="A14696" t="s">
        <v>62</v>
      </c>
      <c r="B14696" t="s">
        <v>89</v>
      </c>
      <c r="C14696" t="s">
        <v>117</v>
      </c>
      <c r="D14696" t="s">
        <v>118</v>
      </c>
      <c r="E14696">
        <v>2020</v>
      </c>
      <c r="F14696">
        <v>2020</v>
      </c>
      <c r="G14696" t="s">
        <v>125</v>
      </c>
      <c r="H14696" t="s">
        <v>119</v>
      </c>
      <c r="I14696" t="s">
        <v>15</v>
      </c>
      <c r="J14696" s="10">
        <v>19.06370656</v>
      </c>
    </row>
    <row r="14697" spans="1:10" x14ac:dyDescent="0.35">
      <c r="A14697" t="s">
        <v>62</v>
      </c>
      <c r="B14697" t="s">
        <v>89</v>
      </c>
      <c r="C14697" t="s">
        <v>117</v>
      </c>
      <c r="D14697" t="s">
        <v>118</v>
      </c>
      <c r="E14697">
        <v>2020</v>
      </c>
      <c r="F14697">
        <v>2020</v>
      </c>
      <c r="G14697" t="s">
        <v>125</v>
      </c>
      <c r="H14697" t="s">
        <v>120</v>
      </c>
      <c r="I14697" t="s">
        <v>15</v>
      </c>
      <c r="J14697" s="10">
        <v>10.04397254</v>
      </c>
    </row>
    <row r="14698" spans="1:10" x14ac:dyDescent="0.35">
      <c r="A14698" t="s">
        <v>62</v>
      </c>
      <c r="B14698" t="s">
        <v>89</v>
      </c>
      <c r="C14698" t="s">
        <v>117</v>
      </c>
      <c r="D14698" t="s">
        <v>118</v>
      </c>
      <c r="E14698">
        <v>2020</v>
      </c>
      <c r="F14698">
        <v>2020</v>
      </c>
      <c r="G14698" t="s">
        <v>125</v>
      </c>
      <c r="H14698" t="s">
        <v>121</v>
      </c>
      <c r="I14698" t="s">
        <v>15</v>
      </c>
      <c r="J14698" s="10">
        <v>32.547726300000001</v>
      </c>
    </row>
    <row r="14699" spans="1:10" x14ac:dyDescent="0.35">
      <c r="A14699" t="s">
        <v>62</v>
      </c>
      <c r="B14699" t="s">
        <v>89</v>
      </c>
      <c r="C14699" t="s">
        <v>117</v>
      </c>
      <c r="D14699" t="s">
        <v>118</v>
      </c>
      <c r="E14699">
        <v>2020</v>
      </c>
      <c r="F14699">
        <v>2020</v>
      </c>
      <c r="G14699" t="s">
        <v>125</v>
      </c>
      <c r="H14699" t="s">
        <v>122</v>
      </c>
      <c r="I14699" t="s">
        <v>15</v>
      </c>
      <c r="J14699" s="10">
        <v>20.97812098</v>
      </c>
    </row>
    <row r="14700" spans="1:10" x14ac:dyDescent="0.35">
      <c r="A14700" t="s">
        <v>62</v>
      </c>
      <c r="B14700" t="s">
        <v>89</v>
      </c>
      <c r="C14700" t="s">
        <v>117</v>
      </c>
      <c r="D14700" t="s">
        <v>118</v>
      </c>
      <c r="E14700">
        <v>2020</v>
      </c>
      <c r="F14700">
        <v>2020</v>
      </c>
      <c r="G14700" t="s">
        <v>125</v>
      </c>
      <c r="H14700" t="s">
        <v>123</v>
      </c>
      <c r="I14700" t="s">
        <v>15</v>
      </c>
      <c r="J14700" s="10">
        <v>15.972222220000001</v>
      </c>
    </row>
    <row r="14701" spans="1:10" x14ac:dyDescent="0.35">
      <c r="A14701" t="s">
        <v>62</v>
      </c>
      <c r="B14701" t="s">
        <v>89</v>
      </c>
      <c r="C14701" t="s">
        <v>117</v>
      </c>
      <c r="D14701" t="s">
        <v>118</v>
      </c>
      <c r="E14701">
        <v>2020</v>
      </c>
      <c r="F14701">
        <v>2020</v>
      </c>
      <c r="G14701" t="s">
        <v>125</v>
      </c>
      <c r="H14701" t="s">
        <v>124</v>
      </c>
      <c r="I14701" t="s">
        <v>15</v>
      </c>
      <c r="J14701" s="10">
        <v>1.3942513940000001</v>
      </c>
    </row>
    <row r="14702" spans="1:10" x14ac:dyDescent="0.35">
      <c r="A14702" t="s">
        <v>62</v>
      </c>
      <c r="B14702" t="s">
        <v>89</v>
      </c>
      <c r="C14702" t="s">
        <v>117</v>
      </c>
      <c r="D14702" t="s">
        <v>118</v>
      </c>
      <c r="E14702">
        <v>2020</v>
      </c>
      <c r="F14702">
        <v>2020</v>
      </c>
      <c r="G14702" t="s">
        <v>126</v>
      </c>
      <c r="H14702" t="s">
        <v>119</v>
      </c>
      <c r="I14702" t="s">
        <v>15</v>
      </c>
      <c r="J14702" s="10">
        <v>16.936060999999999</v>
      </c>
    </row>
    <row r="14703" spans="1:10" x14ac:dyDescent="0.35">
      <c r="A14703" t="s">
        <v>62</v>
      </c>
      <c r="B14703" t="s">
        <v>89</v>
      </c>
      <c r="C14703" t="s">
        <v>117</v>
      </c>
      <c r="D14703" t="s">
        <v>118</v>
      </c>
      <c r="E14703">
        <v>2020</v>
      </c>
      <c r="F14703">
        <v>2020</v>
      </c>
      <c r="G14703" t="s">
        <v>126</v>
      </c>
      <c r="H14703" t="s">
        <v>120</v>
      </c>
      <c r="I14703" t="s">
        <v>15</v>
      </c>
      <c r="J14703" s="10">
        <v>8.5926510870000001</v>
      </c>
    </row>
    <row r="14704" spans="1:10" x14ac:dyDescent="0.35">
      <c r="A14704" t="s">
        <v>62</v>
      </c>
      <c r="B14704" t="s">
        <v>89</v>
      </c>
      <c r="C14704" t="s">
        <v>117</v>
      </c>
      <c r="D14704" t="s">
        <v>118</v>
      </c>
      <c r="E14704">
        <v>2020</v>
      </c>
      <c r="F14704">
        <v>2020</v>
      </c>
      <c r="G14704" t="s">
        <v>126</v>
      </c>
      <c r="H14704" t="s">
        <v>121</v>
      </c>
      <c r="I14704" t="s">
        <v>15</v>
      </c>
      <c r="J14704" s="10">
        <v>32.803593020000001</v>
      </c>
    </row>
    <row r="14705" spans="1:10" x14ac:dyDescent="0.35">
      <c r="A14705" t="s">
        <v>62</v>
      </c>
      <c r="B14705" t="s">
        <v>89</v>
      </c>
      <c r="C14705" t="s">
        <v>117</v>
      </c>
      <c r="D14705" t="s">
        <v>118</v>
      </c>
      <c r="E14705">
        <v>2020</v>
      </c>
      <c r="F14705">
        <v>2020</v>
      </c>
      <c r="G14705" t="s">
        <v>126</v>
      </c>
      <c r="H14705" t="s">
        <v>122</v>
      </c>
      <c r="I14705" t="s">
        <v>15</v>
      </c>
      <c r="J14705" s="10">
        <v>21.666707800000001</v>
      </c>
    </row>
    <row r="14706" spans="1:10" x14ac:dyDescent="0.35">
      <c r="A14706" t="s">
        <v>62</v>
      </c>
      <c r="B14706" t="s">
        <v>89</v>
      </c>
      <c r="C14706" t="s">
        <v>117</v>
      </c>
      <c r="D14706" t="s">
        <v>118</v>
      </c>
      <c r="E14706">
        <v>2020</v>
      </c>
      <c r="F14706">
        <v>2020</v>
      </c>
      <c r="G14706" t="s">
        <v>126</v>
      </c>
      <c r="H14706" t="s">
        <v>123</v>
      </c>
      <c r="I14706" t="s">
        <v>15</v>
      </c>
      <c r="J14706" s="10">
        <v>17.464156160000002</v>
      </c>
    </row>
    <row r="14707" spans="1:10" x14ac:dyDescent="0.35">
      <c r="A14707" t="s">
        <v>62</v>
      </c>
      <c r="B14707" t="s">
        <v>89</v>
      </c>
      <c r="C14707" t="s">
        <v>117</v>
      </c>
      <c r="D14707" t="s">
        <v>118</v>
      </c>
      <c r="E14707">
        <v>2020</v>
      </c>
      <c r="F14707">
        <v>2020</v>
      </c>
      <c r="G14707" t="s">
        <v>126</v>
      </c>
      <c r="H14707" t="s">
        <v>124</v>
      </c>
      <c r="I14707" t="s">
        <v>15</v>
      </c>
      <c r="J14707" s="10">
        <v>2.5368309359999999</v>
      </c>
    </row>
    <row r="14708" spans="1:10" x14ac:dyDescent="0.35">
      <c r="A14708" t="s">
        <v>62</v>
      </c>
      <c r="B14708" t="s">
        <v>89</v>
      </c>
      <c r="C14708" t="s">
        <v>117</v>
      </c>
      <c r="D14708" t="s">
        <v>118</v>
      </c>
      <c r="E14708">
        <v>2019</v>
      </c>
      <c r="F14708">
        <v>2019</v>
      </c>
      <c r="G14708" t="s">
        <v>14</v>
      </c>
      <c r="H14708" t="s">
        <v>119</v>
      </c>
      <c r="I14708" t="s">
        <v>15</v>
      </c>
      <c r="J14708" s="10">
        <v>17.95784604</v>
      </c>
    </row>
    <row r="14709" spans="1:10" x14ac:dyDescent="0.35">
      <c r="A14709" t="s">
        <v>62</v>
      </c>
      <c r="B14709" t="s">
        <v>89</v>
      </c>
      <c r="C14709" t="s">
        <v>117</v>
      </c>
      <c r="D14709" t="s">
        <v>118</v>
      </c>
      <c r="E14709">
        <v>2019</v>
      </c>
      <c r="F14709">
        <v>2019</v>
      </c>
      <c r="G14709" t="s">
        <v>14</v>
      </c>
      <c r="H14709" t="s">
        <v>120</v>
      </c>
      <c r="I14709" t="s">
        <v>15</v>
      </c>
      <c r="J14709" s="10">
        <v>9.3496979820000004</v>
      </c>
    </row>
    <row r="14710" spans="1:10" x14ac:dyDescent="0.35">
      <c r="A14710" t="s">
        <v>62</v>
      </c>
      <c r="B14710" t="s">
        <v>89</v>
      </c>
      <c r="C14710" t="s">
        <v>117</v>
      </c>
      <c r="D14710" t="s">
        <v>118</v>
      </c>
      <c r="E14710">
        <v>2019</v>
      </c>
      <c r="F14710">
        <v>2019</v>
      </c>
      <c r="G14710" t="s">
        <v>14</v>
      </c>
      <c r="H14710" t="s">
        <v>121</v>
      </c>
      <c r="I14710" t="s">
        <v>15</v>
      </c>
      <c r="J14710" s="10">
        <v>32.923788719999997</v>
      </c>
    </row>
    <row r="14711" spans="1:10" x14ac:dyDescent="0.35">
      <c r="A14711" t="s">
        <v>62</v>
      </c>
      <c r="B14711" t="s">
        <v>89</v>
      </c>
      <c r="C14711" t="s">
        <v>117</v>
      </c>
      <c r="D14711" t="s">
        <v>118</v>
      </c>
      <c r="E14711">
        <v>2019</v>
      </c>
      <c r="F14711">
        <v>2019</v>
      </c>
      <c r="G14711" t="s">
        <v>14</v>
      </c>
      <c r="H14711" t="s">
        <v>122</v>
      </c>
      <c r="I14711" t="s">
        <v>15</v>
      </c>
      <c r="J14711" s="10">
        <v>21.265904129999999</v>
      </c>
    </row>
    <row r="14712" spans="1:10" x14ac:dyDescent="0.35">
      <c r="A14712" t="s">
        <v>62</v>
      </c>
      <c r="B14712" t="s">
        <v>89</v>
      </c>
      <c r="C14712" t="s">
        <v>117</v>
      </c>
      <c r="D14712" t="s">
        <v>118</v>
      </c>
      <c r="E14712">
        <v>2019</v>
      </c>
      <c r="F14712">
        <v>2019</v>
      </c>
      <c r="G14712" t="s">
        <v>14</v>
      </c>
      <c r="H14712" t="s">
        <v>123</v>
      </c>
      <c r="I14712" t="s">
        <v>15</v>
      </c>
      <c r="J14712" s="10">
        <v>16.492738719999998</v>
      </c>
    </row>
    <row r="14713" spans="1:10" x14ac:dyDescent="0.35">
      <c r="A14713" t="s">
        <v>62</v>
      </c>
      <c r="B14713" t="s">
        <v>89</v>
      </c>
      <c r="C14713" t="s">
        <v>117</v>
      </c>
      <c r="D14713" t="s">
        <v>118</v>
      </c>
      <c r="E14713">
        <v>2019</v>
      </c>
      <c r="F14713">
        <v>2019</v>
      </c>
      <c r="G14713" t="s">
        <v>14</v>
      </c>
      <c r="H14713" t="s">
        <v>124</v>
      </c>
      <c r="I14713" t="s">
        <v>15</v>
      </c>
      <c r="J14713" s="10">
        <v>2.010024418</v>
      </c>
    </row>
    <row r="14714" spans="1:10" x14ac:dyDescent="0.35">
      <c r="A14714" t="s">
        <v>62</v>
      </c>
      <c r="B14714" t="s">
        <v>89</v>
      </c>
      <c r="C14714" t="s">
        <v>117</v>
      </c>
      <c r="D14714" t="s">
        <v>118</v>
      </c>
      <c r="E14714">
        <v>2019</v>
      </c>
      <c r="F14714">
        <v>2019</v>
      </c>
      <c r="G14714" t="s">
        <v>125</v>
      </c>
      <c r="H14714" t="s">
        <v>119</v>
      </c>
      <c r="I14714" t="s">
        <v>15</v>
      </c>
      <c r="J14714" s="10">
        <v>19.097110319999999</v>
      </c>
    </row>
    <row r="14715" spans="1:10" x14ac:dyDescent="0.35">
      <c r="A14715" t="s">
        <v>62</v>
      </c>
      <c r="B14715" t="s">
        <v>89</v>
      </c>
      <c r="C14715" t="s">
        <v>117</v>
      </c>
      <c r="D14715" t="s">
        <v>118</v>
      </c>
      <c r="E14715">
        <v>2019</v>
      </c>
      <c r="F14715">
        <v>2019</v>
      </c>
      <c r="G14715" t="s">
        <v>125</v>
      </c>
      <c r="H14715" t="s">
        <v>120</v>
      </c>
      <c r="I14715" t="s">
        <v>15</v>
      </c>
      <c r="J14715" s="10">
        <v>10.07895585</v>
      </c>
    </row>
    <row r="14716" spans="1:10" x14ac:dyDescent="0.35">
      <c r="A14716" t="s">
        <v>62</v>
      </c>
      <c r="B14716" t="s">
        <v>89</v>
      </c>
      <c r="C14716" t="s">
        <v>117</v>
      </c>
      <c r="D14716" t="s">
        <v>118</v>
      </c>
      <c r="E14716">
        <v>2019</v>
      </c>
      <c r="F14716">
        <v>2019</v>
      </c>
      <c r="G14716" t="s">
        <v>125</v>
      </c>
      <c r="H14716" t="s">
        <v>121</v>
      </c>
      <c r="I14716" t="s">
        <v>15</v>
      </c>
      <c r="J14716" s="10">
        <v>32.78010527</v>
      </c>
    </row>
    <row r="14717" spans="1:10" x14ac:dyDescent="0.35">
      <c r="A14717" t="s">
        <v>62</v>
      </c>
      <c r="B14717" t="s">
        <v>89</v>
      </c>
      <c r="C14717" t="s">
        <v>117</v>
      </c>
      <c r="D14717" t="s">
        <v>118</v>
      </c>
      <c r="E14717">
        <v>2019</v>
      </c>
      <c r="F14717">
        <v>2019</v>
      </c>
      <c r="G14717" t="s">
        <v>125</v>
      </c>
      <c r="H14717" t="s">
        <v>122</v>
      </c>
      <c r="I14717" t="s">
        <v>15</v>
      </c>
      <c r="J14717" s="10">
        <v>20.87495972</v>
      </c>
    </row>
    <row r="14718" spans="1:10" x14ac:dyDescent="0.35">
      <c r="A14718" t="s">
        <v>62</v>
      </c>
      <c r="B14718" t="s">
        <v>89</v>
      </c>
      <c r="C14718" t="s">
        <v>117</v>
      </c>
      <c r="D14718" t="s">
        <v>118</v>
      </c>
      <c r="E14718">
        <v>2019</v>
      </c>
      <c r="F14718">
        <v>2019</v>
      </c>
      <c r="G14718" t="s">
        <v>125</v>
      </c>
      <c r="H14718" t="s">
        <v>123</v>
      </c>
      <c r="I14718" t="s">
        <v>15</v>
      </c>
      <c r="J14718" s="10">
        <v>15.772370820000001</v>
      </c>
    </row>
    <row r="14719" spans="1:10" x14ac:dyDescent="0.35">
      <c r="A14719" t="s">
        <v>62</v>
      </c>
      <c r="B14719" t="s">
        <v>89</v>
      </c>
      <c r="C14719" t="s">
        <v>117</v>
      </c>
      <c r="D14719" t="s">
        <v>118</v>
      </c>
      <c r="E14719">
        <v>2019</v>
      </c>
      <c r="F14719">
        <v>2019</v>
      </c>
      <c r="G14719" t="s">
        <v>125</v>
      </c>
      <c r="H14719" t="s">
        <v>124</v>
      </c>
      <c r="I14719" t="s">
        <v>15</v>
      </c>
      <c r="J14719" s="10">
        <v>1.396498013</v>
      </c>
    </row>
    <row r="14720" spans="1:10" x14ac:dyDescent="0.35">
      <c r="A14720" t="s">
        <v>62</v>
      </c>
      <c r="B14720" t="s">
        <v>89</v>
      </c>
      <c r="C14720" t="s">
        <v>117</v>
      </c>
      <c r="D14720" t="s">
        <v>118</v>
      </c>
      <c r="E14720">
        <v>2019</v>
      </c>
      <c r="F14720">
        <v>2019</v>
      </c>
      <c r="G14720" t="s">
        <v>126</v>
      </c>
      <c r="H14720" t="s">
        <v>119</v>
      </c>
      <c r="I14720" t="s">
        <v>15</v>
      </c>
      <c r="J14720" s="10">
        <v>16.912308370000002</v>
      </c>
    </row>
    <row r="14721" spans="1:10" x14ac:dyDescent="0.35">
      <c r="A14721" t="s">
        <v>62</v>
      </c>
      <c r="B14721" t="s">
        <v>89</v>
      </c>
      <c r="C14721" t="s">
        <v>117</v>
      </c>
      <c r="D14721" t="s">
        <v>118</v>
      </c>
      <c r="E14721">
        <v>2019</v>
      </c>
      <c r="F14721">
        <v>2019</v>
      </c>
      <c r="G14721" t="s">
        <v>126</v>
      </c>
      <c r="H14721" t="s">
        <v>120</v>
      </c>
      <c r="I14721" t="s">
        <v>15</v>
      </c>
      <c r="J14721" s="10">
        <v>8.6804357470000006</v>
      </c>
    </row>
    <row r="14722" spans="1:10" x14ac:dyDescent="0.35">
      <c r="A14722" t="s">
        <v>62</v>
      </c>
      <c r="B14722" t="s">
        <v>89</v>
      </c>
      <c r="C14722" t="s">
        <v>117</v>
      </c>
      <c r="D14722" t="s">
        <v>118</v>
      </c>
      <c r="E14722">
        <v>2019</v>
      </c>
      <c r="F14722">
        <v>2019</v>
      </c>
      <c r="G14722" t="s">
        <v>126</v>
      </c>
      <c r="H14722" t="s">
        <v>121</v>
      </c>
      <c r="I14722" t="s">
        <v>15</v>
      </c>
      <c r="J14722" s="10">
        <v>33.055651400000002</v>
      </c>
    </row>
    <row r="14723" spans="1:10" x14ac:dyDescent="0.35">
      <c r="A14723" t="s">
        <v>62</v>
      </c>
      <c r="B14723" t="s">
        <v>89</v>
      </c>
      <c r="C14723" t="s">
        <v>117</v>
      </c>
      <c r="D14723" t="s">
        <v>118</v>
      </c>
      <c r="E14723">
        <v>2019</v>
      </c>
      <c r="F14723">
        <v>2019</v>
      </c>
      <c r="G14723" t="s">
        <v>126</v>
      </c>
      <c r="H14723" t="s">
        <v>122</v>
      </c>
      <c r="I14723" t="s">
        <v>15</v>
      </c>
      <c r="J14723" s="10">
        <v>21.624685759999998</v>
      </c>
    </row>
    <row r="14724" spans="1:10" x14ac:dyDescent="0.35">
      <c r="A14724" t="s">
        <v>62</v>
      </c>
      <c r="B14724" t="s">
        <v>89</v>
      </c>
      <c r="C14724" t="s">
        <v>117</v>
      </c>
      <c r="D14724" t="s">
        <v>118</v>
      </c>
      <c r="E14724">
        <v>2019</v>
      </c>
      <c r="F14724">
        <v>2019</v>
      </c>
      <c r="G14724" t="s">
        <v>126</v>
      </c>
      <c r="H14724" t="s">
        <v>123</v>
      </c>
      <c r="I14724" t="s">
        <v>15</v>
      </c>
      <c r="J14724" s="10">
        <v>17.153842359999999</v>
      </c>
    </row>
    <row r="14725" spans="1:10" x14ac:dyDescent="0.35">
      <c r="A14725" t="s">
        <v>62</v>
      </c>
      <c r="B14725" t="s">
        <v>89</v>
      </c>
      <c r="C14725" t="s">
        <v>117</v>
      </c>
      <c r="D14725" t="s">
        <v>118</v>
      </c>
      <c r="E14725">
        <v>2019</v>
      </c>
      <c r="F14725">
        <v>2019</v>
      </c>
      <c r="G14725" t="s">
        <v>126</v>
      </c>
      <c r="H14725" t="s">
        <v>124</v>
      </c>
      <c r="I14725" t="s">
        <v>15</v>
      </c>
      <c r="J14725" s="10">
        <v>2.5730763539999999</v>
      </c>
    </row>
    <row r="14726" spans="1:10" x14ac:dyDescent="0.35">
      <c r="A14726" t="s">
        <v>62</v>
      </c>
      <c r="B14726" t="s">
        <v>89</v>
      </c>
      <c r="C14726" t="s">
        <v>117</v>
      </c>
      <c r="D14726" t="s">
        <v>118</v>
      </c>
      <c r="E14726">
        <v>2018</v>
      </c>
      <c r="F14726">
        <v>2018</v>
      </c>
      <c r="G14726" t="s">
        <v>14</v>
      </c>
      <c r="H14726" t="s">
        <v>119</v>
      </c>
      <c r="I14726" t="s">
        <v>15</v>
      </c>
      <c r="J14726" s="10">
        <v>17.961014850000002</v>
      </c>
    </row>
    <row r="14727" spans="1:10" x14ac:dyDescent="0.35">
      <c r="A14727" t="s">
        <v>62</v>
      </c>
      <c r="B14727" t="s">
        <v>89</v>
      </c>
      <c r="C14727" t="s">
        <v>117</v>
      </c>
      <c r="D14727" t="s">
        <v>118</v>
      </c>
      <c r="E14727">
        <v>2018</v>
      </c>
      <c r="F14727">
        <v>2018</v>
      </c>
      <c r="G14727" t="s">
        <v>14</v>
      </c>
      <c r="H14727" t="s">
        <v>120</v>
      </c>
      <c r="I14727" t="s">
        <v>15</v>
      </c>
      <c r="J14727" s="10">
        <v>9.5786922440000009</v>
      </c>
    </row>
    <row r="14728" spans="1:10" x14ac:dyDescent="0.35">
      <c r="A14728" t="s">
        <v>62</v>
      </c>
      <c r="B14728" t="s">
        <v>89</v>
      </c>
      <c r="C14728" t="s">
        <v>117</v>
      </c>
      <c r="D14728" t="s">
        <v>118</v>
      </c>
      <c r="E14728">
        <v>2018</v>
      </c>
      <c r="F14728">
        <v>2018</v>
      </c>
      <c r="G14728" t="s">
        <v>14</v>
      </c>
      <c r="H14728" t="s">
        <v>121</v>
      </c>
      <c r="I14728" t="s">
        <v>15</v>
      </c>
      <c r="J14728" s="10">
        <v>32.951732669999998</v>
      </c>
    </row>
    <row r="14729" spans="1:10" x14ac:dyDescent="0.35">
      <c r="A14729" t="s">
        <v>62</v>
      </c>
      <c r="B14729" t="s">
        <v>89</v>
      </c>
      <c r="C14729" t="s">
        <v>117</v>
      </c>
      <c r="D14729" t="s">
        <v>118</v>
      </c>
      <c r="E14729">
        <v>2018</v>
      </c>
      <c r="F14729">
        <v>2018</v>
      </c>
      <c r="G14729" t="s">
        <v>14</v>
      </c>
      <c r="H14729" t="s">
        <v>122</v>
      </c>
      <c r="I14729" t="s">
        <v>15</v>
      </c>
      <c r="J14729" s="10">
        <v>21.418626239999998</v>
      </c>
    </row>
    <row r="14730" spans="1:10" x14ac:dyDescent="0.35">
      <c r="A14730" t="s">
        <v>62</v>
      </c>
      <c r="B14730" t="s">
        <v>89</v>
      </c>
      <c r="C14730" t="s">
        <v>117</v>
      </c>
      <c r="D14730" t="s">
        <v>118</v>
      </c>
      <c r="E14730">
        <v>2018</v>
      </c>
      <c r="F14730">
        <v>2018</v>
      </c>
      <c r="G14730" t="s">
        <v>14</v>
      </c>
      <c r="H14730" t="s">
        <v>123</v>
      </c>
      <c r="I14730" t="s">
        <v>15</v>
      </c>
      <c r="J14730" s="10">
        <v>16.109735969999999</v>
      </c>
    </row>
    <row r="14731" spans="1:10" x14ac:dyDescent="0.35">
      <c r="A14731" t="s">
        <v>62</v>
      </c>
      <c r="B14731" t="s">
        <v>89</v>
      </c>
      <c r="C14731" t="s">
        <v>117</v>
      </c>
      <c r="D14731" t="s">
        <v>118</v>
      </c>
      <c r="E14731">
        <v>2018</v>
      </c>
      <c r="F14731">
        <v>2018</v>
      </c>
      <c r="G14731" t="s">
        <v>14</v>
      </c>
      <c r="H14731" t="s">
        <v>124</v>
      </c>
      <c r="I14731" t="s">
        <v>15</v>
      </c>
      <c r="J14731" s="10">
        <v>1.98019802</v>
      </c>
    </row>
    <row r="14732" spans="1:10" x14ac:dyDescent="0.35">
      <c r="A14732" t="s">
        <v>62</v>
      </c>
      <c r="B14732" t="s">
        <v>89</v>
      </c>
      <c r="C14732" t="s">
        <v>117</v>
      </c>
      <c r="D14732" t="s">
        <v>118</v>
      </c>
      <c r="E14732">
        <v>2018</v>
      </c>
      <c r="F14732">
        <v>2018</v>
      </c>
      <c r="G14732" t="s">
        <v>125</v>
      </c>
      <c r="H14732" t="s">
        <v>119</v>
      </c>
      <c r="I14732" t="s">
        <v>15</v>
      </c>
      <c r="J14732" s="10">
        <v>19.17361167</v>
      </c>
    </row>
    <row r="14733" spans="1:10" x14ac:dyDescent="0.35">
      <c r="A14733" t="s">
        <v>62</v>
      </c>
      <c r="B14733" t="s">
        <v>89</v>
      </c>
      <c r="C14733" t="s">
        <v>117</v>
      </c>
      <c r="D14733" t="s">
        <v>118</v>
      </c>
      <c r="E14733">
        <v>2018</v>
      </c>
      <c r="F14733">
        <v>2018</v>
      </c>
      <c r="G14733" t="s">
        <v>125</v>
      </c>
      <c r="H14733" t="s">
        <v>120</v>
      </c>
      <c r="I14733" t="s">
        <v>15</v>
      </c>
      <c r="J14733" s="10">
        <v>10.275912290000001</v>
      </c>
    </row>
    <row r="14734" spans="1:10" x14ac:dyDescent="0.35">
      <c r="A14734" t="s">
        <v>62</v>
      </c>
      <c r="B14734" t="s">
        <v>89</v>
      </c>
      <c r="C14734" t="s">
        <v>117</v>
      </c>
      <c r="D14734" t="s">
        <v>118</v>
      </c>
      <c r="E14734">
        <v>2018</v>
      </c>
      <c r="F14734">
        <v>2018</v>
      </c>
      <c r="G14734" t="s">
        <v>125</v>
      </c>
      <c r="H14734" t="s">
        <v>121</v>
      </c>
      <c r="I14734" t="s">
        <v>15</v>
      </c>
      <c r="J14734" s="10">
        <v>32.799309549999997</v>
      </c>
    </row>
    <row r="14735" spans="1:10" x14ac:dyDescent="0.35">
      <c r="A14735" t="s">
        <v>62</v>
      </c>
      <c r="B14735" t="s">
        <v>89</v>
      </c>
      <c r="C14735" t="s">
        <v>117</v>
      </c>
      <c r="D14735" t="s">
        <v>118</v>
      </c>
      <c r="E14735">
        <v>2018</v>
      </c>
      <c r="F14735">
        <v>2018</v>
      </c>
      <c r="G14735" t="s">
        <v>125</v>
      </c>
      <c r="H14735" t="s">
        <v>122</v>
      </c>
      <c r="I14735" t="s">
        <v>15</v>
      </c>
      <c r="J14735" s="10">
        <v>21.088545459999999</v>
      </c>
    </row>
    <row r="14736" spans="1:10" x14ac:dyDescent="0.35">
      <c r="A14736" t="s">
        <v>62</v>
      </c>
      <c r="B14736" t="s">
        <v>89</v>
      </c>
      <c r="C14736" t="s">
        <v>117</v>
      </c>
      <c r="D14736" t="s">
        <v>118</v>
      </c>
      <c r="E14736">
        <v>2018</v>
      </c>
      <c r="F14736">
        <v>2018</v>
      </c>
      <c r="G14736" t="s">
        <v>125</v>
      </c>
      <c r="H14736" t="s">
        <v>123</v>
      </c>
      <c r="I14736" t="s">
        <v>15</v>
      </c>
      <c r="J14736" s="10">
        <v>15.34104701</v>
      </c>
    </row>
    <row r="14737" spans="1:10" x14ac:dyDescent="0.35">
      <c r="A14737" t="s">
        <v>62</v>
      </c>
      <c r="B14737" t="s">
        <v>89</v>
      </c>
      <c r="C14737" t="s">
        <v>117</v>
      </c>
      <c r="D14737" t="s">
        <v>118</v>
      </c>
      <c r="E14737">
        <v>2018</v>
      </c>
      <c r="F14737">
        <v>2018</v>
      </c>
      <c r="G14737" t="s">
        <v>125</v>
      </c>
      <c r="H14737" t="s">
        <v>124</v>
      </c>
      <c r="I14737" t="s">
        <v>15</v>
      </c>
      <c r="J14737" s="10">
        <v>1.3215740220000001</v>
      </c>
    </row>
    <row r="14738" spans="1:10" x14ac:dyDescent="0.35">
      <c r="A14738" t="s">
        <v>62</v>
      </c>
      <c r="B14738" t="s">
        <v>89</v>
      </c>
      <c r="C14738" t="s">
        <v>117</v>
      </c>
      <c r="D14738" t="s">
        <v>118</v>
      </c>
      <c r="E14738">
        <v>2018</v>
      </c>
      <c r="F14738">
        <v>2018</v>
      </c>
      <c r="G14738" t="s">
        <v>126</v>
      </c>
      <c r="H14738" t="s">
        <v>119</v>
      </c>
      <c r="I14738" t="s">
        <v>15</v>
      </c>
      <c r="J14738" s="10">
        <v>16.850658169999999</v>
      </c>
    </row>
    <row r="14739" spans="1:10" x14ac:dyDescent="0.35">
      <c r="A14739" t="s">
        <v>62</v>
      </c>
      <c r="B14739" t="s">
        <v>89</v>
      </c>
      <c r="C14739" t="s">
        <v>117</v>
      </c>
      <c r="D14739" t="s">
        <v>118</v>
      </c>
      <c r="E14739">
        <v>2018</v>
      </c>
      <c r="F14739">
        <v>2018</v>
      </c>
      <c r="G14739" t="s">
        <v>126</v>
      </c>
      <c r="H14739" t="s">
        <v>120</v>
      </c>
      <c r="I14739" t="s">
        <v>15</v>
      </c>
      <c r="J14739" s="10">
        <v>8.9402583290000006</v>
      </c>
    </row>
    <row r="14740" spans="1:10" x14ac:dyDescent="0.35">
      <c r="A14740" t="s">
        <v>62</v>
      </c>
      <c r="B14740" t="s">
        <v>89</v>
      </c>
      <c r="C14740" t="s">
        <v>117</v>
      </c>
      <c r="D14740" t="s">
        <v>118</v>
      </c>
      <c r="E14740">
        <v>2018</v>
      </c>
      <c r="F14740">
        <v>2018</v>
      </c>
      <c r="G14740" t="s">
        <v>126</v>
      </c>
      <c r="H14740" t="s">
        <v>121</v>
      </c>
      <c r="I14740" t="s">
        <v>15</v>
      </c>
      <c r="J14740" s="10">
        <v>33.091304239999999</v>
      </c>
    </row>
    <row r="14741" spans="1:10" x14ac:dyDescent="0.35">
      <c r="A14741" t="s">
        <v>62</v>
      </c>
      <c r="B14741" t="s">
        <v>89</v>
      </c>
      <c r="C14741" t="s">
        <v>117</v>
      </c>
      <c r="D14741" t="s">
        <v>118</v>
      </c>
      <c r="E14741">
        <v>2018</v>
      </c>
      <c r="F14741">
        <v>2018</v>
      </c>
      <c r="G14741" t="s">
        <v>126</v>
      </c>
      <c r="H14741" t="s">
        <v>122</v>
      </c>
      <c r="I14741" t="s">
        <v>15</v>
      </c>
      <c r="J14741" s="10">
        <v>21.720876239999999</v>
      </c>
    </row>
    <row r="14742" spans="1:10" x14ac:dyDescent="0.35">
      <c r="A14742" t="s">
        <v>62</v>
      </c>
      <c r="B14742" t="s">
        <v>89</v>
      </c>
      <c r="C14742" t="s">
        <v>117</v>
      </c>
      <c r="D14742" t="s">
        <v>118</v>
      </c>
      <c r="E14742">
        <v>2018</v>
      </c>
      <c r="F14742">
        <v>2018</v>
      </c>
      <c r="G14742" t="s">
        <v>126</v>
      </c>
      <c r="H14742" t="s">
        <v>123</v>
      </c>
      <c r="I14742" t="s">
        <v>15</v>
      </c>
      <c r="J14742" s="10">
        <v>16.813612899999999</v>
      </c>
    </row>
    <row r="14743" spans="1:10" x14ac:dyDescent="0.35">
      <c r="A14743" t="s">
        <v>62</v>
      </c>
      <c r="B14743" t="s">
        <v>89</v>
      </c>
      <c r="C14743" t="s">
        <v>117</v>
      </c>
      <c r="D14743" t="s">
        <v>118</v>
      </c>
      <c r="E14743">
        <v>2018</v>
      </c>
      <c r="F14743">
        <v>2018</v>
      </c>
      <c r="G14743" t="s">
        <v>126</v>
      </c>
      <c r="H14743" t="s">
        <v>124</v>
      </c>
      <c r="I14743" t="s">
        <v>15</v>
      </c>
      <c r="J14743" s="10">
        <v>2.583290114</v>
      </c>
    </row>
    <row r="14744" spans="1:10" x14ac:dyDescent="0.35">
      <c r="A14744" t="s">
        <v>62</v>
      </c>
      <c r="B14744" t="s">
        <v>89</v>
      </c>
      <c r="C14744" t="s">
        <v>117</v>
      </c>
      <c r="D14744" t="s">
        <v>118</v>
      </c>
      <c r="E14744">
        <v>2017</v>
      </c>
      <c r="F14744">
        <v>2017</v>
      </c>
      <c r="G14744" t="s">
        <v>14</v>
      </c>
      <c r="H14744" t="s">
        <v>119</v>
      </c>
      <c r="I14744" t="s">
        <v>15</v>
      </c>
      <c r="J14744" s="10">
        <v>17.88161672</v>
      </c>
    </row>
    <row r="14745" spans="1:10" x14ac:dyDescent="0.35">
      <c r="A14745" t="s">
        <v>62</v>
      </c>
      <c r="B14745" t="s">
        <v>89</v>
      </c>
      <c r="C14745" t="s">
        <v>117</v>
      </c>
      <c r="D14745" t="s">
        <v>118</v>
      </c>
      <c r="E14745">
        <v>2017</v>
      </c>
      <c r="F14745">
        <v>2017</v>
      </c>
      <c r="G14745" t="s">
        <v>14</v>
      </c>
      <c r="H14745" t="s">
        <v>120</v>
      </c>
      <c r="I14745" t="s">
        <v>15</v>
      </c>
      <c r="J14745" s="10">
        <v>9.8420004649999999</v>
      </c>
    </row>
    <row r="14746" spans="1:10" x14ac:dyDescent="0.35">
      <c r="A14746" t="s">
        <v>62</v>
      </c>
      <c r="B14746" t="s">
        <v>89</v>
      </c>
      <c r="C14746" t="s">
        <v>117</v>
      </c>
      <c r="D14746" t="s">
        <v>118</v>
      </c>
      <c r="E14746">
        <v>2017</v>
      </c>
      <c r="F14746">
        <v>2017</v>
      </c>
      <c r="G14746" t="s">
        <v>14</v>
      </c>
      <c r="H14746" t="s">
        <v>121</v>
      </c>
      <c r="I14746" t="s">
        <v>15</v>
      </c>
      <c r="J14746" s="10">
        <v>33.112668409999998</v>
      </c>
    </row>
    <row r="14747" spans="1:10" x14ac:dyDescent="0.35">
      <c r="A14747" t="s">
        <v>62</v>
      </c>
      <c r="B14747" t="s">
        <v>89</v>
      </c>
      <c r="C14747" t="s">
        <v>117</v>
      </c>
      <c r="D14747" t="s">
        <v>118</v>
      </c>
      <c r="E14747">
        <v>2017</v>
      </c>
      <c r="F14747">
        <v>2017</v>
      </c>
      <c r="G14747" t="s">
        <v>14</v>
      </c>
      <c r="H14747" t="s">
        <v>122</v>
      </c>
      <c r="I14747" t="s">
        <v>15</v>
      </c>
      <c r="J14747" s="10">
        <v>21.401049879999999</v>
      </c>
    </row>
    <row r="14748" spans="1:10" x14ac:dyDescent="0.35">
      <c r="A14748" t="s">
        <v>62</v>
      </c>
      <c r="B14748" t="s">
        <v>89</v>
      </c>
      <c r="C14748" t="s">
        <v>117</v>
      </c>
      <c r="D14748" t="s">
        <v>118</v>
      </c>
      <c r="E14748">
        <v>2017</v>
      </c>
      <c r="F14748">
        <v>2017</v>
      </c>
      <c r="G14748" t="s">
        <v>14</v>
      </c>
      <c r="H14748" t="s">
        <v>123</v>
      </c>
      <c r="I14748" t="s">
        <v>15</v>
      </c>
      <c r="J14748" s="10">
        <v>15.84003517</v>
      </c>
    </row>
    <row r="14749" spans="1:10" x14ac:dyDescent="0.35">
      <c r="A14749" t="s">
        <v>62</v>
      </c>
      <c r="B14749" t="s">
        <v>89</v>
      </c>
      <c r="C14749" t="s">
        <v>117</v>
      </c>
      <c r="D14749" t="s">
        <v>118</v>
      </c>
      <c r="E14749">
        <v>2017</v>
      </c>
      <c r="F14749">
        <v>2017</v>
      </c>
      <c r="G14749" t="s">
        <v>14</v>
      </c>
      <c r="H14749" t="s">
        <v>124</v>
      </c>
      <c r="I14749" t="s">
        <v>15</v>
      </c>
      <c r="J14749" s="10">
        <v>1.922629361</v>
      </c>
    </row>
    <row r="14750" spans="1:10" x14ac:dyDescent="0.35">
      <c r="A14750" t="s">
        <v>62</v>
      </c>
      <c r="B14750" t="s">
        <v>89</v>
      </c>
      <c r="C14750" t="s">
        <v>117</v>
      </c>
      <c r="D14750" t="s">
        <v>118</v>
      </c>
      <c r="E14750">
        <v>2017</v>
      </c>
      <c r="F14750">
        <v>2017</v>
      </c>
      <c r="G14750" t="s">
        <v>125</v>
      </c>
      <c r="H14750" t="s">
        <v>119</v>
      </c>
      <c r="I14750" t="s">
        <v>15</v>
      </c>
      <c r="J14750" s="10">
        <v>19.146922</v>
      </c>
    </row>
    <row r="14751" spans="1:10" x14ac:dyDescent="0.35">
      <c r="A14751" t="s">
        <v>62</v>
      </c>
      <c r="B14751" t="s">
        <v>89</v>
      </c>
      <c r="C14751" t="s">
        <v>117</v>
      </c>
      <c r="D14751" t="s">
        <v>118</v>
      </c>
      <c r="E14751">
        <v>2017</v>
      </c>
      <c r="F14751">
        <v>2017</v>
      </c>
      <c r="G14751" t="s">
        <v>125</v>
      </c>
      <c r="H14751" t="s">
        <v>120</v>
      </c>
      <c r="I14751" t="s">
        <v>15</v>
      </c>
      <c r="J14751" s="10">
        <v>10.518770959999999</v>
      </c>
    </row>
    <row r="14752" spans="1:10" x14ac:dyDescent="0.35">
      <c r="A14752" t="s">
        <v>62</v>
      </c>
      <c r="B14752" t="s">
        <v>89</v>
      </c>
      <c r="C14752" t="s">
        <v>117</v>
      </c>
      <c r="D14752" t="s">
        <v>118</v>
      </c>
      <c r="E14752">
        <v>2017</v>
      </c>
      <c r="F14752">
        <v>2017</v>
      </c>
      <c r="G14752" t="s">
        <v>125</v>
      </c>
      <c r="H14752" t="s">
        <v>121</v>
      </c>
      <c r="I14752" t="s">
        <v>15</v>
      </c>
      <c r="J14752" s="10">
        <v>33.006058639999999</v>
      </c>
    </row>
    <row r="14753" spans="1:10" x14ac:dyDescent="0.35">
      <c r="A14753" t="s">
        <v>62</v>
      </c>
      <c r="B14753" t="s">
        <v>89</v>
      </c>
      <c r="C14753" t="s">
        <v>117</v>
      </c>
      <c r="D14753" t="s">
        <v>118</v>
      </c>
      <c r="E14753">
        <v>2017</v>
      </c>
      <c r="F14753">
        <v>2017</v>
      </c>
      <c r="G14753" t="s">
        <v>125</v>
      </c>
      <c r="H14753" t="s">
        <v>122</v>
      </c>
      <c r="I14753" t="s">
        <v>15</v>
      </c>
      <c r="J14753" s="10">
        <v>21.115979660000001</v>
      </c>
    </row>
    <row r="14754" spans="1:10" x14ac:dyDescent="0.35">
      <c r="A14754" t="s">
        <v>62</v>
      </c>
      <c r="B14754" t="s">
        <v>89</v>
      </c>
      <c r="C14754" t="s">
        <v>117</v>
      </c>
      <c r="D14754" t="s">
        <v>118</v>
      </c>
      <c r="E14754">
        <v>2017</v>
      </c>
      <c r="F14754">
        <v>2017</v>
      </c>
      <c r="G14754" t="s">
        <v>125</v>
      </c>
      <c r="H14754" t="s">
        <v>123</v>
      </c>
      <c r="I14754" t="s">
        <v>15</v>
      </c>
      <c r="J14754" s="10">
        <v>14.95456021</v>
      </c>
    </row>
    <row r="14755" spans="1:10" x14ac:dyDescent="0.35">
      <c r="A14755" t="s">
        <v>62</v>
      </c>
      <c r="B14755" t="s">
        <v>89</v>
      </c>
      <c r="C14755" t="s">
        <v>117</v>
      </c>
      <c r="D14755" t="s">
        <v>118</v>
      </c>
      <c r="E14755">
        <v>2017</v>
      </c>
      <c r="F14755">
        <v>2017</v>
      </c>
      <c r="G14755" t="s">
        <v>125</v>
      </c>
      <c r="H14755" t="s">
        <v>124</v>
      </c>
      <c r="I14755" t="s">
        <v>15</v>
      </c>
      <c r="J14755" s="10">
        <v>1.257708536</v>
      </c>
    </row>
    <row r="14756" spans="1:10" x14ac:dyDescent="0.35">
      <c r="A14756" t="s">
        <v>62</v>
      </c>
      <c r="B14756" t="s">
        <v>89</v>
      </c>
      <c r="C14756" t="s">
        <v>117</v>
      </c>
      <c r="D14756" t="s">
        <v>118</v>
      </c>
      <c r="E14756">
        <v>2017</v>
      </c>
      <c r="F14756">
        <v>2017</v>
      </c>
      <c r="G14756" t="s">
        <v>126</v>
      </c>
      <c r="H14756" t="s">
        <v>119</v>
      </c>
      <c r="I14756" t="s">
        <v>15</v>
      </c>
      <c r="J14756" s="10">
        <v>16.722813970000001</v>
      </c>
    </row>
    <row r="14757" spans="1:10" x14ac:dyDescent="0.35">
      <c r="A14757" t="s">
        <v>62</v>
      </c>
      <c r="B14757" t="s">
        <v>89</v>
      </c>
      <c r="C14757" t="s">
        <v>117</v>
      </c>
      <c r="D14757" t="s">
        <v>118</v>
      </c>
      <c r="E14757">
        <v>2017</v>
      </c>
      <c r="F14757">
        <v>2017</v>
      </c>
      <c r="G14757" t="s">
        <v>126</v>
      </c>
      <c r="H14757" t="s">
        <v>120</v>
      </c>
      <c r="I14757" t="s">
        <v>15</v>
      </c>
      <c r="J14757" s="10">
        <v>9.2221946989999992</v>
      </c>
    </row>
    <row r="14758" spans="1:10" x14ac:dyDescent="0.35">
      <c r="A14758" t="s">
        <v>62</v>
      </c>
      <c r="B14758" t="s">
        <v>89</v>
      </c>
      <c r="C14758" t="s">
        <v>117</v>
      </c>
      <c r="D14758" t="s">
        <v>118</v>
      </c>
      <c r="E14758">
        <v>2017</v>
      </c>
      <c r="F14758">
        <v>2017</v>
      </c>
      <c r="G14758" t="s">
        <v>126</v>
      </c>
      <c r="H14758" t="s">
        <v>121</v>
      </c>
      <c r="I14758" t="s">
        <v>15</v>
      </c>
      <c r="J14758" s="10">
        <v>33.21030468</v>
      </c>
    </row>
    <row r="14759" spans="1:10" x14ac:dyDescent="0.35">
      <c r="A14759" t="s">
        <v>62</v>
      </c>
      <c r="B14759" t="s">
        <v>89</v>
      </c>
      <c r="C14759" t="s">
        <v>117</v>
      </c>
      <c r="D14759" t="s">
        <v>118</v>
      </c>
      <c r="E14759">
        <v>2017</v>
      </c>
      <c r="F14759">
        <v>2017</v>
      </c>
      <c r="G14759" t="s">
        <v>126</v>
      </c>
      <c r="H14759" t="s">
        <v>122</v>
      </c>
      <c r="I14759" t="s">
        <v>15</v>
      </c>
      <c r="J14759" s="10">
        <v>21.662125339999999</v>
      </c>
    </row>
    <row r="14760" spans="1:10" x14ac:dyDescent="0.35">
      <c r="A14760" t="s">
        <v>62</v>
      </c>
      <c r="B14760" t="s">
        <v>89</v>
      </c>
      <c r="C14760" t="s">
        <v>117</v>
      </c>
      <c r="D14760" t="s">
        <v>118</v>
      </c>
      <c r="E14760">
        <v>2017</v>
      </c>
      <c r="F14760">
        <v>2017</v>
      </c>
      <c r="G14760" t="s">
        <v>126</v>
      </c>
      <c r="H14760" t="s">
        <v>123</v>
      </c>
      <c r="I14760" t="s">
        <v>15</v>
      </c>
      <c r="J14760" s="10">
        <v>16.65097845</v>
      </c>
    </row>
    <row r="14761" spans="1:10" x14ac:dyDescent="0.35">
      <c r="A14761" t="s">
        <v>62</v>
      </c>
      <c r="B14761" t="s">
        <v>89</v>
      </c>
      <c r="C14761" t="s">
        <v>117</v>
      </c>
      <c r="D14761" t="s">
        <v>118</v>
      </c>
      <c r="E14761">
        <v>2017</v>
      </c>
      <c r="F14761">
        <v>2017</v>
      </c>
      <c r="G14761" t="s">
        <v>126</v>
      </c>
      <c r="H14761" t="s">
        <v>124</v>
      </c>
      <c r="I14761" t="s">
        <v>15</v>
      </c>
      <c r="J14761" s="10">
        <v>2.5315828589999998</v>
      </c>
    </row>
    <row r="14762" spans="1:10" x14ac:dyDescent="0.35">
      <c r="A14762" t="s">
        <v>62</v>
      </c>
      <c r="B14762" t="s">
        <v>89</v>
      </c>
      <c r="C14762" t="s">
        <v>117</v>
      </c>
      <c r="D14762" t="s">
        <v>118</v>
      </c>
      <c r="E14762">
        <v>2016</v>
      </c>
      <c r="F14762">
        <v>2016</v>
      </c>
      <c r="G14762" t="s">
        <v>14</v>
      </c>
      <c r="H14762" t="s">
        <v>119</v>
      </c>
      <c r="I14762" t="s">
        <v>15</v>
      </c>
      <c r="J14762" s="10">
        <v>17.84176012</v>
      </c>
    </row>
    <row r="14763" spans="1:10" x14ac:dyDescent="0.35">
      <c r="A14763" t="s">
        <v>62</v>
      </c>
      <c r="B14763" t="s">
        <v>89</v>
      </c>
      <c r="C14763" t="s">
        <v>117</v>
      </c>
      <c r="D14763" t="s">
        <v>118</v>
      </c>
      <c r="E14763">
        <v>2016</v>
      </c>
      <c r="F14763">
        <v>2016</v>
      </c>
      <c r="G14763" t="s">
        <v>14</v>
      </c>
      <c r="H14763" t="s">
        <v>120</v>
      </c>
      <c r="I14763" t="s">
        <v>15</v>
      </c>
      <c r="J14763" s="10">
        <v>10.04617593</v>
      </c>
    </row>
    <row r="14764" spans="1:10" x14ac:dyDescent="0.35">
      <c r="A14764" t="s">
        <v>62</v>
      </c>
      <c r="B14764" t="s">
        <v>89</v>
      </c>
      <c r="C14764" t="s">
        <v>117</v>
      </c>
      <c r="D14764" t="s">
        <v>118</v>
      </c>
      <c r="E14764">
        <v>2016</v>
      </c>
      <c r="F14764">
        <v>2016</v>
      </c>
      <c r="G14764" t="s">
        <v>14</v>
      </c>
      <c r="H14764" t="s">
        <v>121</v>
      </c>
      <c r="I14764" t="s">
        <v>15</v>
      </c>
      <c r="J14764" s="10">
        <v>33.298410359999998</v>
      </c>
    </row>
    <row r="14765" spans="1:10" x14ac:dyDescent="0.35">
      <c r="A14765" t="s">
        <v>62</v>
      </c>
      <c r="B14765" t="s">
        <v>89</v>
      </c>
      <c r="C14765" t="s">
        <v>117</v>
      </c>
      <c r="D14765" t="s">
        <v>118</v>
      </c>
      <c r="E14765">
        <v>2016</v>
      </c>
      <c r="F14765">
        <v>2016</v>
      </c>
      <c r="G14765" t="s">
        <v>14</v>
      </c>
      <c r="H14765" t="s">
        <v>122</v>
      </c>
      <c r="I14765" t="s">
        <v>15</v>
      </c>
      <c r="J14765" s="10">
        <v>21.331470769999999</v>
      </c>
    </row>
    <row r="14766" spans="1:10" x14ac:dyDescent="0.35">
      <c r="A14766" t="s">
        <v>62</v>
      </c>
      <c r="B14766" t="s">
        <v>89</v>
      </c>
      <c r="C14766" t="s">
        <v>117</v>
      </c>
      <c r="D14766" t="s">
        <v>118</v>
      </c>
      <c r="E14766">
        <v>2016</v>
      </c>
      <c r="F14766">
        <v>2016</v>
      </c>
      <c r="G14766" t="s">
        <v>14</v>
      </c>
      <c r="H14766" t="s">
        <v>123</v>
      </c>
      <c r="I14766" t="s">
        <v>15</v>
      </c>
      <c r="J14766" s="10">
        <v>15.582114260000001</v>
      </c>
    </row>
    <row r="14767" spans="1:10" x14ac:dyDescent="0.35">
      <c r="A14767" t="s">
        <v>62</v>
      </c>
      <c r="B14767" t="s">
        <v>89</v>
      </c>
      <c r="C14767" t="s">
        <v>117</v>
      </c>
      <c r="D14767" t="s">
        <v>118</v>
      </c>
      <c r="E14767">
        <v>2016</v>
      </c>
      <c r="F14767">
        <v>2016</v>
      </c>
      <c r="G14767" t="s">
        <v>14</v>
      </c>
      <c r="H14767" t="s">
        <v>124</v>
      </c>
      <c r="I14767" t="s">
        <v>15</v>
      </c>
      <c r="J14767" s="10">
        <v>1.9000685530000001</v>
      </c>
    </row>
    <row r="14768" spans="1:10" x14ac:dyDescent="0.35">
      <c r="A14768" t="s">
        <v>62</v>
      </c>
      <c r="B14768" t="s">
        <v>89</v>
      </c>
      <c r="C14768" t="s">
        <v>117</v>
      </c>
      <c r="D14768" t="s">
        <v>118</v>
      </c>
      <c r="E14768">
        <v>2016</v>
      </c>
      <c r="F14768">
        <v>2016</v>
      </c>
      <c r="G14768" t="s">
        <v>125</v>
      </c>
      <c r="H14768" t="s">
        <v>119</v>
      </c>
      <c r="I14768" t="s">
        <v>15</v>
      </c>
      <c r="J14768" s="10">
        <v>18.992973599999999</v>
      </c>
    </row>
    <row r="14769" spans="1:10" x14ac:dyDescent="0.35">
      <c r="A14769" t="s">
        <v>62</v>
      </c>
      <c r="B14769" t="s">
        <v>89</v>
      </c>
      <c r="C14769" t="s">
        <v>117</v>
      </c>
      <c r="D14769" t="s">
        <v>118</v>
      </c>
      <c r="E14769">
        <v>2016</v>
      </c>
      <c r="F14769">
        <v>2016</v>
      </c>
      <c r="G14769" t="s">
        <v>125</v>
      </c>
      <c r="H14769" t="s">
        <v>120</v>
      </c>
      <c r="I14769" t="s">
        <v>15</v>
      </c>
      <c r="J14769" s="10">
        <v>10.77019072</v>
      </c>
    </row>
    <row r="14770" spans="1:10" x14ac:dyDescent="0.35">
      <c r="A14770" t="s">
        <v>62</v>
      </c>
      <c r="B14770" t="s">
        <v>89</v>
      </c>
      <c r="C14770" t="s">
        <v>117</v>
      </c>
      <c r="D14770" t="s">
        <v>118</v>
      </c>
      <c r="E14770">
        <v>2016</v>
      </c>
      <c r="F14770">
        <v>2016</v>
      </c>
      <c r="G14770" t="s">
        <v>125</v>
      </c>
      <c r="H14770" t="s">
        <v>121</v>
      </c>
      <c r="I14770" t="s">
        <v>15</v>
      </c>
      <c r="J14770" s="10">
        <v>33.246520709999999</v>
      </c>
    </row>
    <row r="14771" spans="1:10" x14ac:dyDescent="0.35">
      <c r="A14771" t="s">
        <v>62</v>
      </c>
      <c r="B14771" t="s">
        <v>89</v>
      </c>
      <c r="C14771" t="s">
        <v>117</v>
      </c>
      <c r="D14771" t="s">
        <v>118</v>
      </c>
      <c r="E14771">
        <v>2016</v>
      </c>
      <c r="F14771">
        <v>2016</v>
      </c>
      <c r="G14771" t="s">
        <v>125</v>
      </c>
      <c r="H14771" t="s">
        <v>122</v>
      </c>
      <c r="I14771" t="s">
        <v>15</v>
      </c>
      <c r="J14771" s="10">
        <v>21.09546675</v>
      </c>
    </row>
    <row r="14772" spans="1:10" x14ac:dyDescent="0.35">
      <c r="A14772" t="s">
        <v>62</v>
      </c>
      <c r="B14772" t="s">
        <v>89</v>
      </c>
      <c r="C14772" t="s">
        <v>117</v>
      </c>
      <c r="D14772" t="s">
        <v>118</v>
      </c>
      <c r="E14772">
        <v>2016</v>
      </c>
      <c r="F14772">
        <v>2016</v>
      </c>
      <c r="G14772" t="s">
        <v>125</v>
      </c>
      <c r="H14772" t="s">
        <v>123</v>
      </c>
      <c r="I14772" t="s">
        <v>15</v>
      </c>
      <c r="J14772" s="10">
        <v>14.736442309999999</v>
      </c>
    </row>
    <row r="14773" spans="1:10" x14ac:dyDescent="0.35">
      <c r="A14773" t="s">
        <v>62</v>
      </c>
      <c r="B14773" t="s">
        <v>89</v>
      </c>
      <c r="C14773" t="s">
        <v>117</v>
      </c>
      <c r="D14773" t="s">
        <v>118</v>
      </c>
      <c r="E14773">
        <v>2016</v>
      </c>
      <c r="F14773">
        <v>2016</v>
      </c>
      <c r="G14773" t="s">
        <v>125</v>
      </c>
      <c r="H14773" t="s">
        <v>124</v>
      </c>
      <c r="I14773" t="s">
        <v>15</v>
      </c>
      <c r="J14773" s="10">
        <v>1.158405903</v>
      </c>
    </row>
    <row r="14774" spans="1:10" x14ac:dyDescent="0.35">
      <c r="A14774" t="s">
        <v>62</v>
      </c>
      <c r="B14774" t="s">
        <v>89</v>
      </c>
      <c r="C14774" t="s">
        <v>117</v>
      </c>
      <c r="D14774" t="s">
        <v>118</v>
      </c>
      <c r="E14774">
        <v>2016</v>
      </c>
      <c r="F14774">
        <v>2016</v>
      </c>
      <c r="G14774" t="s">
        <v>126</v>
      </c>
      <c r="H14774" t="s">
        <v>119</v>
      </c>
      <c r="I14774" t="s">
        <v>15</v>
      </c>
      <c r="J14774" s="10">
        <v>16.792742019999999</v>
      </c>
    </row>
    <row r="14775" spans="1:10" x14ac:dyDescent="0.35">
      <c r="A14775" t="s">
        <v>62</v>
      </c>
      <c r="B14775" t="s">
        <v>89</v>
      </c>
      <c r="C14775" t="s">
        <v>117</v>
      </c>
      <c r="D14775" t="s">
        <v>118</v>
      </c>
      <c r="E14775">
        <v>2016</v>
      </c>
      <c r="F14775">
        <v>2016</v>
      </c>
      <c r="G14775" t="s">
        <v>126</v>
      </c>
      <c r="H14775" t="s">
        <v>120</v>
      </c>
      <c r="I14775" t="s">
        <v>15</v>
      </c>
      <c r="J14775" s="10">
        <v>9.3864333040000005</v>
      </c>
    </row>
    <row r="14776" spans="1:10" x14ac:dyDescent="0.35">
      <c r="A14776" t="s">
        <v>62</v>
      </c>
      <c r="B14776" t="s">
        <v>89</v>
      </c>
      <c r="C14776" t="s">
        <v>117</v>
      </c>
      <c r="D14776" t="s">
        <v>118</v>
      </c>
      <c r="E14776">
        <v>2016</v>
      </c>
      <c r="F14776">
        <v>2016</v>
      </c>
      <c r="G14776" t="s">
        <v>126</v>
      </c>
      <c r="H14776" t="s">
        <v>121</v>
      </c>
      <c r="I14776" t="s">
        <v>15</v>
      </c>
      <c r="J14776" s="10">
        <v>33.345693660000002</v>
      </c>
    </row>
    <row r="14777" spans="1:10" x14ac:dyDescent="0.35">
      <c r="A14777" t="s">
        <v>62</v>
      </c>
      <c r="B14777" t="s">
        <v>89</v>
      </c>
      <c r="C14777" t="s">
        <v>117</v>
      </c>
      <c r="D14777" t="s">
        <v>118</v>
      </c>
      <c r="E14777">
        <v>2016</v>
      </c>
      <c r="F14777">
        <v>2016</v>
      </c>
      <c r="G14777" t="s">
        <v>126</v>
      </c>
      <c r="H14777" t="s">
        <v>122</v>
      </c>
      <c r="I14777" t="s">
        <v>15</v>
      </c>
      <c r="J14777" s="10">
        <v>21.54652428</v>
      </c>
    </row>
    <row r="14778" spans="1:10" x14ac:dyDescent="0.35">
      <c r="A14778" t="s">
        <v>62</v>
      </c>
      <c r="B14778" t="s">
        <v>89</v>
      </c>
      <c r="C14778" t="s">
        <v>117</v>
      </c>
      <c r="D14778" t="s">
        <v>118</v>
      </c>
      <c r="E14778">
        <v>2016</v>
      </c>
      <c r="F14778">
        <v>2016</v>
      </c>
      <c r="G14778" t="s">
        <v>126</v>
      </c>
      <c r="H14778" t="s">
        <v>123</v>
      </c>
      <c r="I14778" t="s">
        <v>15</v>
      </c>
      <c r="J14778" s="10">
        <v>16.352714330000001</v>
      </c>
    </row>
    <row r="14779" spans="1:10" x14ac:dyDescent="0.35">
      <c r="A14779" t="s">
        <v>62</v>
      </c>
      <c r="B14779" t="s">
        <v>89</v>
      </c>
      <c r="C14779" t="s">
        <v>117</v>
      </c>
      <c r="D14779" t="s">
        <v>118</v>
      </c>
      <c r="E14779">
        <v>2016</v>
      </c>
      <c r="F14779">
        <v>2016</v>
      </c>
      <c r="G14779" t="s">
        <v>126</v>
      </c>
      <c r="H14779" t="s">
        <v>124</v>
      </c>
      <c r="I14779" t="s">
        <v>15</v>
      </c>
      <c r="J14779" s="10">
        <v>2.5758924159999999</v>
      </c>
    </row>
    <row r="14780" spans="1:10" x14ac:dyDescent="0.35">
      <c r="A14780" t="s">
        <v>62</v>
      </c>
      <c r="B14780" t="s">
        <v>89</v>
      </c>
      <c r="C14780" t="s">
        <v>117</v>
      </c>
      <c r="D14780" t="s">
        <v>118</v>
      </c>
      <c r="E14780">
        <v>2015</v>
      </c>
      <c r="F14780">
        <v>2015</v>
      </c>
      <c r="G14780" t="s">
        <v>14</v>
      </c>
      <c r="H14780" t="s">
        <v>119</v>
      </c>
      <c r="I14780" t="s">
        <v>15</v>
      </c>
      <c r="J14780" s="10">
        <v>17.876884749999999</v>
      </c>
    </row>
    <row r="14781" spans="1:10" x14ac:dyDescent="0.35">
      <c r="A14781" t="s">
        <v>62</v>
      </c>
      <c r="B14781" t="s">
        <v>89</v>
      </c>
      <c r="C14781" t="s">
        <v>117</v>
      </c>
      <c r="D14781" t="s">
        <v>118</v>
      </c>
      <c r="E14781">
        <v>2015</v>
      </c>
      <c r="F14781">
        <v>2015</v>
      </c>
      <c r="G14781" t="s">
        <v>14</v>
      </c>
      <c r="H14781" t="s">
        <v>120</v>
      </c>
      <c r="I14781" t="s">
        <v>15</v>
      </c>
      <c r="J14781" s="10">
        <v>10.27171515</v>
      </c>
    </row>
    <row r="14782" spans="1:10" x14ac:dyDescent="0.35">
      <c r="A14782" t="s">
        <v>62</v>
      </c>
      <c r="B14782" t="s">
        <v>89</v>
      </c>
      <c r="C14782" t="s">
        <v>117</v>
      </c>
      <c r="D14782" t="s">
        <v>118</v>
      </c>
      <c r="E14782">
        <v>2015</v>
      </c>
      <c r="F14782">
        <v>2015</v>
      </c>
      <c r="G14782" t="s">
        <v>14</v>
      </c>
      <c r="H14782" t="s">
        <v>121</v>
      </c>
      <c r="I14782" t="s">
        <v>15</v>
      </c>
      <c r="J14782" s="10">
        <v>33.39605014</v>
      </c>
    </row>
    <row r="14783" spans="1:10" x14ac:dyDescent="0.35">
      <c r="A14783" t="s">
        <v>62</v>
      </c>
      <c r="B14783" t="s">
        <v>89</v>
      </c>
      <c r="C14783" t="s">
        <v>117</v>
      </c>
      <c r="D14783" t="s">
        <v>118</v>
      </c>
      <c r="E14783">
        <v>2015</v>
      </c>
      <c r="F14783">
        <v>2015</v>
      </c>
      <c r="G14783" t="s">
        <v>14</v>
      </c>
      <c r="H14783" t="s">
        <v>122</v>
      </c>
      <c r="I14783" t="s">
        <v>15</v>
      </c>
      <c r="J14783" s="10">
        <v>21.215581449999998</v>
      </c>
    </row>
    <row r="14784" spans="1:10" x14ac:dyDescent="0.35">
      <c r="A14784" t="s">
        <v>62</v>
      </c>
      <c r="B14784" t="s">
        <v>89</v>
      </c>
      <c r="C14784" t="s">
        <v>117</v>
      </c>
      <c r="D14784" t="s">
        <v>118</v>
      </c>
      <c r="E14784">
        <v>2015</v>
      </c>
      <c r="F14784">
        <v>2015</v>
      </c>
      <c r="G14784" t="s">
        <v>14</v>
      </c>
      <c r="H14784" t="s">
        <v>123</v>
      </c>
      <c r="I14784" t="s">
        <v>15</v>
      </c>
      <c r="J14784" s="10">
        <v>15.42444139</v>
      </c>
    </row>
    <row r="14785" spans="1:10" x14ac:dyDescent="0.35">
      <c r="A14785" t="s">
        <v>62</v>
      </c>
      <c r="B14785" t="s">
        <v>89</v>
      </c>
      <c r="C14785" t="s">
        <v>117</v>
      </c>
      <c r="D14785" t="s">
        <v>118</v>
      </c>
      <c r="E14785">
        <v>2015</v>
      </c>
      <c r="F14785">
        <v>2015</v>
      </c>
      <c r="G14785" t="s">
        <v>14</v>
      </c>
      <c r="H14785" t="s">
        <v>124</v>
      </c>
      <c r="I14785" t="s">
        <v>15</v>
      </c>
      <c r="J14785" s="10">
        <v>1.815327122</v>
      </c>
    </row>
    <row r="14786" spans="1:10" x14ac:dyDescent="0.35">
      <c r="A14786" t="s">
        <v>62</v>
      </c>
      <c r="B14786" t="s">
        <v>89</v>
      </c>
      <c r="C14786" t="s">
        <v>117</v>
      </c>
      <c r="D14786" t="s">
        <v>118</v>
      </c>
      <c r="E14786">
        <v>2015</v>
      </c>
      <c r="F14786">
        <v>2015</v>
      </c>
      <c r="G14786" t="s">
        <v>125</v>
      </c>
      <c r="H14786" t="s">
        <v>119</v>
      </c>
      <c r="I14786" t="s">
        <v>15</v>
      </c>
      <c r="J14786" s="10">
        <v>19.053851399999999</v>
      </c>
    </row>
    <row r="14787" spans="1:10" x14ac:dyDescent="0.35">
      <c r="A14787" t="s">
        <v>62</v>
      </c>
      <c r="B14787" t="s">
        <v>89</v>
      </c>
      <c r="C14787" t="s">
        <v>117</v>
      </c>
      <c r="D14787" t="s">
        <v>118</v>
      </c>
      <c r="E14787">
        <v>2015</v>
      </c>
      <c r="F14787">
        <v>2015</v>
      </c>
      <c r="G14787" t="s">
        <v>125</v>
      </c>
      <c r="H14787" t="s">
        <v>120</v>
      </c>
      <c r="I14787" t="s">
        <v>15</v>
      </c>
      <c r="J14787" s="10">
        <v>10.9256987</v>
      </c>
    </row>
    <row r="14788" spans="1:10" x14ac:dyDescent="0.35">
      <c r="A14788" t="s">
        <v>62</v>
      </c>
      <c r="B14788" t="s">
        <v>89</v>
      </c>
      <c r="C14788" t="s">
        <v>117</v>
      </c>
      <c r="D14788" t="s">
        <v>118</v>
      </c>
      <c r="E14788">
        <v>2015</v>
      </c>
      <c r="F14788">
        <v>2015</v>
      </c>
      <c r="G14788" t="s">
        <v>125</v>
      </c>
      <c r="H14788" t="s">
        <v>121</v>
      </c>
      <c r="I14788" t="s">
        <v>15</v>
      </c>
      <c r="J14788" s="10">
        <v>33.387866389999999</v>
      </c>
    </row>
    <row r="14789" spans="1:10" x14ac:dyDescent="0.35">
      <c r="A14789" t="s">
        <v>62</v>
      </c>
      <c r="B14789" t="s">
        <v>89</v>
      </c>
      <c r="C14789" t="s">
        <v>117</v>
      </c>
      <c r="D14789" t="s">
        <v>118</v>
      </c>
      <c r="E14789">
        <v>2015</v>
      </c>
      <c r="F14789">
        <v>2015</v>
      </c>
      <c r="G14789" t="s">
        <v>125</v>
      </c>
      <c r="H14789" t="s">
        <v>122</v>
      </c>
      <c r="I14789" t="s">
        <v>15</v>
      </c>
      <c r="J14789" s="10">
        <v>21.11247444</v>
      </c>
    </row>
    <row r="14790" spans="1:10" x14ac:dyDescent="0.35">
      <c r="A14790" t="s">
        <v>62</v>
      </c>
      <c r="B14790" t="s">
        <v>89</v>
      </c>
      <c r="C14790" t="s">
        <v>117</v>
      </c>
      <c r="D14790" t="s">
        <v>118</v>
      </c>
      <c r="E14790">
        <v>2015</v>
      </c>
      <c r="F14790">
        <v>2015</v>
      </c>
      <c r="G14790" t="s">
        <v>125</v>
      </c>
      <c r="H14790" t="s">
        <v>123</v>
      </c>
      <c r="I14790" t="s">
        <v>15</v>
      </c>
      <c r="J14790" s="10">
        <v>14.470347650000001</v>
      </c>
    </row>
    <row r="14791" spans="1:10" x14ac:dyDescent="0.35">
      <c r="A14791" t="s">
        <v>62</v>
      </c>
      <c r="B14791" t="s">
        <v>89</v>
      </c>
      <c r="C14791" t="s">
        <v>117</v>
      </c>
      <c r="D14791" t="s">
        <v>118</v>
      </c>
      <c r="E14791">
        <v>2015</v>
      </c>
      <c r="F14791">
        <v>2015</v>
      </c>
      <c r="G14791" t="s">
        <v>125</v>
      </c>
      <c r="H14791" t="s">
        <v>124</v>
      </c>
      <c r="I14791" t="s">
        <v>15</v>
      </c>
      <c r="J14791" s="10">
        <v>1.0497614179999999</v>
      </c>
    </row>
    <row r="14792" spans="1:10" x14ac:dyDescent="0.35">
      <c r="A14792" t="s">
        <v>62</v>
      </c>
      <c r="B14792" t="s">
        <v>89</v>
      </c>
      <c r="C14792" t="s">
        <v>117</v>
      </c>
      <c r="D14792" t="s">
        <v>118</v>
      </c>
      <c r="E14792">
        <v>2015</v>
      </c>
      <c r="F14792">
        <v>2015</v>
      </c>
      <c r="G14792" t="s">
        <v>126</v>
      </c>
      <c r="H14792" t="s">
        <v>119</v>
      </c>
      <c r="I14792" t="s">
        <v>15</v>
      </c>
      <c r="J14792" s="10">
        <v>16.808199850000001</v>
      </c>
    </row>
    <row r="14793" spans="1:10" x14ac:dyDescent="0.35">
      <c r="A14793" t="s">
        <v>62</v>
      </c>
      <c r="B14793" t="s">
        <v>89</v>
      </c>
      <c r="C14793" t="s">
        <v>117</v>
      </c>
      <c r="D14793" t="s">
        <v>118</v>
      </c>
      <c r="E14793">
        <v>2015</v>
      </c>
      <c r="F14793">
        <v>2015</v>
      </c>
      <c r="G14793" t="s">
        <v>126</v>
      </c>
      <c r="H14793" t="s">
        <v>120</v>
      </c>
      <c r="I14793" t="s">
        <v>15</v>
      </c>
      <c r="J14793" s="10">
        <v>9.6778985419999994</v>
      </c>
    </row>
    <row r="14794" spans="1:10" x14ac:dyDescent="0.35">
      <c r="A14794" t="s">
        <v>62</v>
      </c>
      <c r="B14794" t="s">
        <v>89</v>
      </c>
      <c r="C14794" t="s">
        <v>117</v>
      </c>
      <c r="D14794" t="s">
        <v>118</v>
      </c>
      <c r="E14794">
        <v>2015</v>
      </c>
      <c r="F14794">
        <v>2015</v>
      </c>
      <c r="G14794" t="s">
        <v>126</v>
      </c>
      <c r="H14794" t="s">
        <v>121</v>
      </c>
      <c r="I14794" t="s">
        <v>15</v>
      </c>
      <c r="J14794" s="10">
        <v>33.403480969999997</v>
      </c>
    </row>
    <row r="14795" spans="1:10" x14ac:dyDescent="0.35">
      <c r="A14795" t="s">
        <v>62</v>
      </c>
      <c r="B14795" t="s">
        <v>89</v>
      </c>
      <c r="C14795" t="s">
        <v>117</v>
      </c>
      <c r="D14795" t="s">
        <v>118</v>
      </c>
      <c r="E14795">
        <v>2015</v>
      </c>
      <c r="F14795">
        <v>2015</v>
      </c>
      <c r="G14795" t="s">
        <v>126</v>
      </c>
      <c r="H14795" t="s">
        <v>122</v>
      </c>
      <c r="I14795" t="s">
        <v>15</v>
      </c>
      <c r="J14795" s="10">
        <v>21.309202549999998</v>
      </c>
    </row>
    <row r="14796" spans="1:10" x14ac:dyDescent="0.35">
      <c r="A14796" t="s">
        <v>62</v>
      </c>
      <c r="B14796" t="s">
        <v>89</v>
      </c>
      <c r="C14796" t="s">
        <v>117</v>
      </c>
      <c r="D14796" t="s">
        <v>118</v>
      </c>
      <c r="E14796">
        <v>2015</v>
      </c>
      <c r="F14796">
        <v>2015</v>
      </c>
      <c r="G14796" t="s">
        <v>126</v>
      </c>
      <c r="H14796" t="s">
        <v>123</v>
      </c>
      <c r="I14796" t="s">
        <v>15</v>
      </c>
      <c r="J14796" s="10">
        <v>16.290757840000001</v>
      </c>
    </row>
    <row r="14797" spans="1:10" x14ac:dyDescent="0.35">
      <c r="A14797" t="s">
        <v>62</v>
      </c>
      <c r="B14797" t="s">
        <v>89</v>
      </c>
      <c r="C14797" t="s">
        <v>117</v>
      </c>
      <c r="D14797" t="s">
        <v>118</v>
      </c>
      <c r="E14797">
        <v>2015</v>
      </c>
      <c r="F14797">
        <v>2015</v>
      </c>
      <c r="G14797" t="s">
        <v>126</v>
      </c>
      <c r="H14797" t="s">
        <v>124</v>
      </c>
      <c r="I14797" t="s">
        <v>15</v>
      </c>
      <c r="J14797" s="10">
        <v>2.510460251</v>
      </c>
    </row>
    <row r="14798" spans="1:10" x14ac:dyDescent="0.35">
      <c r="A14798" t="s">
        <v>62</v>
      </c>
      <c r="B14798" t="s">
        <v>89</v>
      </c>
      <c r="C14798" t="s">
        <v>117</v>
      </c>
      <c r="D14798" t="s">
        <v>118</v>
      </c>
      <c r="E14798">
        <v>2014</v>
      </c>
      <c r="F14798">
        <v>2014</v>
      </c>
      <c r="G14798" t="s">
        <v>14</v>
      </c>
      <c r="H14798" t="s">
        <v>119</v>
      </c>
      <c r="I14798" t="s">
        <v>15</v>
      </c>
      <c r="J14798" s="10">
        <v>17.847069680000001</v>
      </c>
    </row>
    <row r="14799" spans="1:10" x14ac:dyDescent="0.35">
      <c r="A14799" t="s">
        <v>62</v>
      </c>
      <c r="B14799" t="s">
        <v>89</v>
      </c>
      <c r="C14799" t="s">
        <v>117</v>
      </c>
      <c r="D14799" t="s">
        <v>118</v>
      </c>
      <c r="E14799">
        <v>2014</v>
      </c>
      <c r="F14799">
        <v>2014</v>
      </c>
      <c r="G14799" t="s">
        <v>14</v>
      </c>
      <c r="H14799" t="s">
        <v>120</v>
      </c>
      <c r="I14799" t="s">
        <v>15</v>
      </c>
      <c r="J14799" s="10">
        <v>10.31623276</v>
      </c>
    </row>
    <row r="14800" spans="1:10" x14ac:dyDescent="0.35">
      <c r="A14800" t="s">
        <v>62</v>
      </c>
      <c r="B14800" t="s">
        <v>89</v>
      </c>
      <c r="C14800" t="s">
        <v>117</v>
      </c>
      <c r="D14800" t="s">
        <v>118</v>
      </c>
      <c r="E14800">
        <v>2014</v>
      </c>
      <c r="F14800">
        <v>2014</v>
      </c>
      <c r="G14800" t="s">
        <v>14</v>
      </c>
      <c r="H14800" t="s">
        <v>121</v>
      </c>
      <c r="I14800" t="s">
        <v>15</v>
      </c>
      <c r="J14800" s="10">
        <v>33.770487539999998</v>
      </c>
    </row>
    <row r="14801" spans="1:10" x14ac:dyDescent="0.35">
      <c r="A14801" t="s">
        <v>62</v>
      </c>
      <c r="B14801" t="s">
        <v>89</v>
      </c>
      <c r="C14801" t="s">
        <v>117</v>
      </c>
      <c r="D14801" t="s">
        <v>118</v>
      </c>
      <c r="E14801">
        <v>2014</v>
      </c>
      <c r="F14801">
        <v>2014</v>
      </c>
      <c r="G14801" t="s">
        <v>14</v>
      </c>
      <c r="H14801" t="s">
        <v>122</v>
      </c>
      <c r="I14801" t="s">
        <v>15</v>
      </c>
      <c r="J14801" s="10">
        <v>20.99380012</v>
      </c>
    </row>
    <row r="14802" spans="1:10" x14ac:dyDescent="0.35">
      <c r="A14802" t="s">
        <v>62</v>
      </c>
      <c r="B14802" t="s">
        <v>89</v>
      </c>
      <c r="C14802" t="s">
        <v>117</v>
      </c>
      <c r="D14802" t="s">
        <v>118</v>
      </c>
      <c r="E14802">
        <v>2014</v>
      </c>
      <c r="F14802">
        <v>2014</v>
      </c>
      <c r="G14802" t="s">
        <v>14</v>
      </c>
      <c r="H14802" t="s">
        <v>123</v>
      </c>
      <c r="I14802" t="s">
        <v>15</v>
      </c>
      <c r="J14802" s="10">
        <v>15.19814914</v>
      </c>
    </row>
    <row r="14803" spans="1:10" x14ac:dyDescent="0.35">
      <c r="A14803" t="s">
        <v>62</v>
      </c>
      <c r="B14803" t="s">
        <v>89</v>
      </c>
      <c r="C14803" t="s">
        <v>117</v>
      </c>
      <c r="D14803" t="s">
        <v>118</v>
      </c>
      <c r="E14803">
        <v>2014</v>
      </c>
      <c r="F14803">
        <v>2014</v>
      </c>
      <c r="G14803" t="s">
        <v>14</v>
      </c>
      <c r="H14803" t="s">
        <v>124</v>
      </c>
      <c r="I14803" t="s">
        <v>15</v>
      </c>
      <c r="J14803" s="10">
        <v>1.874260759</v>
      </c>
    </row>
    <row r="14804" spans="1:10" x14ac:dyDescent="0.35">
      <c r="A14804" t="s">
        <v>62</v>
      </c>
      <c r="B14804" t="s">
        <v>89</v>
      </c>
      <c r="C14804" t="s">
        <v>117</v>
      </c>
      <c r="D14804" t="s">
        <v>118</v>
      </c>
      <c r="E14804">
        <v>2014</v>
      </c>
      <c r="F14804">
        <v>2014</v>
      </c>
      <c r="G14804" t="s">
        <v>125</v>
      </c>
      <c r="H14804" t="s">
        <v>119</v>
      </c>
      <c r="I14804" t="s">
        <v>15</v>
      </c>
      <c r="J14804" s="10">
        <v>19.039938769999999</v>
      </c>
    </row>
    <row r="14805" spans="1:10" x14ac:dyDescent="0.35">
      <c r="A14805" t="s">
        <v>62</v>
      </c>
      <c r="B14805" t="s">
        <v>89</v>
      </c>
      <c r="C14805" t="s">
        <v>117</v>
      </c>
      <c r="D14805" t="s">
        <v>118</v>
      </c>
      <c r="E14805">
        <v>2014</v>
      </c>
      <c r="F14805">
        <v>2014</v>
      </c>
      <c r="G14805" t="s">
        <v>125</v>
      </c>
      <c r="H14805" t="s">
        <v>120</v>
      </c>
      <c r="I14805" t="s">
        <v>15</v>
      </c>
      <c r="J14805" s="10">
        <v>10.93190454</v>
      </c>
    </row>
    <row r="14806" spans="1:10" x14ac:dyDescent="0.35">
      <c r="A14806" t="s">
        <v>62</v>
      </c>
      <c r="B14806" t="s">
        <v>89</v>
      </c>
      <c r="C14806" t="s">
        <v>117</v>
      </c>
      <c r="D14806" t="s">
        <v>118</v>
      </c>
      <c r="E14806">
        <v>2014</v>
      </c>
      <c r="F14806">
        <v>2014</v>
      </c>
      <c r="G14806" t="s">
        <v>125</v>
      </c>
      <c r="H14806" t="s">
        <v>121</v>
      </c>
      <c r="I14806" t="s">
        <v>15</v>
      </c>
      <c r="J14806" s="10">
        <v>33.774363739999998</v>
      </c>
    </row>
    <row r="14807" spans="1:10" x14ac:dyDescent="0.35">
      <c r="A14807" t="s">
        <v>62</v>
      </c>
      <c r="B14807" t="s">
        <v>89</v>
      </c>
      <c r="C14807" t="s">
        <v>117</v>
      </c>
      <c r="D14807" t="s">
        <v>118</v>
      </c>
      <c r="E14807">
        <v>2014</v>
      </c>
      <c r="F14807">
        <v>2014</v>
      </c>
      <c r="G14807" t="s">
        <v>125</v>
      </c>
      <c r="H14807" t="s">
        <v>122</v>
      </c>
      <c r="I14807" t="s">
        <v>15</v>
      </c>
      <c r="J14807" s="10">
        <v>21.008173639999999</v>
      </c>
    </row>
    <row r="14808" spans="1:10" x14ac:dyDescent="0.35">
      <c r="A14808" t="s">
        <v>62</v>
      </c>
      <c r="B14808" t="s">
        <v>89</v>
      </c>
      <c r="C14808" t="s">
        <v>117</v>
      </c>
      <c r="D14808" t="s">
        <v>118</v>
      </c>
      <c r="E14808">
        <v>2014</v>
      </c>
      <c r="F14808">
        <v>2014</v>
      </c>
      <c r="G14808" t="s">
        <v>125</v>
      </c>
      <c r="H14808" t="s">
        <v>123</v>
      </c>
      <c r="I14808" t="s">
        <v>15</v>
      </c>
      <c r="J14808" s="10">
        <v>14.17949209</v>
      </c>
    </row>
    <row r="14809" spans="1:10" x14ac:dyDescent="0.35">
      <c r="A14809" t="s">
        <v>62</v>
      </c>
      <c r="B14809" t="s">
        <v>89</v>
      </c>
      <c r="C14809" t="s">
        <v>117</v>
      </c>
      <c r="D14809" t="s">
        <v>118</v>
      </c>
      <c r="E14809">
        <v>2014</v>
      </c>
      <c r="F14809">
        <v>2014</v>
      </c>
      <c r="G14809" t="s">
        <v>125</v>
      </c>
      <c r="H14809" t="s">
        <v>124</v>
      </c>
      <c r="I14809" t="s">
        <v>15</v>
      </c>
      <c r="J14809" s="10">
        <v>1.066127225</v>
      </c>
    </row>
    <row r="14810" spans="1:10" x14ac:dyDescent="0.35">
      <c r="A14810" t="s">
        <v>62</v>
      </c>
      <c r="B14810" t="s">
        <v>89</v>
      </c>
      <c r="C14810" t="s">
        <v>117</v>
      </c>
      <c r="D14810" t="s">
        <v>118</v>
      </c>
      <c r="E14810">
        <v>2014</v>
      </c>
      <c r="F14810">
        <v>2014</v>
      </c>
      <c r="G14810" t="s">
        <v>126</v>
      </c>
      <c r="H14810" t="s">
        <v>119</v>
      </c>
      <c r="I14810" t="s">
        <v>15</v>
      </c>
      <c r="J14810" s="10">
        <v>16.76578452</v>
      </c>
    </row>
    <row r="14811" spans="1:10" x14ac:dyDescent="0.35">
      <c r="A14811" t="s">
        <v>62</v>
      </c>
      <c r="B14811" t="s">
        <v>89</v>
      </c>
      <c r="C14811" t="s">
        <v>117</v>
      </c>
      <c r="D14811" t="s">
        <v>118</v>
      </c>
      <c r="E14811">
        <v>2014</v>
      </c>
      <c r="F14811">
        <v>2014</v>
      </c>
      <c r="G14811" t="s">
        <v>126</v>
      </c>
      <c r="H14811" t="s">
        <v>120</v>
      </c>
      <c r="I14811" t="s">
        <v>15</v>
      </c>
      <c r="J14811" s="10">
        <v>9.7581524430000002</v>
      </c>
    </row>
    <row r="14812" spans="1:10" x14ac:dyDescent="0.35">
      <c r="A14812" t="s">
        <v>62</v>
      </c>
      <c r="B14812" t="s">
        <v>89</v>
      </c>
      <c r="C14812" t="s">
        <v>117</v>
      </c>
      <c r="D14812" t="s">
        <v>118</v>
      </c>
      <c r="E14812">
        <v>2014</v>
      </c>
      <c r="F14812">
        <v>2014</v>
      </c>
      <c r="G14812" t="s">
        <v>126</v>
      </c>
      <c r="H14812" t="s">
        <v>121</v>
      </c>
      <c r="I14812" t="s">
        <v>15</v>
      </c>
      <c r="J14812" s="10">
        <v>33.766973929999999</v>
      </c>
    </row>
    <row r="14813" spans="1:10" x14ac:dyDescent="0.35">
      <c r="A14813" t="s">
        <v>62</v>
      </c>
      <c r="B14813" t="s">
        <v>89</v>
      </c>
      <c r="C14813" t="s">
        <v>117</v>
      </c>
      <c r="D14813" t="s">
        <v>118</v>
      </c>
      <c r="E14813">
        <v>2014</v>
      </c>
      <c r="F14813">
        <v>2014</v>
      </c>
      <c r="G14813" t="s">
        <v>126</v>
      </c>
      <c r="H14813" t="s">
        <v>122</v>
      </c>
      <c r="I14813" t="s">
        <v>15</v>
      </c>
      <c r="J14813" s="10">
        <v>20.980771140000002</v>
      </c>
    </row>
    <row r="14814" spans="1:10" x14ac:dyDescent="0.35">
      <c r="A14814" t="s">
        <v>62</v>
      </c>
      <c r="B14814" t="s">
        <v>89</v>
      </c>
      <c r="C14814" t="s">
        <v>117</v>
      </c>
      <c r="D14814" t="s">
        <v>118</v>
      </c>
      <c r="E14814">
        <v>2014</v>
      </c>
      <c r="F14814">
        <v>2014</v>
      </c>
      <c r="G14814" t="s">
        <v>126</v>
      </c>
      <c r="H14814" t="s">
        <v>123</v>
      </c>
      <c r="I14814" t="s">
        <v>15</v>
      </c>
      <c r="J14814" s="10">
        <v>16.12151849</v>
      </c>
    </row>
    <row r="14815" spans="1:10" x14ac:dyDescent="0.35">
      <c r="A14815" t="s">
        <v>62</v>
      </c>
      <c r="B14815" t="s">
        <v>89</v>
      </c>
      <c r="C14815" t="s">
        <v>117</v>
      </c>
      <c r="D14815" t="s">
        <v>118</v>
      </c>
      <c r="E14815">
        <v>2014</v>
      </c>
      <c r="F14815">
        <v>2014</v>
      </c>
      <c r="G14815" t="s">
        <v>126</v>
      </c>
      <c r="H14815" t="s">
        <v>124</v>
      </c>
      <c r="I14815" t="s">
        <v>15</v>
      </c>
      <c r="J14815" s="10">
        <v>2.6067994849999998</v>
      </c>
    </row>
    <row r="14816" spans="1:10" x14ac:dyDescent="0.35">
      <c r="A14816" t="s">
        <v>62</v>
      </c>
      <c r="B14816" t="s">
        <v>89</v>
      </c>
      <c r="C14816" t="s">
        <v>117</v>
      </c>
      <c r="D14816" t="s">
        <v>118</v>
      </c>
      <c r="E14816">
        <v>2013</v>
      </c>
      <c r="F14816">
        <v>2013</v>
      </c>
      <c r="G14816" t="s">
        <v>14</v>
      </c>
      <c r="H14816" t="s">
        <v>119</v>
      </c>
      <c r="I14816" t="s">
        <v>15</v>
      </c>
      <c r="J14816" s="10">
        <v>17.829720550000001</v>
      </c>
    </row>
    <row r="14817" spans="1:10" x14ac:dyDescent="0.35">
      <c r="A14817" t="s">
        <v>62</v>
      </c>
      <c r="B14817" t="s">
        <v>89</v>
      </c>
      <c r="C14817" t="s">
        <v>117</v>
      </c>
      <c r="D14817" t="s">
        <v>118</v>
      </c>
      <c r="E14817">
        <v>2013</v>
      </c>
      <c r="F14817">
        <v>2013</v>
      </c>
      <c r="G14817" t="s">
        <v>14</v>
      </c>
      <c r="H14817" t="s">
        <v>120</v>
      </c>
      <c r="I14817" t="s">
        <v>15</v>
      </c>
      <c r="J14817" s="10">
        <v>10.327761819999999</v>
      </c>
    </row>
    <row r="14818" spans="1:10" x14ac:dyDescent="0.35">
      <c r="A14818" t="s">
        <v>62</v>
      </c>
      <c r="B14818" t="s">
        <v>89</v>
      </c>
      <c r="C14818" t="s">
        <v>117</v>
      </c>
      <c r="D14818" t="s">
        <v>118</v>
      </c>
      <c r="E14818">
        <v>2013</v>
      </c>
      <c r="F14818">
        <v>2013</v>
      </c>
      <c r="G14818" t="s">
        <v>14</v>
      </c>
      <c r="H14818" t="s">
        <v>121</v>
      </c>
      <c r="I14818" t="s">
        <v>15</v>
      </c>
      <c r="J14818" s="10">
        <v>34.149908590000003</v>
      </c>
    </row>
    <row r="14819" spans="1:10" x14ac:dyDescent="0.35">
      <c r="A14819" t="s">
        <v>62</v>
      </c>
      <c r="B14819" t="s">
        <v>89</v>
      </c>
      <c r="C14819" t="s">
        <v>117</v>
      </c>
      <c r="D14819" t="s">
        <v>118</v>
      </c>
      <c r="E14819">
        <v>2013</v>
      </c>
      <c r="F14819">
        <v>2013</v>
      </c>
      <c r="G14819" t="s">
        <v>14</v>
      </c>
      <c r="H14819" t="s">
        <v>122</v>
      </c>
      <c r="I14819" t="s">
        <v>15</v>
      </c>
      <c r="J14819" s="10">
        <v>20.902324369999999</v>
      </c>
    </row>
    <row r="14820" spans="1:10" x14ac:dyDescent="0.35">
      <c r="A14820" t="s">
        <v>62</v>
      </c>
      <c r="B14820" t="s">
        <v>89</v>
      </c>
      <c r="C14820" t="s">
        <v>117</v>
      </c>
      <c r="D14820" t="s">
        <v>118</v>
      </c>
      <c r="E14820">
        <v>2013</v>
      </c>
      <c r="F14820">
        <v>2013</v>
      </c>
      <c r="G14820" t="s">
        <v>14</v>
      </c>
      <c r="H14820" t="s">
        <v>123</v>
      </c>
      <c r="I14820" t="s">
        <v>15</v>
      </c>
      <c r="J14820" s="10">
        <v>14.97518934</v>
      </c>
    </row>
    <row r="14821" spans="1:10" x14ac:dyDescent="0.35">
      <c r="A14821" t="s">
        <v>62</v>
      </c>
      <c r="B14821" t="s">
        <v>89</v>
      </c>
      <c r="C14821" t="s">
        <v>117</v>
      </c>
      <c r="D14821" t="s">
        <v>118</v>
      </c>
      <c r="E14821">
        <v>2013</v>
      </c>
      <c r="F14821">
        <v>2013</v>
      </c>
      <c r="G14821" t="s">
        <v>14</v>
      </c>
      <c r="H14821" t="s">
        <v>124</v>
      </c>
      <c r="I14821" t="s">
        <v>15</v>
      </c>
      <c r="J14821" s="10">
        <v>1.8150953249999999</v>
      </c>
    </row>
    <row r="14822" spans="1:10" x14ac:dyDescent="0.35">
      <c r="A14822" t="s">
        <v>62</v>
      </c>
      <c r="B14822" t="s">
        <v>89</v>
      </c>
      <c r="C14822" t="s">
        <v>117</v>
      </c>
      <c r="D14822" t="s">
        <v>118</v>
      </c>
      <c r="E14822">
        <v>2013</v>
      </c>
      <c r="F14822">
        <v>2013</v>
      </c>
      <c r="G14822" t="s">
        <v>125</v>
      </c>
      <c r="H14822" t="s">
        <v>119</v>
      </c>
      <c r="I14822" t="s">
        <v>15</v>
      </c>
      <c r="J14822" s="10">
        <v>18.976879570000001</v>
      </c>
    </row>
    <row r="14823" spans="1:10" x14ac:dyDescent="0.35">
      <c r="A14823" t="s">
        <v>62</v>
      </c>
      <c r="B14823" t="s">
        <v>89</v>
      </c>
      <c r="C14823" t="s">
        <v>117</v>
      </c>
      <c r="D14823" t="s">
        <v>118</v>
      </c>
      <c r="E14823">
        <v>2013</v>
      </c>
      <c r="F14823">
        <v>2013</v>
      </c>
      <c r="G14823" t="s">
        <v>125</v>
      </c>
      <c r="H14823" t="s">
        <v>120</v>
      </c>
      <c r="I14823" t="s">
        <v>15</v>
      </c>
      <c r="J14823" s="10">
        <v>10.95886649</v>
      </c>
    </row>
    <row r="14824" spans="1:10" x14ac:dyDescent="0.35">
      <c r="A14824" t="s">
        <v>62</v>
      </c>
      <c r="B14824" t="s">
        <v>89</v>
      </c>
      <c r="C14824" t="s">
        <v>117</v>
      </c>
      <c r="D14824" t="s">
        <v>118</v>
      </c>
      <c r="E14824">
        <v>2013</v>
      </c>
      <c r="F14824">
        <v>2013</v>
      </c>
      <c r="G14824" t="s">
        <v>125</v>
      </c>
      <c r="H14824" t="s">
        <v>121</v>
      </c>
      <c r="I14824" t="s">
        <v>15</v>
      </c>
      <c r="J14824" s="10">
        <v>34.156186499999997</v>
      </c>
    </row>
    <row r="14825" spans="1:10" x14ac:dyDescent="0.35">
      <c r="A14825" t="s">
        <v>62</v>
      </c>
      <c r="B14825" t="s">
        <v>89</v>
      </c>
      <c r="C14825" t="s">
        <v>117</v>
      </c>
      <c r="D14825" t="s">
        <v>118</v>
      </c>
      <c r="E14825">
        <v>2013</v>
      </c>
      <c r="F14825">
        <v>2013</v>
      </c>
      <c r="G14825" t="s">
        <v>125</v>
      </c>
      <c r="H14825" t="s">
        <v>122</v>
      </c>
      <c r="I14825" t="s">
        <v>15</v>
      </c>
      <c r="J14825" s="10">
        <v>21.025317149999999</v>
      </c>
    </row>
    <row r="14826" spans="1:10" x14ac:dyDescent="0.35">
      <c r="A14826" t="s">
        <v>62</v>
      </c>
      <c r="B14826" t="s">
        <v>89</v>
      </c>
      <c r="C14826" t="s">
        <v>117</v>
      </c>
      <c r="D14826" t="s">
        <v>118</v>
      </c>
      <c r="E14826">
        <v>2013</v>
      </c>
      <c r="F14826">
        <v>2013</v>
      </c>
      <c r="G14826" t="s">
        <v>125</v>
      </c>
      <c r="H14826" t="s">
        <v>123</v>
      </c>
      <c r="I14826" t="s">
        <v>15</v>
      </c>
      <c r="J14826" s="10">
        <v>13.86676918</v>
      </c>
    </row>
    <row r="14827" spans="1:10" x14ac:dyDescent="0.35">
      <c r="A14827" t="s">
        <v>62</v>
      </c>
      <c r="B14827" t="s">
        <v>89</v>
      </c>
      <c r="C14827" t="s">
        <v>117</v>
      </c>
      <c r="D14827" t="s">
        <v>118</v>
      </c>
      <c r="E14827">
        <v>2013</v>
      </c>
      <c r="F14827">
        <v>2013</v>
      </c>
      <c r="G14827" t="s">
        <v>125</v>
      </c>
      <c r="H14827" t="s">
        <v>124</v>
      </c>
      <c r="I14827" t="s">
        <v>15</v>
      </c>
      <c r="J14827" s="10">
        <v>1.0159811080000001</v>
      </c>
    </row>
    <row r="14828" spans="1:10" x14ac:dyDescent="0.35">
      <c r="A14828" t="s">
        <v>62</v>
      </c>
      <c r="B14828" t="s">
        <v>89</v>
      </c>
      <c r="C14828" t="s">
        <v>117</v>
      </c>
      <c r="D14828" t="s">
        <v>118</v>
      </c>
      <c r="E14828">
        <v>2013</v>
      </c>
      <c r="F14828">
        <v>2013</v>
      </c>
      <c r="G14828" t="s">
        <v>126</v>
      </c>
      <c r="H14828" t="s">
        <v>119</v>
      </c>
      <c r="I14828" t="s">
        <v>15</v>
      </c>
      <c r="J14828" s="10">
        <v>16.789502509999998</v>
      </c>
    </row>
    <row r="14829" spans="1:10" x14ac:dyDescent="0.35">
      <c r="A14829" t="s">
        <v>62</v>
      </c>
      <c r="B14829" t="s">
        <v>89</v>
      </c>
      <c r="C14829" t="s">
        <v>117</v>
      </c>
      <c r="D14829" t="s">
        <v>118</v>
      </c>
      <c r="E14829">
        <v>2013</v>
      </c>
      <c r="F14829">
        <v>2013</v>
      </c>
      <c r="G14829" t="s">
        <v>126</v>
      </c>
      <c r="H14829" t="s">
        <v>120</v>
      </c>
      <c r="I14829" t="s">
        <v>15</v>
      </c>
      <c r="J14829" s="10">
        <v>9.7554902640000005</v>
      </c>
    </row>
    <row r="14830" spans="1:10" x14ac:dyDescent="0.35">
      <c r="A14830" t="s">
        <v>62</v>
      </c>
      <c r="B14830" t="s">
        <v>89</v>
      </c>
      <c r="C14830" t="s">
        <v>117</v>
      </c>
      <c r="D14830" t="s">
        <v>118</v>
      </c>
      <c r="E14830">
        <v>2013</v>
      </c>
      <c r="F14830">
        <v>2013</v>
      </c>
      <c r="G14830" t="s">
        <v>126</v>
      </c>
      <c r="H14830" t="s">
        <v>121</v>
      </c>
      <c r="I14830" t="s">
        <v>15</v>
      </c>
      <c r="J14830" s="10">
        <v>34.144215930000001</v>
      </c>
    </row>
    <row r="14831" spans="1:10" x14ac:dyDescent="0.35">
      <c r="A14831" t="s">
        <v>62</v>
      </c>
      <c r="B14831" t="s">
        <v>89</v>
      </c>
      <c r="C14831" t="s">
        <v>117</v>
      </c>
      <c r="D14831" t="s">
        <v>118</v>
      </c>
      <c r="E14831">
        <v>2013</v>
      </c>
      <c r="F14831">
        <v>2013</v>
      </c>
      <c r="G14831" t="s">
        <v>126</v>
      </c>
      <c r="H14831" t="s">
        <v>122</v>
      </c>
      <c r="I14831" t="s">
        <v>15</v>
      </c>
      <c r="J14831" s="10">
        <v>20.790797269999999</v>
      </c>
    </row>
    <row r="14832" spans="1:10" x14ac:dyDescent="0.35">
      <c r="A14832" t="s">
        <v>62</v>
      </c>
      <c r="B14832" t="s">
        <v>89</v>
      </c>
      <c r="C14832" t="s">
        <v>117</v>
      </c>
      <c r="D14832" t="s">
        <v>118</v>
      </c>
      <c r="E14832">
        <v>2013</v>
      </c>
      <c r="F14832">
        <v>2013</v>
      </c>
      <c r="G14832" t="s">
        <v>126</v>
      </c>
      <c r="H14832" t="s">
        <v>123</v>
      </c>
      <c r="I14832" t="s">
        <v>15</v>
      </c>
      <c r="J14832" s="10">
        <v>15.98027987</v>
      </c>
    </row>
    <row r="14833" spans="1:10" x14ac:dyDescent="0.35">
      <c r="A14833" t="s">
        <v>62</v>
      </c>
      <c r="B14833" t="s">
        <v>89</v>
      </c>
      <c r="C14833" t="s">
        <v>117</v>
      </c>
      <c r="D14833" t="s">
        <v>118</v>
      </c>
      <c r="E14833">
        <v>2013</v>
      </c>
      <c r="F14833">
        <v>2013</v>
      </c>
      <c r="G14833" t="s">
        <v>126</v>
      </c>
      <c r="H14833" t="s">
        <v>124</v>
      </c>
      <c r="I14833" t="s">
        <v>15</v>
      </c>
      <c r="J14833" s="10">
        <v>2.5397141580000002</v>
      </c>
    </row>
    <row r="14834" spans="1:10" x14ac:dyDescent="0.35">
      <c r="A14834" t="s">
        <v>62</v>
      </c>
      <c r="B14834" t="s">
        <v>89</v>
      </c>
      <c r="C14834" t="s">
        <v>117</v>
      </c>
      <c r="D14834" t="s">
        <v>118</v>
      </c>
      <c r="E14834">
        <v>2012</v>
      </c>
      <c r="F14834">
        <v>2012</v>
      </c>
      <c r="G14834" t="s">
        <v>14</v>
      </c>
      <c r="H14834" t="s">
        <v>119</v>
      </c>
      <c r="I14834" t="s">
        <v>15</v>
      </c>
      <c r="J14834" s="10">
        <v>17.810378109999998</v>
      </c>
    </row>
    <row r="14835" spans="1:10" x14ac:dyDescent="0.35">
      <c r="A14835" t="s">
        <v>62</v>
      </c>
      <c r="B14835" t="s">
        <v>89</v>
      </c>
      <c r="C14835" t="s">
        <v>117</v>
      </c>
      <c r="D14835" t="s">
        <v>118</v>
      </c>
      <c r="E14835">
        <v>2012</v>
      </c>
      <c r="F14835">
        <v>2012</v>
      </c>
      <c r="G14835" t="s">
        <v>14</v>
      </c>
      <c r="H14835" t="s">
        <v>120</v>
      </c>
      <c r="I14835" t="s">
        <v>15</v>
      </c>
      <c r="J14835" s="10">
        <v>10.253345769999999</v>
      </c>
    </row>
    <row r="14836" spans="1:10" x14ac:dyDescent="0.35">
      <c r="A14836" t="s">
        <v>62</v>
      </c>
      <c r="B14836" t="s">
        <v>89</v>
      </c>
      <c r="C14836" t="s">
        <v>117</v>
      </c>
      <c r="D14836" t="s">
        <v>118</v>
      </c>
      <c r="E14836">
        <v>2012</v>
      </c>
      <c r="F14836">
        <v>2012</v>
      </c>
      <c r="G14836" t="s">
        <v>14</v>
      </c>
      <c r="H14836" t="s">
        <v>121</v>
      </c>
      <c r="I14836" t="s">
        <v>15</v>
      </c>
      <c r="J14836" s="10">
        <v>34.517539829999997</v>
      </c>
    </row>
    <row r="14837" spans="1:10" x14ac:dyDescent="0.35">
      <c r="A14837" t="s">
        <v>62</v>
      </c>
      <c r="B14837" t="s">
        <v>89</v>
      </c>
      <c r="C14837" t="s">
        <v>117</v>
      </c>
      <c r="D14837" t="s">
        <v>118</v>
      </c>
      <c r="E14837">
        <v>2012</v>
      </c>
      <c r="F14837">
        <v>2012</v>
      </c>
      <c r="G14837" t="s">
        <v>14</v>
      </c>
      <c r="H14837" t="s">
        <v>122</v>
      </c>
      <c r="I14837" t="s">
        <v>15</v>
      </c>
      <c r="J14837" s="10">
        <v>20.852103329999998</v>
      </c>
    </row>
    <row r="14838" spans="1:10" x14ac:dyDescent="0.35">
      <c r="A14838" t="s">
        <v>62</v>
      </c>
      <c r="B14838" t="s">
        <v>89</v>
      </c>
      <c r="C14838" t="s">
        <v>117</v>
      </c>
      <c r="D14838" t="s">
        <v>118</v>
      </c>
      <c r="E14838">
        <v>2012</v>
      </c>
      <c r="F14838">
        <v>2012</v>
      </c>
      <c r="G14838" t="s">
        <v>14</v>
      </c>
      <c r="H14838" t="s">
        <v>123</v>
      </c>
      <c r="I14838" t="s">
        <v>15</v>
      </c>
      <c r="J14838" s="10">
        <v>14.7936066</v>
      </c>
    </row>
    <row r="14839" spans="1:10" x14ac:dyDescent="0.35">
      <c r="A14839" t="s">
        <v>62</v>
      </c>
      <c r="B14839" t="s">
        <v>89</v>
      </c>
      <c r="C14839" t="s">
        <v>117</v>
      </c>
      <c r="D14839" t="s">
        <v>118</v>
      </c>
      <c r="E14839">
        <v>2012</v>
      </c>
      <c r="F14839">
        <v>2012</v>
      </c>
      <c r="G14839" t="s">
        <v>14</v>
      </c>
      <c r="H14839" t="s">
        <v>124</v>
      </c>
      <c r="I14839" t="s">
        <v>15</v>
      </c>
      <c r="J14839" s="10">
        <v>1.7730263589999999</v>
      </c>
    </row>
    <row r="14840" spans="1:10" x14ac:dyDescent="0.35">
      <c r="A14840" t="s">
        <v>62</v>
      </c>
      <c r="B14840" t="s">
        <v>89</v>
      </c>
      <c r="C14840" t="s">
        <v>117</v>
      </c>
      <c r="D14840" t="s">
        <v>118</v>
      </c>
      <c r="E14840">
        <v>2012</v>
      </c>
      <c r="F14840">
        <v>2012</v>
      </c>
      <c r="G14840" t="s">
        <v>125</v>
      </c>
      <c r="H14840" t="s">
        <v>119</v>
      </c>
      <c r="I14840" t="s">
        <v>15</v>
      </c>
      <c r="J14840" s="10">
        <v>19.006598749999998</v>
      </c>
    </row>
    <row r="14841" spans="1:10" x14ac:dyDescent="0.35">
      <c r="A14841" t="s">
        <v>62</v>
      </c>
      <c r="B14841" t="s">
        <v>89</v>
      </c>
      <c r="C14841" t="s">
        <v>117</v>
      </c>
      <c r="D14841" t="s">
        <v>118</v>
      </c>
      <c r="E14841">
        <v>2012</v>
      </c>
      <c r="F14841">
        <v>2012</v>
      </c>
      <c r="G14841" t="s">
        <v>125</v>
      </c>
      <c r="H14841" t="s">
        <v>120</v>
      </c>
      <c r="I14841" t="s">
        <v>15</v>
      </c>
      <c r="J14841" s="10">
        <v>10.86998537</v>
      </c>
    </row>
    <row r="14842" spans="1:10" x14ac:dyDescent="0.35">
      <c r="A14842" t="s">
        <v>62</v>
      </c>
      <c r="B14842" t="s">
        <v>89</v>
      </c>
      <c r="C14842" t="s">
        <v>117</v>
      </c>
      <c r="D14842" t="s">
        <v>118</v>
      </c>
      <c r="E14842">
        <v>2012</v>
      </c>
      <c r="F14842">
        <v>2012</v>
      </c>
      <c r="G14842" t="s">
        <v>125</v>
      </c>
      <c r="H14842" t="s">
        <v>121</v>
      </c>
      <c r="I14842" t="s">
        <v>15</v>
      </c>
      <c r="J14842" s="10">
        <v>34.539882380000002</v>
      </c>
    </row>
    <row r="14843" spans="1:10" x14ac:dyDescent="0.35">
      <c r="A14843" t="s">
        <v>62</v>
      </c>
      <c r="B14843" t="s">
        <v>89</v>
      </c>
      <c r="C14843" t="s">
        <v>117</v>
      </c>
      <c r="D14843" t="s">
        <v>118</v>
      </c>
      <c r="E14843">
        <v>2012</v>
      </c>
      <c r="F14843">
        <v>2012</v>
      </c>
      <c r="G14843" t="s">
        <v>125</v>
      </c>
      <c r="H14843" t="s">
        <v>122</v>
      </c>
      <c r="I14843" t="s">
        <v>15</v>
      </c>
      <c r="J14843" s="10">
        <v>20.997266629999999</v>
      </c>
    </row>
    <row r="14844" spans="1:10" x14ac:dyDescent="0.35">
      <c r="A14844" t="s">
        <v>62</v>
      </c>
      <c r="B14844" t="s">
        <v>89</v>
      </c>
      <c r="C14844" t="s">
        <v>117</v>
      </c>
      <c r="D14844" t="s">
        <v>118</v>
      </c>
      <c r="E14844">
        <v>2012</v>
      </c>
      <c r="F14844">
        <v>2012</v>
      </c>
      <c r="G14844" t="s">
        <v>125</v>
      </c>
      <c r="H14844" t="s">
        <v>123</v>
      </c>
      <c r="I14844" t="s">
        <v>15</v>
      </c>
      <c r="J14844" s="10">
        <v>13.59783539</v>
      </c>
    </row>
    <row r="14845" spans="1:10" x14ac:dyDescent="0.35">
      <c r="A14845" t="s">
        <v>62</v>
      </c>
      <c r="B14845" t="s">
        <v>89</v>
      </c>
      <c r="C14845" t="s">
        <v>117</v>
      </c>
      <c r="D14845" t="s">
        <v>118</v>
      </c>
      <c r="E14845">
        <v>2012</v>
      </c>
      <c r="F14845">
        <v>2012</v>
      </c>
      <c r="G14845" t="s">
        <v>125</v>
      </c>
      <c r="H14845" t="s">
        <v>124</v>
      </c>
      <c r="I14845" t="s">
        <v>15</v>
      </c>
      <c r="J14845" s="10">
        <v>0.98843148599999997</v>
      </c>
    </row>
    <row r="14846" spans="1:10" x14ac:dyDescent="0.35">
      <c r="A14846" t="s">
        <v>62</v>
      </c>
      <c r="B14846" t="s">
        <v>89</v>
      </c>
      <c r="C14846" t="s">
        <v>117</v>
      </c>
      <c r="D14846" t="s">
        <v>118</v>
      </c>
      <c r="E14846">
        <v>2012</v>
      </c>
      <c r="F14846">
        <v>2012</v>
      </c>
      <c r="G14846" t="s">
        <v>126</v>
      </c>
      <c r="H14846" t="s">
        <v>119</v>
      </c>
      <c r="I14846" t="s">
        <v>15</v>
      </c>
      <c r="J14846" s="10">
        <v>16.725113969999999</v>
      </c>
    </row>
    <row r="14847" spans="1:10" x14ac:dyDescent="0.35">
      <c r="A14847" t="s">
        <v>62</v>
      </c>
      <c r="B14847" t="s">
        <v>89</v>
      </c>
      <c r="C14847" t="s">
        <v>117</v>
      </c>
      <c r="D14847" t="s">
        <v>118</v>
      </c>
      <c r="E14847">
        <v>2012</v>
      </c>
      <c r="F14847">
        <v>2012</v>
      </c>
      <c r="G14847" t="s">
        <v>126</v>
      </c>
      <c r="H14847" t="s">
        <v>120</v>
      </c>
      <c r="I14847" t="s">
        <v>15</v>
      </c>
      <c r="J14847" s="10">
        <v>9.6939031109999991</v>
      </c>
    </row>
    <row r="14848" spans="1:10" x14ac:dyDescent="0.35">
      <c r="A14848" t="s">
        <v>62</v>
      </c>
      <c r="B14848" t="s">
        <v>89</v>
      </c>
      <c r="C14848" t="s">
        <v>117</v>
      </c>
      <c r="D14848" t="s">
        <v>118</v>
      </c>
      <c r="E14848">
        <v>2012</v>
      </c>
      <c r="F14848">
        <v>2012</v>
      </c>
      <c r="G14848" t="s">
        <v>126</v>
      </c>
      <c r="H14848" t="s">
        <v>121</v>
      </c>
      <c r="I14848" t="s">
        <v>15</v>
      </c>
      <c r="J14848" s="10">
        <v>34.497269680000002</v>
      </c>
    </row>
    <row r="14849" spans="1:10" x14ac:dyDescent="0.35">
      <c r="A14849" t="s">
        <v>62</v>
      </c>
      <c r="B14849" t="s">
        <v>89</v>
      </c>
      <c r="C14849" t="s">
        <v>117</v>
      </c>
      <c r="D14849" t="s">
        <v>118</v>
      </c>
      <c r="E14849">
        <v>2012</v>
      </c>
      <c r="F14849">
        <v>2012</v>
      </c>
      <c r="G14849" t="s">
        <v>126</v>
      </c>
      <c r="H14849" t="s">
        <v>122</v>
      </c>
      <c r="I14849" t="s">
        <v>15</v>
      </c>
      <c r="J14849" s="10">
        <v>20.72040479</v>
      </c>
    </row>
    <row r="14850" spans="1:10" x14ac:dyDescent="0.35">
      <c r="A14850" t="s">
        <v>62</v>
      </c>
      <c r="B14850" t="s">
        <v>89</v>
      </c>
      <c r="C14850" t="s">
        <v>117</v>
      </c>
      <c r="D14850" t="s">
        <v>118</v>
      </c>
      <c r="E14850">
        <v>2012</v>
      </c>
      <c r="F14850">
        <v>2012</v>
      </c>
      <c r="G14850" t="s">
        <v>126</v>
      </c>
      <c r="H14850" t="s">
        <v>123</v>
      </c>
      <c r="I14850" t="s">
        <v>15</v>
      </c>
      <c r="J14850" s="10">
        <v>15.878463</v>
      </c>
    </row>
    <row r="14851" spans="1:10" x14ac:dyDescent="0.35">
      <c r="A14851" t="s">
        <v>62</v>
      </c>
      <c r="B14851" t="s">
        <v>89</v>
      </c>
      <c r="C14851" t="s">
        <v>117</v>
      </c>
      <c r="D14851" t="s">
        <v>118</v>
      </c>
      <c r="E14851">
        <v>2012</v>
      </c>
      <c r="F14851">
        <v>2012</v>
      </c>
      <c r="G14851" t="s">
        <v>126</v>
      </c>
      <c r="H14851" t="s">
        <v>124</v>
      </c>
      <c r="I14851" t="s">
        <v>15</v>
      </c>
      <c r="J14851" s="10">
        <v>2.4848454489999998</v>
      </c>
    </row>
    <row r="14852" spans="1:10" x14ac:dyDescent="0.35">
      <c r="A14852" t="s">
        <v>62</v>
      </c>
      <c r="B14852" t="s">
        <v>89</v>
      </c>
      <c r="C14852" t="s">
        <v>117</v>
      </c>
      <c r="D14852" t="s">
        <v>118</v>
      </c>
      <c r="E14852">
        <v>2011</v>
      </c>
      <c r="F14852">
        <v>2011</v>
      </c>
      <c r="G14852" t="s">
        <v>14</v>
      </c>
      <c r="H14852" t="s">
        <v>119</v>
      </c>
      <c r="I14852" t="s">
        <v>15</v>
      </c>
      <c r="J14852" s="10">
        <v>17.778976879999998</v>
      </c>
    </row>
    <row r="14853" spans="1:10" x14ac:dyDescent="0.35">
      <c r="A14853" t="s">
        <v>62</v>
      </c>
      <c r="B14853" t="s">
        <v>89</v>
      </c>
      <c r="C14853" t="s">
        <v>117</v>
      </c>
      <c r="D14853" t="s">
        <v>118</v>
      </c>
      <c r="E14853">
        <v>2011</v>
      </c>
      <c r="F14853">
        <v>2011</v>
      </c>
      <c r="G14853" t="s">
        <v>14</v>
      </c>
      <c r="H14853" t="s">
        <v>120</v>
      </c>
      <c r="I14853" t="s">
        <v>15</v>
      </c>
      <c r="J14853" s="10">
        <v>10.308884880000001</v>
      </c>
    </row>
    <row r="14854" spans="1:10" x14ac:dyDescent="0.35">
      <c r="A14854" t="s">
        <v>62</v>
      </c>
      <c r="B14854" t="s">
        <v>89</v>
      </c>
      <c r="C14854" t="s">
        <v>117</v>
      </c>
      <c r="D14854" t="s">
        <v>118</v>
      </c>
      <c r="E14854">
        <v>2011</v>
      </c>
      <c r="F14854">
        <v>2011</v>
      </c>
      <c r="G14854" t="s">
        <v>14</v>
      </c>
      <c r="H14854" t="s">
        <v>121</v>
      </c>
      <c r="I14854" t="s">
        <v>15</v>
      </c>
      <c r="J14854" s="10">
        <v>35.039416709999998</v>
      </c>
    </row>
    <row r="14855" spans="1:10" x14ac:dyDescent="0.35">
      <c r="A14855" t="s">
        <v>62</v>
      </c>
      <c r="B14855" t="s">
        <v>89</v>
      </c>
      <c r="C14855" t="s">
        <v>117</v>
      </c>
      <c r="D14855" t="s">
        <v>118</v>
      </c>
      <c r="E14855">
        <v>2011</v>
      </c>
      <c r="F14855">
        <v>2011</v>
      </c>
      <c r="G14855" t="s">
        <v>14</v>
      </c>
      <c r="H14855" t="s">
        <v>122</v>
      </c>
      <c r="I14855" t="s">
        <v>15</v>
      </c>
      <c r="J14855" s="10">
        <v>20.803337590000002</v>
      </c>
    </row>
    <row r="14856" spans="1:10" x14ac:dyDescent="0.35">
      <c r="A14856" t="s">
        <v>62</v>
      </c>
      <c r="B14856" t="s">
        <v>89</v>
      </c>
      <c r="C14856" t="s">
        <v>117</v>
      </c>
      <c r="D14856" t="s">
        <v>118</v>
      </c>
      <c r="E14856">
        <v>2011</v>
      </c>
      <c r="F14856">
        <v>2011</v>
      </c>
      <c r="G14856" t="s">
        <v>14</v>
      </c>
      <c r="H14856" t="s">
        <v>123</v>
      </c>
      <c r="I14856" t="s">
        <v>15</v>
      </c>
      <c r="J14856" s="10">
        <v>14.37031968</v>
      </c>
    </row>
    <row r="14857" spans="1:10" x14ac:dyDescent="0.35">
      <c r="A14857" t="s">
        <v>62</v>
      </c>
      <c r="B14857" t="s">
        <v>89</v>
      </c>
      <c r="C14857" t="s">
        <v>117</v>
      </c>
      <c r="D14857" t="s">
        <v>118</v>
      </c>
      <c r="E14857">
        <v>2011</v>
      </c>
      <c r="F14857">
        <v>2011</v>
      </c>
      <c r="G14857" t="s">
        <v>14</v>
      </c>
      <c r="H14857" t="s">
        <v>124</v>
      </c>
      <c r="I14857" t="s">
        <v>15</v>
      </c>
      <c r="J14857" s="10">
        <v>1.699064264</v>
      </c>
    </row>
    <row r="14858" spans="1:10" x14ac:dyDescent="0.35">
      <c r="A14858" t="s">
        <v>62</v>
      </c>
      <c r="B14858" t="s">
        <v>89</v>
      </c>
      <c r="C14858" t="s">
        <v>117</v>
      </c>
      <c r="D14858" t="s">
        <v>118</v>
      </c>
      <c r="E14858">
        <v>2011</v>
      </c>
      <c r="F14858">
        <v>2011</v>
      </c>
      <c r="G14858" t="s">
        <v>125</v>
      </c>
      <c r="H14858" t="s">
        <v>119</v>
      </c>
      <c r="I14858" t="s">
        <v>15</v>
      </c>
      <c r="J14858" s="10">
        <v>18.94052559</v>
      </c>
    </row>
    <row r="14859" spans="1:10" x14ac:dyDescent="0.35">
      <c r="A14859" t="s">
        <v>62</v>
      </c>
      <c r="B14859" t="s">
        <v>89</v>
      </c>
      <c r="C14859" t="s">
        <v>117</v>
      </c>
      <c r="D14859" t="s">
        <v>118</v>
      </c>
      <c r="E14859">
        <v>2011</v>
      </c>
      <c r="F14859">
        <v>2011</v>
      </c>
      <c r="G14859" t="s">
        <v>125</v>
      </c>
      <c r="H14859" t="s">
        <v>120</v>
      </c>
      <c r="I14859" t="s">
        <v>15</v>
      </c>
      <c r="J14859" s="10">
        <v>10.943291840000001</v>
      </c>
    </row>
    <row r="14860" spans="1:10" x14ac:dyDescent="0.35">
      <c r="A14860" t="s">
        <v>62</v>
      </c>
      <c r="B14860" t="s">
        <v>89</v>
      </c>
      <c r="C14860" t="s">
        <v>117</v>
      </c>
      <c r="D14860" t="s">
        <v>118</v>
      </c>
      <c r="E14860">
        <v>2011</v>
      </c>
      <c r="F14860">
        <v>2011</v>
      </c>
      <c r="G14860" t="s">
        <v>125</v>
      </c>
      <c r="H14860" t="s">
        <v>121</v>
      </c>
      <c r="I14860" t="s">
        <v>15</v>
      </c>
      <c r="J14860" s="10">
        <v>35.045643149999997</v>
      </c>
    </row>
    <row r="14861" spans="1:10" x14ac:dyDescent="0.35">
      <c r="A14861" t="s">
        <v>62</v>
      </c>
      <c r="B14861" t="s">
        <v>89</v>
      </c>
      <c r="C14861" t="s">
        <v>117</v>
      </c>
      <c r="D14861" t="s">
        <v>118</v>
      </c>
      <c r="E14861">
        <v>2011</v>
      </c>
      <c r="F14861">
        <v>2011</v>
      </c>
      <c r="G14861" t="s">
        <v>125</v>
      </c>
      <c r="H14861" t="s">
        <v>122</v>
      </c>
      <c r="I14861" t="s">
        <v>15</v>
      </c>
      <c r="J14861" s="10">
        <v>21.10096819</v>
      </c>
    </row>
    <row r="14862" spans="1:10" x14ac:dyDescent="0.35">
      <c r="A14862" t="s">
        <v>62</v>
      </c>
      <c r="B14862" t="s">
        <v>89</v>
      </c>
      <c r="C14862" t="s">
        <v>117</v>
      </c>
      <c r="D14862" t="s">
        <v>118</v>
      </c>
      <c r="E14862">
        <v>2011</v>
      </c>
      <c r="F14862">
        <v>2011</v>
      </c>
      <c r="G14862" t="s">
        <v>125</v>
      </c>
      <c r="H14862" t="s">
        <v>123</v>
      </c>
      <c r="I14862" t="s">
        <v>15</v>
      </c>
      <c r="J14862" s="10">
        <v>12.987551870000001</v>
      </c>
    </row>
    <row r="14863" spans="1:10" x14ac:dyDescent="0.35">
      <c r="A14863" t="s">
        <v>62</v>
      </c>
      <c r="B14863" t="s">
        <v>89</v>
      </c>
      <c r="C14863" t="s">
        <v>117</v>
      </c>
      <c r="D14863" t="s">
        <v>118</v>
      </c>
      <c r="E14863">
        <v>2011</v>
      </c>
      <c r="F14863">
        <v>2011</v>
      </c>
      <c r="G14863" t="s">
        <v>125</v>
      </c>
      <c r="H14863" t="s">
        <v>124</v>
      </c>
      <c r="I14863" t="s">
        <v>15</v>
      </c>
      <c r="J14863" s="10">
        <v>0.98201936400000001</v>
      </c>
    </row>
    <row r="14864" spans="1:10" x14ac:dyDescent="0.35">
      <c r="A14864" t="s">
        <v>62</v>
      </c>
      <c r="B14864" t="s">
        <v>89</v>
      </c>
      <c r="C14864" t="s">
        <v>117</v>
      </c>
      <c r="D14864" t="s">
        <v>118</v>
      </c>
      <c r="E14864">
        <v>2011</v>
      </c>
      <c r="F14864">
        <v>2011</v>
      </c>
      <c r="G14864" t="s">
        <v>126</v>
      </c>
      <c r="H14864" t="s">
        <v>119</v>
      </c>
      <c r="I14864" t="s">
        <v>15</v>
      </c>
      <c r="J14864" s="10">
        <v>16.724826149999998</v>
      </c>
    </row>
    <row r="14865" spans="1:10" x14ac:dyDescent="0.35">
      <c r="A14865" t="s">
        <v>62</v>
      </c>
      <c r="B14865" t="s">
        <v>89</v>
      </c>
      <c r="C14865" t="s">
        <v>117</v>
      </c>
      <c r="D14865" t="s">
        <v>118</v>
      </c>
      <c r="E14865">
        <v>2011</v>
      </c>
      <c r="F14865">
        <v>2011</v>
      </c>
      <c r="G14865" t="s">
        <v>126</v>
      </c>
      <c r="H14865" t="s">
        <v>120</v>
      </c>
      <c r="I14865" t="s">
        <v>15</v>
      </c>
      <c r="J14865" s="10">
        <v>9.7331358419999994</v>
      </c>
    </row>
    <row r="14866" spans="1:10" x14ac:dyDescent="0.35">
      <c r="A14866" t="s">
        <v>62</v>
      </c>
      <c r="B14866" t="s">
        <v>89</v>
      </c>
      <c r="C14866" t="s">
        <v>117</v>
      </c>
      <c r="D14866" t="s">
        <v>118</v>
      </c>
      <c r="E14866">
        <v>2011</v>
      </c>
      <c r="F14866">
        <v>2011</v>
      </c>
      <c r="G14866" t="s">
        <v>126</v>
      </c>
      <c r="H14866" t="s">
        <v>121</v>
      </c>
      <c r="I14866" t="s">
        <v>15</v>
      </c>
      <c r="J14866" s="10">
        <v>35.033765969999997</v>
      </c>
    </row>
    <row r="14867" spans="1:10" x14ac:dyDescent="0.35">
      <c r="A14867" t="s">
        <v>62</v>
      </c>
      <c r="B14867" t="s">
        <v>89</v>
      </c>
      <c r="C14867" t="s">
        <v>117</v>
      </c>
      <c r="D14867" t="s">
        <v>118</v>
      </c>
      <c r="E14867">
        <v>2011</v>
      </c>
      <c r="F14867">
        <v>2011</v>
      </c>
      <c r="G14867" t="s">
        <v>126</v>
      </c>
      <c r="H14867" t="s">
        <v>122</v>
      </c>
      <c r="I14867" t="s">
        <v>15</v>
      </c>
      <c r="J14867" s="10">
        <v>20.53322622</v>
      </c>
    </row>
    <row r="14868" spans="1:10" x14ac:dyDescent="0.35">
      <c r="A14868" t="s">
        <v>62</v>
      </c>
      <c r="B14868" t="s">
        <v>89</v>
      </c>
      <c r="C14868" t="s">
        <v>117</v>
      </c>
      <c r="D14868" t="s">
        <v>118</v>
      </c>
      <c r="E14868">
        <v>2011</v>
      </c>
      <c r="F14868">
        <v>2011</v>
      </c>
      <c r="G14868" t="s">
        <v>126</v>
      </c>
      <c r="H14868" t="s">
        <v>123</v>
      </c>
      <c r="I14868" t="s">
        <v>15</v>
      </c>
      <c r="J14868" s="10">
        <v>15.62523536</v>
      </c>
    </row>
    <row r="14869" spans="1:10" x14ac:dyDescent="0.35">
      <c r="A14869" t="s">
        <v>62</v>
      </c>
      <c r="B14869" t="s">
        <v>89</v>
      </c>
      <c r="C14869" t="s">
        <v>117</v>
      </c>
      <c r="D14869" t="s">
        <v>118</v>
      </c>
      <c r="E14869">
        <v>2011</v>
      </c>
      <c r="F14869">
        <v>2011</v>
      </c>
      <c r="G14869" t="s">
        <v>126</v>
      </c>
      <c r="H14869" t="s">
        <v>124</v>
      </c>
      <c r="I14869" t="s">
        <v>15</v>
      </c>
      <c r="J14869" s="10">
        <v>2.349810459</v>
      </c>
    </row>
    <row r="14870" spans="1:10" x14ac:dyDescent="0.35">
      <c r="A14870" t="s">
        <v>26</v>
      </c>
      <c r="B14870" t="s">
        <v>90</v>
      </c>
      <c r="C14870" t="s">
        <v>117</v>
      </c>
      <c r="D14870" t="s">
        <v>118</v>
      </c>
      <c r="E14870">
        <v>2020</v>
      </c>
      <c r="F14870">
        <v>2020</v>
      </c>
      <c r="G14870" t="s">
        <v>14</v>
      </c>
      <c r="H14870" t="s">
        <v>119</v>
      </c>
      <c r="I14870" t="s">
        <v>15</v>
      </c>
      <c r="J14870" s="10">
        <v>18.18102317</v>
      </c>
    </row>
    <row r="14871" spans="1:10" x14ac:dyDescent="0.35">
      <c r="A14871" t="s">
        <v>26</v>
      </c>
      <c r="B14871" t="s">
        <v>90</v>
      </c>
      <c r="C14871" t="s">
        <v>117</v>
      </c>
      <c r="D14871" t="s">
        <v>118</v>
      </c>
      <c r="E14871">
        <v>2020</v>
      </c>
      <c r="F14871">
        <v>2020</v>
      </c>
      <c r="G14871" t="s">
        <v>14</v>
      </c>
      <c r="H14871" t="s">
        <v>120</v>
      </c>
      <c r="I14871" t="s">
        <v>15</v>
      </c>
      <c r="J14871" s="10">
        <v>9.0424136419999996</v>
      </c>
    </row>
    <row r="14872" spans="1:10" x14ac:dyDescent="0.35">
      <c r="A14872" t="s">
        <v>26</v>
      </c>
      <c r="B14872" t="s">
        <v>90</v>
      </c>
      <c r="C14872" t="s">
        <v>117</v>
      </c>
      <c r="D14872" t="s">
        <v>118</v>
      </c>
      <c r="E14872">
        <v>2020</v>
      </c>
      <c r="F14872">
        <v>2020</v>
      </c>
      <c r="G14872" t="s">
        <v>14</v>
      </c>
      <c r="H14872" t="s">
        <v>121</v>
      </c>
      <c r="I14872" t="s">
        <v>15</v>
      </c>
      <c r="J14872" s="10">
        <v>30.341058149999999</v>
      </c>
    </row>
    <row r="14873" spans="1:10" x14ac:dyDescent="0.35">
      <c r="A14873" t="s">
        <v>26</v>
      </c>
      <c r="B14873" t="s">
        <v>90</v>
      </c>
      <c r="C14873" t="s">
        <v>117</v>
      </c>
      <c r="D14873" t="s">
        <v>118</v>
      </c>
      <c r="E14873">
        <v>2020</v>
      </c>
      <c r="F14873">
        <v>2020</v>
      </c>
      <c r="G14873" t="s">
        <v>14</v>
      </c>
      <c r="H14873" t="s">
        <v>122</v>
      </c>
      <c r="I14873" t="s">
        <v>15</v>
      </c>
      <c r="J14873" s="10">
        <v>21.416703099999999</v>
      </c>
    </row>
    <row r="14874" spans="1:10" x14ac:dyDescent="0.35">
      <c r="A14874" t="s">
        <v>26</v>
      </c>
      <c r="B14874" t="s">
        <v>90</v>
      </c>
      <c r="C14874" t="s">
        <v>117</v>
      </c>
      <c r="D14874" t="s">
        <v>118</v>
      </c>
      <c r="E14874">
        <v>2020</v>
      </c>
      <c r="F14874">
        <v>2020</v>
      </c>
      <c r="G14874" t="s">
        <v>14</v>
      </c>
      <c r="H14874" t="s">
        <v>123</v>
      </c>
      <c r="I14874" t="s">
        <v>15</v>
      </c>
      <c r="J14874" s="10">
        <v>18.679492790000001</v>
      </c>
    </row>
    <row r="14875" spans="1:10" x14ac:dyDescent="0.35">
      <c r="A14875" t="s">
        <v>26</v>
      </c>
      <c r="B14875" t="s">
        <v>90</v>
      </c>
      <c r="C14875" t="s">
        <v>117</v>
      </c>
      <c r="D14875" t="s">
        <v>118</v>
      </c>
      <c r="E14875">
        <v>2020</v>
      </c>
      <c r="F14875">
        <v>2020</v>
      </c>
      <c r="G14875" t="s">
        <v>14</v>
      </c>
      <c r="H14875" t="s">
        <v>124</v>
      </c>
      <c r="I14875" t="s">
        <v>15</v>
      </c>
      <c r="J14875" s="10">
        <v>2.339309139</v>
      </c>
    </row>
    <row r="14876" spans="1:10" x14ac:dyDescent="0.35">
      <c r="A14876" t="s">
        <v>26</v>
      </c>
      <c r="B14876" t="s">
        <v>90</v>
      </c>
      <c r="C14876" t="s">
        <v>117</v>
      </c>
      <c r="D14876" t="s">
        <v>118</v>
      </c>
      <c r="E14876">
        <v>2020</v>
      </c>
      <c r="F14876">
        <v>2020</v>
      </c>
      <c r="G14876" t="s">
        <v>125</v>
      </c>
      <c r="H14876" t="s">
        <v>119</v>
      </c>
      <c r="I14876" t="s">
        <v>15</v>
      </c>
      <c r="J14876" s="10">
        <v>18.610058559999999</v>
      </c>
    </row>
    <row r="14877" spans="1:10" x14ac:dyDescent="0.35">
      <c r="A14877" t="s">
        <v>26</v>
      </c>
      <c r="B14877" t="s">
        <v>90</v>
      </c>
      <c r="C14877" t="s">
        <v>117</v>
      </c>
      <c r="D14877" t="s">
        <v>118</v>
      </c>
      <c r="E14877">
        <v>2020</v>
      </c>
      <c r="F14877">
        <v>2020</v>
      </c>
      <c r="G14877" t="s">
        <v>125</v>
      </c>
      <c r="H14877" t="s">
        <v>120</v>
      </c>
      <c r="I14877" t="s">
        <v>15</v>
      </c>
      <c r="J14877" s="10">
        <v>9.5246296929999996</v>
      </c>
    </row>
    <row r="14878" spans="1:10" x14ac:dyDescent="0.35">
      <c r="A14878" t="s">
        <v>26</v>
      </c>
      <c r="B14878" t="s">
        <v>90</v>
      </c>
      <c r="C14878" t="s">
        <v>117</v>
      </c>
      <c r="D14878" t="s">
        <v>118</v>
      </c>
      <c r="E14878">
        <v>2020</v>
      </c>
      <c r="F14878">
        <v>2020</v>
      </c>
      <c r="G14878" t="s">
        <v>125</v>
      </c>
      <c r="H14878" t="s">
        <v>121</v>
      </c>
      <c r="I14878" t="s">
        <v>15</v>
      </c>
      <c r="J14878" s="10">
        <v>30.537375130000001</v>
      </c>
    </row>
    <row r="14879" spans="1:10" x14ac:dyDescent="0.35">
      <c r="A14879" t="s">
        <v>26</v>
      </c>
      <c r="B14879" t="s">
        <v>90</v>
      </c>
      <c r="C14879" t="s">
        <v>117</v>
      </c>
      <c r="D14879" t="s">
        <v>118</v>
      </c>
      <c r="E14879">
        <v>2020</v>
      </c>
      <c r="F14879">
        <v>2020</v>
      </c>
      <c r="G14879" t="s">
        <v>125</v>
      </c>
      <c r="H14879" t="s">
        <v>122</v>
      </c>
      <c r="I14879" t="s">
        <v>15</v>
      </c>
      <c r="J14879" s="10">
        <v>21.400275579999999</v>
      </c>
    </row>
    <row r="14880" spans="1:10" x14ac:dyDescent="0.35">
      <c r="A14880" t="s">
        <v>26</v>
      </c>
      <c r="B14880" t="s">
        <v>90</v>
      </c>
      <c r="C14880" t="s">
        <v>117</v>
      </c>
      <c r="D14880" t="s">
        <v>118</v>
      </c>
      <c r="E14880">
        <v>2020</v>
      </c>
      <c r="F14880">
        <v>2020</v>
      </c>
      <c r="G14880" t="s">
        <v>125</v>
      </c>
      <c r="H14880" t="s">
        <v>123</v>
      </c>
      <c r="I14880" t="s">
        <v>15</v>
      </c>
      <c r="J14880" s="10">
        <v>18.196693079999999</v>
      </c>
    </row>
    <row r="14881" spans="1:10" x14ac:dyDescent="0.35">
      <c r="A14881" t="s">
        <v>26</v>
      </c>
      <c r="B14881" t="s">
        <v>90</v>
      </c>
      <c r="C14881" t="s">
        <v>117</v>
      </c>
      <c r="D14881" t="s">
        <v>118</v>
      </c>
      <c r="E14881">
        <v>2020</v>
      </c>
      <c r="F14881">
        <v>2020</v>
      </c>
      <c r="G14881" t="s">
        <v>125</v>
      </c>
      <c r="H14881" t="s">
        <v>124</v>
      </c>
      <c r="I14881" t="s">
        <v>15</v>
      </c>
      <c r="J14881" s="10">
        <v>1.730967964</v>
      </c>
    </row>
    <row r="14882" spans="1:10" x14ac:dyDescent="0.35">
      <c r="A14882" t="s">
        <v>26</v>
      </c>
      <c r="B14882" t="s">
        <v>90</v>
      </c>
      <c r="C14882" t="s">
        <v>117</v>
      </c>
      <c r="D14882" t="s">
        <v>118</v>
      </c>
      <c r="E14882">
        <v>2020</v>
      </c>
      <c r="F14882">
        <v>2020</v>
      </c>
      <c r="G14882" t="s">
        <v>126</v>
      </c>
      <c r="H14882" t="s">
        <v>119</v>
      </c>
      <c r="I14882" t="s">
        <v>15</v>
      </c>
      <c r="J14882" s="10">
        <v>17.738497070000001</v>
      </c>
    </row>
    <row r="14883" spans="1:10" x14ac:dyDescent="0.35">
      <c r="A14883" t="s">
        <v>26</v>
      </c>
      <c r="B14883" t="s">
        <v>90</v>
      </c>
      <c r="C14883" t="s">
        <v>117</v>
      </c>
      <c r="D14883" t="s">
        <v>118</v>
      </c>
      <c r="E14883">
        <v>2020</v>
      </c>
      <c r="F14883">
        <v>2020</v>
      </c>
      <c r="G14883" t="s">
        <v>126</v>
      </c>
      <c r="H14883" t="s">
        <v>120</v>
      </c>
      <c r="I14883" t="s">
        <v>15</v>
      </c>
      <c r="J14883" s="10">
        <v>8.5450346419999992</v>
      </c>
    </row>
    <row r="14884" spans="1:10" x14ac:dyDescent="0.35">
      <c r="A14884" t="s">
        <v>26</v>
      </c>
      <c r="B14884" t="s">
        <v>90</v>
      </c>
      <c r="C14884" t="s">
        <v>117</v>
      </c>
      <c r="D14884" t="s">
        <v>118</v>
      </c>
      <c r="E14884">
        <v>2020</v>
      </c>
      <c r="F14884">
        <v>2020</v>
      </c>
      <c r="G14884" t="s">
        <v>126</v>
      </c>
      <c r="H14884" t="s">
        <v>121</v>
      </c>
      <c r="I14884" t="s">
        <v>15</v>
      </c>
      <c r="J14884" s="10">
        <v>30.138568129999999</v>
      </c>
    </row>
    <row r="14885" spans="1:10" x14ac:dyDescent="0.35">
      <c r="A14885" t="s">
        <v>26</v>
      </c>
      <c r="B14885" t="s">
        <v>90</v>
      </c>
      <c r="C14885" t="s">
        <v>117</v>
      </c>
      <c r="D14885" t="s">
        <v>118</v>
      </c>
      <c r="E14885">
        <v>2020</v>
      </c>
      <c r="F14885">
        <v>2020</v>
      </c>
      <c r="G14885" t="s">
        <v>126</v>
      </c>
      <c r="H14885" t="s">
        <v>122</v>
      </c>
      <c r="I14885" t="s">
        <v>15</v>
      </c>
      <c r="J14885" s="10">
        <v>21.433647180000001</v>
      </c>
    </row>
    <row r="14886" spans="1:10" x14ac:dyDescent="0.35">
      <c r="A14886" t="s">
        <v>26</v>
      </c>
      <c r="B14886" t="s">
        <v>90</v>
      </c>
      <c r="C14886" t="s">
        <v>117</v>
      </c>
      <c r="D14886" t="s">
        <v>118</v>
      </c>
      <c r="E14886">
        <v>2020</v>
      </c>
      <c r="F14886">
        <v>2020</v>
      </c>
      <c r="G14886" t="s">
        <v>126</v>
      </c>
      <c r="H14886" t="s">
        <v>123</v>
      </c>
      <c r="I14886" t="s">
        <v>15</v>
      </c>
      <c r="J14886" s="10">
        <v>19.177473800000001</v>
      </c>
    </row>
    <row r="14887" spans="1:10" x14ac:dyDescent="0.35">
      <c r="A14887" t="s">
        <v>26</v>
      </c>
      <c r="B14887" t="s">
        <v>90</v>
      </c>
      <c r="C14887" t="s">
        <v>117</v>
      </c>
      <c r="D14887" t="s">
        <v>118</v>
      </c>
      <c r="E14887">
        <v>2020</v>
      </c>
      <c r="F14887">
        <v>2020</v>
      </c>
      <c r="G14887" t="s">
        <v>126</v>
      </c>
      <c r="H14887" t="s">
        <v>124</v>
      </c>
      <c r="I14887" t="s">
        <v>15</v>
      </c>
      <c r="J14887" s="10">
        <v>2.966779179</v>
      </c>
    </row>
    <row r="14888" spans="1:10" x14ac:dyDescent="0.35">
      <c r="A14888" t="s">
        <v>26</v>
      </c>
      <c r="B14888" t="s">
        <v>90</v>
      </c>
      <c r="C14888" t="s">
        <v>117</v>
      </c>
      <c r="D14888" t="s">
        <v>118</v>
      </c>
      <c r="E14888">
        <v>2019</v>
      </c>
      <c r="F14888">
        <v>2019</v>
      </c>
      <c r="G14888" t="s">
        <v>14</v>
      </c>
      <c r="H14888" t="s">
        <v>119</v>
      </c>
      <c r="I14888" t="s">
        <v>15</v>
      </c>
      <c r="J14888" s="10">
        <v>18.31588133</v>
      </c>
    </row>
    <row r="14889" spans="1:10" x14ac:dyDescent="0.35">
      <c r="A14889" t="s">
        <v>26</v>
      </c>
      <c r="B14889" t="s">
        <v>90</v>
      </c>
      <c r="C14889" t="s">
        <v>117</v>
      </c>
      <c r="D14889" t="s">
        <v>118</v>
      </c>
      <c r="E14889">
        <v>2019</v>
      </c>
      <c r="F14889">
        <v>2019</v>
      </c>
      <c r="G14889" t="s">
        <v>14</v>
      </c>
      <c r="H14889" t="s">
        <v>120</v>
      </c>
      <c r="I14889" t="s">
        <v>15</v>
      </c>
      <c r="J14889" s="10">
        <v>9.0837696339999994</v>
      </c>
    </row>
    <row r="14890" spans="1:10" x14ac:dyDescent="0.35">
      <c r="A14890" t="s">
        <v>26</v>
      </c>
      <c r="B14890" t="s">
        <v>90</v>
      </c>
      <c r="C14890" t="s">
        <v>117</v>
      </c>
      <c r="D14890" t="s">
        <v>118</v>
      </c>
      <c r="E14890">
        <v>2019</v>
      </c>
      <c r="F14890">
        <v>2019</v>
      </c>
      <c r="G14890" t="s">
        <v>14</v>
      </c>
      <c r="H14890" t="s">
        <v>121</v>
      </c>
      <c r="I14890" t="s">
        <v>15</v>
      </c>
      <c r="J14890" s="10">
        <v>30.650087259999999</v>
      </c>
    </row>
    <row r="14891" spans="1:10" x14ac:dyDescent="0.35">
      <c r="A14891" t="s">
        <v>26</v>
      </c>
      <c r="B14891" t="s">
        <v>90</v>
      </c>
      <c r="C14891" t="s">
        <v>117</v>
      </c>
      <c r="D14891" t="s">
        <v>118</v>
      </c>
      <c r="E14891">
        <v>2019</v>
      </c>
      <c r="F14891">
        <v>2019</v>
      </c>
      <c r="G14891" t="s">
        <v>14</v>
      </c>
      <c r="H14891" t="s">
        <v>122</v>
      </c>
      <c r="I14891" t="s">
        <v>15</v>
      </c>
      <c r="J14891" s="10">
        <v>21.505235599999999</v>
      </c>
    </row>
    <row r="14892" spans="1:10" x14ac:dyDescent="0.35">
      <c r="A14892" t="s">
        <v>26</v>
      </c>
      <c r="B14892" t="s">
        <v>90</v>
      </c>
      <c r="C14892" t="s">
        <v>117</v>
      </c>
      <c r="D14892" t="s">
        <v>118</v>
      </c>
      <c r="E14892">
        <v>2019</v>
      </c>
      <c r="F14892">
        <v>2019</v>
      </c>
      <c r="G14892" t="s">
        <v>14</v>
      </c>
      <c r="H14892" t="s">
        <v>123</v>
      </c>
      <c r="I14892" t="s">
        <v>15</v>
      </c>
      <c r="J14892" s="10">
        <v>18.272251310000001</v>
      </c>
    </row>
    <row r="14893" spans="1:10" x14ac:dyDescent="0.35">
      <c r="A14893" t="s">
        <v>26</v>
      </c>
      <c r="B14893" t="s">
        <v>90</v>
      </c>
      <c r="C14893" t="s">
        <v>117</v>
      </c>
      <c r="D14893" t="s">
        <v>118</v>
      </c>
      <c r="E14893">
        <v>2019</v>
      </c>
      <c r="F14893">
        <v>2019</v>
      </c>
      <c r="G14893" t="s">
        <v>14</v>
      </c>
      <c r="H14893" t="s">
        <v>124</v>
      </c>
      <c r="I14893" t="s">
        <v>15</v>
      </c>
      <c r="J14893" s="10">
        <v>2.1727748689999999</v>
      </c>
    </row>
    <row r="14894" spans="1:10" x14ac:dyDescent="0.35">
      <c r="A14894" t="s">
        <v>26</v>
      </c>
      <c r="B14894" t="s">
        <v>90</v>
      </c>
      <c r="C14894" t="s">
        <v>117</v>
      </c>
      <c r="D14894" t="s">
        <v>118</v>
      </c>
      <c r="E14894">
        <v>2019</v>
      </c>
      <c r="F14894">
        <v>2019</v>
      </c>
      <c r="G14894" t="s">
        <v>125</v>
      </c>
      <c r="H14894" t="s">
        <v>119</v>
      </c>
      <c r="I14894" t="s">
        <v>15</v>
      </c>
      <c r="J14894" s="10">
        <v>18.827556699999999</v>
      </c>
    </row>
    <row r="14895" spans="1:10" x14ac:dyDescent="0.35">
      <c r="A14895" t="s">
        <v>26</v>
      </c>
      <c r="B14895" t="s">
        <v>90</v>
      </c>
      <c r="C14895" t="s">
        <v>117</v>
      </c>
      <c r="D14895" t="s">
        <v>118</v>
      </c>
      <c r="E14895">
        <v>2019</v>
      </c>
      <c r="F14895">
        <v>2019</v>
      </c>
      <c r="G14895" t="s">
        <v>125</v>
      </c>
      <c r="H14895" t="s">
        <v>120</v>
      </c>
      <c r="I14895" t="s">
        <v>15</v>
      </c>
      <c r="J14895" s="10">
        <v>9.593495935</v>
      </c>
    </row>
    <row r="14896" spans="1:10" x14ac:dyDescent="0.35">
      <c r="A14896" t="s">
        <v>26</v>
      </c>
      <c r="B14896" t="s">
        <v>90</v>
      </c>
      <c r="C14896" t="s">
        <v>117</v>
      </c>
      <c r="D14896" t="s">
        <v>118</v>
      </c>
      <c r="E14896">
        <v>2019</v>
      </c>
      <c r="F14896">
        <v>2019</v>
      </c>
      <c r="G14896" t="s">
        <v>125</v>
      </c>
      <c r="H14896" t="s">
        <v>121</v>
      </c>
      <c r="I14896" t="s">
        <v>15</v>
      </c>
      <c r="J14896" s="10">
        <v>30.697475399999998</v>
      </c>
    </row>
    <row r="14897" spans="1:10" x14ac:dyDescent="0.35">
      <c r="A14897" t="s">
        <v>26</v>
      </c>
      <c r="B14897" t="s">
        <v>90</v>
      </c>
      <c r="C14897" t="s">
        <v>117</v>
      </c>
      <c r="D14897" t="s">
        <v>118</v>
      </c>
      <c r="E14897">
        <v>2019</v>
      </c>
      <c r="F14897">
        <v>2019</v>
      </c>
      <c r="G14897" t="s">
        <v>125</v>
      </c>
      <c r="H14897" t="s">
        <v>122</v>
      </c>
      <c r="I14897" t="s">
        <v>15</v>
      </c>
      <c r="J14897" s="10">
        <v>21.514762520000001</v>
      </c>
    </row>
    <row r="14898" spans="1:10" x14ac:dyDescent="0.35">
      <c r="A14898" t="s">
        <v>26</v>
      </c>
      <c r="B14898" t="s">
        <v>90</v>
      </c>
      <c r="C14898" t="s">
        <v>117</v>
      </c>
      <c r="D14898" t="s">
        <v>118</v>
      </c>
      <c r="E14898">
        <v>2019</v>
      </c>
      <c r="F14898">
        <v>2019</v>
      </c>
      <c r="G14898" t="s">
        <v>125</v>
      </c>
      <c r="H14898" t="s">
        <v>123</v>
      </c>
      <c r="I14898" t="s">
        <v>15</v>
      </c>
      <c r="J14898" s="10">
        <v>17.80059906</v>
      </c>
    </row>
    <row r="14899" spans="1:10" x14ac:dyDescent="0.35">
      <c r="A14899" t="s">
        <v>26</v>
      </c>
      <c r="B14899" t="s">
        <v>90</v>
      </c>
      <c r="C14899" t="s">
        <v>117</v>
      </c>
      <c r="D14899" t="s">
        <v>118</v>
      </c>
      <c r="E14899">
        <v>2019</v>
      </c>
      <c r="F14899">
        <v>2019</v>
      </c>
      <c r="G14899" t="s">
        <v>125</v>
      </c>
      <c r="H14899" t="s">
        <v>124</v>
      </c>
      <c r="I14899" t="s">
        <v>15</v>
      </c>
      <c r="J14899" s="10">
        <v>1.566110398</v>
      </c>
    </row>
    <row r="14900" spans="1:10" x14ac:dyDescent="0.35">
      <c r="A14900" t="s">
        <v>26</v>
      </c>
      <c r="B14900" t="s">
        <v>90</v>
      </c>
      <c r="C14900" t="s">
        <v>117</v>
      </c>
      <c r="D14900" t="s">
        <v>118</v>
      </c>
      <c r="E14900">
        <v>2019</v>
      </c>
      <c r="F14900">
        <v>2019</v>
      </c>
      <c r="G14900" t="s">
        <v>126</v>
      </c>
      <c r="H14900" t="s">
        <v>119</v>
      </c>
      <c r="I14900" t="s">
        <v>15</v>
      </c>
      <c r="J14900" s="10">
        <v>17.783711619999998</v>
      </c>
    </row>
    <row r="14901" spans="1:10" x14ac:dyDescent="0.35">
      <c r="A14901" t="s">
        <v>26</v>
      </c>
      <c r="B14901" t="s">
        <v>90</v>
      </c>
      <c r="C14901" t="s">
        <v>117</v>
      </c>
      <c r="D14901" t="s">
        <v>118</v>
      </c>
      <c r="E14901">
        <v>2019</v>
      </c>
      <c r="F14901">
        <v>2019</v>
      </c>
      <c r="G14901" t="s">
        <v>126</v>
      </c>
      <c r="H14901" t="s">
        <v>120</v>
      </c>
      <c r="I14901" t="s">
        <v>15</v>
      </c>
      <c r="J14901" s="10">
        <v>8.553627058</v>
      </c>
    </row>
    <row r="14902" spans="1:10" x14ac:dyDescent="0.35">
      <c r="A14902" t="s">
        <v>26</v>
      </c>
      <c r="B14902" t="s">
        <v>90</v>
      </c>
      <c r="C14902" t="s">
        <v>117</v>
      </c>
      <c r="D14902" t="s">
        <v>118</v>
      </c>
      <c r="E14902">
        <v>2019</v>
      </c>
      <c r="F14902">
        <v>2019</v>
      </c>
      <c r="G14902" t="s">
        <v>126</v>
      </c>
      <c r="H14902" t="s">
        <v>121</v>
      </c>
      <c r="I14902" t="s">
        <v>15</v>
      </c>
      <c r="J14902" s="10">
        <v>30.600801069999999</v>
      </c>
    </row>
    <row r="14903" spans="1:10" x14ac:dyDescent="0.35">
      <c r="A14903" t="s">
        <v>26</v>
      </c>
      <c r="B14903" t="s">
        <v>90</v>
      </c>
      <c r="C14903" t="s">
        <v>117</v>
      </c>
      <c r="D14903" t="s">
        <v>118</v>
      </c>
      <c r="E14903">
        <v>2019</v>
      </c>
      <c r="F14903">
        <v>2019</v>
      </c>
      <c r="G14903" t="s">
        <v>126</v>
      </c>
      <c r="H14903" t="s">
        <v>122</v>
      </c>
      <c r="I14903" t="s">
        <v>15</v>
      </c>
      <c r="J14903" s="10">
        <v>21.495327100000001</v>
      </c>
    </row>
    <row r="14904" spans="1:10" x14ac:dyDescent="0.35">
      <c r="A14904" t="s">
        <v>26</v>
      </c>
      <c r="B14904" t="s">
        <v>90</v>
      </c>
      <c r="C14904" t="s">
        <v>117</v>
      </c>
      <c r="D14904" t="s">
        <v>118</v>
      </c>
      <c r="E14904">
        <v>2019</v>
      </c>
      <c r="F14904">
        <v>2019</v>
      </c>
      <c r="G14904" t="s">
        <v>126</v>
      </c>
      <c r="H14904" t="s">
        <v>123</v>
      </c>
      <c r="I14904" t="s">
        <v>15</v>
      </c>
      <c r="J14904" s="10">
        <v>18.762794840000002</v>
      </c>
    </row>
    <row r="14905" spans="1:10" x14ac:dyDescent="0.35">
      <c r="A14905" t="s">
        <v>26</v>
      </c>
      <c r="B14905" t="s">
        <v>90</v>
      </c>
      <c r="C14905" t="s">
        <v>117</v>
      </c>
      <c r="D14905" t="s">
        <v>118</v>
      </c>
      <c r="E14905">
        <v>2019</v>
      </c>
      <c r="F14905">
        <v>2019</v>
      </c>
      <c r="G14905" t="s">
        <v>126</v>
      </c>
      <c r="H14905" t="s">
        <v>124</v>
      </c>
      <c r="I14905" t="s">
        <v>15</v>
      </c>
      <c r="J14905" s="10">
        <v>2.8037383180000002</v>
      </c>
    </row>
    <row r="14906" spans="1:10" x14ac:dyDescent="0.35">
      <c r="A14906" t="s">
        <v>26</v>
      </c>
      <c r="B14906" t="s">
        <v>90</v>
      </c>
      <c r="C14906" t="s">
        <v>117</v>
      </c>
      <c r="D14906" t="s">
        <v>118</v>
      </c>
      <c r="E14906">
        <v>2018</v>
      </c>
      <c r="F14906">
        <v>2018</v>
      </c>
      <c r="G14906" t="s">
        <v>14</v>
      </c>
      <c r="H14906" t="s">
        <v>119</v>
      </c>
      <c r="I14906" t="s">
        <v>15</v>
      </c>
      <c r="J14906" s="10">
        <v>18.290561109999999</v>
      </c>
    </row>
    <row r="14907" spans="1:10" x14ac:dyDescent="0.35">
      <c r="A14907" t="s">
        <v>26</v>
      </c>
      <c r="B14907" t="s">
        <v>90</v>
      </c>
      <c r="C14907" t="s">
        <v>117</v>
      </c>
      <c r="D14907" t="s">
        <v>118</v>
      </c>
      <c r="E14907">
        <v>2018</v>
      </c>
      <c r="F14907">
        <v>2018</v>
      </c>
      <c r="G14907" t="s">
        <v>14</v>
      </c>
      <c r="H14907" t="s">
        <v>120</v>
      </c>
      <c r="I14907" t="s">
        <v>15</v>
      </c>
      <c r="J14907" s="10">
        <v>9.4954327969999994</v>
      </c>
    </row>
    <row r="14908" spans="1:10" x14ac:dyDescent="0.35">
      <c r="A14908" t="s">
        <v>26</v>
      </c>
      <c r="B14908" t="s">
        <v>90</v>
      </c>
      <c r="C14908" t="s">
        <v>117</v>
      </c>
      <c r="D14908" t="s">
        <v>118</v>
      </c>
      <c r="E14908">
        <v>2018</v>
      </c>
      <c r="F14908">
        <v>2018</v>
      </c>
      <c r="G14908" t="s">
        <v>14</v>
      </c>
      <c r="H14908" t="s">
        <v>121</v>
      </c>
      <c r="I14908" t="s">
        <v>15</v>
      </c>
      <c r="J14908" s="10">
        <v>30.85254458</v>
      </c>
    </row>
    <row r="14909" spans="1:10" x14ac:dyDescent="0.35">
      <c r="A14909" t="s">
        <v>26</v>
      </c>
      <c r="B14909" t="s">
        <v>90</v>
      </c>
      <c r="C14909" t="s">
        <v>117</v>
      </c>
      <c r="D14909" t="s">
        <v>118</v>
      </c>
      <c r="E14909">
        <v>2018</v>
      </c>
      <c r="F14909">
        <v>2018</v>
      </c>
      <c r="G14909" t="s">
        <v>14</v>
      </c>
      <c r="H14909" t="s">
        <v>122</v>
      </c>
      <c r="I14909" t="s">
        <v>15</v>
      </c>
      <c r="J14909" s="10">
        <v>21.54849935</v>
      </c>
    </row>
    <row r="14910" spans="1:10" x14ac:dyDescent="0.35">
      <c r="A14910" t="s">
        <v>26</v>
      </c>
      <c r="B14910" t="s">
        <v>90</v>
      </c>
      <c r="C14910" t="s">
        <v>117</v>
      </c>
      <c r="D14910" t="s">
        <v>118</v>
      </c>
      <c r="E14910">
        <v>2018</v>
      </c>
      <c r="F14910">
        <v>2018</v>
      </c>
      <c r="G14910" t="s">
        <v>14</v>
      </c>
      <c r="H14910" t="s">
        <v>123</v>
      </c>
      <c r="I14910" t="s">
        <v>15</v>
      </c>
      <c r="J14910" s="10">
        <v>17.75119617</v>
      </c>
    </row>
    <row r="14911" spans="1:10" x14ac:dyDescent="0.35">
      <c r="A14911" t="s">
        <v>26</v>
      </c>
      <c r="B14911" t="s">
        <v>90</v>
      </c>
      <c r="C14911" t="s">
        <v>117</v>
      </c>
      <c r="D14911" t="s">
        <v>118</v>
      </c>
      <c r="E14911">
        <v>2018</v>
      </c>
      <c r="F14911">
        <v>2018</v>
      </c>
      <c r="G14911" t="s">
        <v>14</v>
      </c>
      <c r="H14911" t="s">
        <v>124</v>
      </c>
      <c r="I14911" t="s">
        <v>15</v>
      </c>
      <c r="J14911" s="10">
        <v>2.0617659850000001</v>
      </c>
    </row>
    <row r="14912" spans="1:10" x14ac:dyDescent="0.35">
      <c r="A14912" t="s">
        <v>26</v>
      </c>
      <c r="B14912" t="s">
        <v>90</v>
      </c>
      <c r="C14912" t="s">
        <v>117</v>
      </c>
      <c r="D14912" t="s">
        <v>118</v>
      </c>
      <c r="E14912">
        <v>2018</v>
      </c>
      <c r="F14912">
        <v>2018</v>
      </c>
      <c r="G14912" t="s">
        <v>125</v>
      </c>
      <c r="H14912" t="s">
        <v>119</v>
      </c>
      <c r="I14912" t="s">
        <v>15</v>
      </c>
      <c r="J14912" s="10">
        <v>18.825236919999998</v>
      </c>
    </row>
    <row r="14913" spans="1:10" x14ac:dyDescent="0.35">
      <c r="A14913" t="s">
        <v>26</v>
      </c>
      <c r="B14913" t="s">
        <v>90</v>
      </c>
      <c r="C14913" t="s">
        <v>117</v>
      </c>
      <c r="D14913" t="s">
        <v>118</v>
      </c>
      <c r="E14913">
        <v>2018</v>
      </c>
      <c r="F14913">
        <v>2018</v>
      </c>
      <c r="G14913" t="s">
        <v>125</v>
      </c>
      <c r="H14913" t="s">
        <v>120</v>
      </c>
      <c r="I14913" t="s">
        <v>15</v>
      </c>
      <c r="J14913" s="10">
        <v>10.04012636</v>
      </c>
    </row>
    <row r="14914" spans="1:10" x14ac:dyDescent="0.35">
      <c r="A14914" t="s">
        <v>26</v>
      </c>
      <c r="B14914" t="s">
        <v>90</v>
      </c>
      <c r="C14914" t="s">
        <v>117</v>
      </c>
      <c r="D14914" t="s">
        <v>118</v>
      </c>
      <c r="E14914">
        <v>2018</v>
      </c>
      <c r="F14914">
        <v>2018</v>
      </c>
      <c r="G14914" t="s">
        <v>125</v>
      </c>
      <c r="H14914" t="s">
        <v>121</v>
      </c>
      <c r="I14914" t="s">
        <v>15</v>
      </c>
      <c r="J14914" s="10">
        <v>30.777768290000001</v>
      </c>
    </row>
    <row r="14915" spans="1:10" x14ac:dyDescent="0.35">
      <c r="A14915" t="s">
        <v>26</v>
      </c>
      <c r="B14915" t="s">
        <v>90</v>
      </c>
      <c r="C14915" t="s">
        <v>117</v>
      </c>
      <c r="D14915" t="s">
        <v>118</v>
      </c>
      <c r="E14915">
        <v>2018</v>
      </c>
      <c r="F14915">
        <v>2018</v>
      </c>
      <c r="G14915" t="s">
        <v>125</v>
      </c>
      <c r="H14915" t="s">
        <v>122</v>
      </c>
      <c r="I14915" t="s">
        <v>15</v>
      </c>
      <c r="J14915" s="10">
        <v>21.599931699999999</v>
      </c>
    </row>
    <row r="14916" spans="1:10" x14ac:dyDescent="0.35">
      <c r="A14916" t="s">
        <v>26</v>
      </c>
      <c r="B14916" t="s">
        <v>90</v>
      </c>
      <c r="C14916" t="s">
        <v>117</v>
      </c>
      <c r="D14916" t="s">
        <v>118</v>
      </c>
      <c r="E14916">
        <v>2018</v>
      </c>
      <c r="F14916">
        <v>2018</v>
      </c>
      <c r="G14916" t="s">
        <v>125</v>
      </c>
      <c r="H14916" t="s">
        <v>123</v>
      </c>
      <c r="I14916" t="s">
        <v>15</v>
      </c>
      <c r="J14916" s="10">
        <v>17.271407839999998</v>
      </c>
    </row>
    <row r="14917" spans="1:10" x14ac:dyDescent="0.35">
      <c r="A14917" t="s">
        <v>26</v>
      </c>
      <c r="B14917" t="s">
        <v>90</v>
      </c>
      <c r="C14917" t="s">
        <v>117</v>
      </c>
      <c r="D14917" t="s">
        <v>118</v>
      </c>
      <c r="E14917">
        <v>2018</v>
      </c>
      <c r="F14917">
        <v>2018</v>
      </c>
      <c r="G14917" t="s">
        <v>125</v>
      </c>
      <c r="H14917" t="s">
        <v>124</v>
      </c>
      <c r="I14917" t="s">
        <v>15</v>
      </c>
      <c r="J14917" s="10">
        <v>1.4855289</v>
      </c>
    </row>
    <row r="14918" spans="1:10" x14ac:dyDescent="0.35">
      <c r="A14918" t="s">
        <v>26</v>
      </c>
      <c r="B14918" t="s">
        <v>90</v>
      </c>
      <c r="C14918" t="s">
        <v>117</v>
      </c>
      <c r="D14918" t="s">
        <v>118</v>
      </c>
      <c r="E14918">
        <v>2018</v>
      </c>
      <c r="F14918">
        <v>2018</v>
      </c>
      <c r="G14918" t="s">
        <v>126</v>
      </c>
      <c r="H14918" t="s">
        <v>119</v>
      </c>
      <c r="I14918" t="s">
        <v>15</v>
      </c>
      <c r="J14918" s="10">
        <v>17.735213269999999</v>
      </c>
    </row>
    <row r="14919" spans="1:10" x14ac:dyDescent="0.35">
      <c r="A14919" t="s">
        <v>26</v>
      </c>
      <c r="B14919" t="s">
        <v>90</v>
      </c>
      <c r="C14919" t="s">
        <v>117</v>
      </c>
      <c r="D14919" t="s">
        <v>118</v>
      </c>
      <c r="E14919">
        <v>2018</v>
      </c>
      <c r="F14919">
        <v>2018</v>
      </c>
      <c r="G14919" t="s">
        <v>126</v>
      </c>
      <c r="H14919" t="s">
        <v>120</v>
      </c>
      <c r="I14919" t="s">
        <v>15</v>
      </c>
      <c r="J14919" s="10">
        <v>8.929679879</v>
      </c>
    </row>
    <row r="14920" spans="1:10" x14ac:dyDescent="0.35">
      <c r="A14920" t="s">
        <v>26</v>
      </c>
      <c r="B14920" t="s">
        <v>90</v>
      </c>
      <c r="C14920" t="s">
        <v>117</v>
      </c>
      <c r="D14920" t="s">
        <v>118</v>
      </c>
      <c r="E14920">
        <v>2018</v>
      </c>
      <c r="F14920">
        <v>2018</v>
      </c>
      <c r="G14920" t="s">
        <v>126</v>
      </c>
      <c r="H14920" t="s">
        <v>121</v>
      </c>
      <c r="I14920" t="s">
        <v>15</v>
      </c>
      <c r="J14920" s="10">
        <v>30.93021194</v>
      </c>
    </row>
    <row r="14921" spans="1:10" x14ac:dyDescent="0.35">
      <c r="A14921" t="s">
        <v>26</v>
      </c>
      <c r="B14921" t="s">
        <v>90</v>
      </c>
      <c r="C14921" t="s">
        <v>117</v>
      </c>
      <c r="D14921" t="s">
        <v>118</v>
      </c>
      <c r="E14921">
        <v>2018</v>
      </c>
      <c r="F14921">
        <v>2018</v>
      </c>
      <c r="G14921" t="s">
        <v>126</v>
      </c>
      <c r="H14921" t="s">
        <v>122</v>
      </c>
      <c r="I14921" t="s">
        <v>15</v>
      </c>
      <c r="J14921" s="10">
        <v>21.49507848</v>
      </c>
    </row>
    <row r="14922" spans="1:10" x14ac:dyDescent="0.35">
      <c r="A14922" t="s">
        <v>26</v>
      </c>
      <c r="B14922" t="s">
        <v>90</v>
      </c>
      <c r="C14922" t="s">
        <v>117</v>
      </c>
      <c r="D14922" t="s">
        <v>118</v>
      </c>
      <c r="E14922">
        <v>2018</v>
      </c>
      <c r="F14922">
        <v>2018</v>
      </c>
      <c r="G14922" t="s">
        <v>126</v>
      </c>
      <c r="H14922" t="s">
        <v>123</v>
      </c>
      <c r="I14922" t="s">
        <v>15</v>
      </c>
      <c r="J14922" s="10">
        <v>18.249534449999999</v>
      </c>
    </row>
    <row r="14923" spans="1:10" x14ac:dyDescent="0.35">
      <c r="A14923" t="s">
        <v>26</v>
      </c>
      <c r="B14923" t="s">
        <v>90</v>
      </c>
      <c r="C14923" t="s">
        <v>117</v>
      </c>
      <c r="D14923" t="s">
        <v>118</v>
      </c>
      <c r="E14923">
        <v>2018</v>
      </c>
      <c r="F14923">
        <v>2018</v>
      </c>
      <c r="G14923" t="s">
        <v>126</v>
      </c>
      <c r="H14923" t="s">
        <v>124</v>
      </c>
      <c r="I14923" t="s">
        <v>15</v>
      </c>
      <c r="J14923" s="10">
        <v>2.6602819900000001</v>
      </c>
    </row>
    <row r="14924" spans="1:10" x14ac:dyDescent="0.35">
      <c r="A14924" t="s">
        <v>26</v>
      </c>
      <c r="B14924" t="s">
        <v>90</v>
      </c>
      <c r="C14924" t="s">
        <v>117</v>
      </c>
      <c r="D14924" t="s">
        <v>118</v>
      </c>
      <c r="E14924">
        <v>2017</v>
      </c>
      <c r="F14924">
        <v>2017</v>
      </c>
      <c r="G14924" t="s">
        <v>14</v>
      </c>
      <c r="H14924" t="s">
        <v>119</v>
      </c>
      <c r="I14924" t="s">
        <v>15</v>
      </c>
      <c r="J14924" s="10">
        <v>18.34055459</v>
      </c>
    </row>
    <row r="14925" spans="1:10" x14ac:dyDescent="0.35">
      <c r="A14925" t="s">
        <v>26</v>
      </c>
      <c r="B14925" t="s">
        <v>90</v>
      </c>
      <c r="C14925" t="s">
        <v>117</v>
      </c>
      <c r="D14925" t="s">
        <v>118</v>
      </c>
      <c r="E14925">
        <v>2017</v>
      </c>
      <c r="F14925">
        <v>2017</v>
      </c>
      <c r="G14925" t="s">
        <v>14</v>
      </c>
      <c r="H14925" t="s">
        <v>120</v>
      </c>
      <c r="I14925" t="s">
        <v>15</v>
      </c>
      <c r="J14925" s="10">
        <v>9.7010398609999999</v>
      </c>
    </row>
    <row r="14926" spans="1:10" x14ac:dyDescent="0.35">
      <c r="A14926" t="s">
        <v>26</v>
      </c>
      <c r="B14926" t="s">
        <v>90</v>
      </c>
      <c r="C14926" t="s">
        <v>117</v>
      </c>
      <c r="D14926" t="s">
        <v>118</v>
      </c>
      <c r="E14926">
        <v>2017</v>
      </c>
      <c r="F14926">
        <v>2017</v>
      </c>
      <c r="G14926" t="s">
        <v>14</v>
      </c>
      <c r="H14926" t="s">
        <v>121</v>
      </c>
      <c r="I14926" t="s">
        <v>15</v>
      </c>
      <c r="J14926" s="10">
        <v>31.221837090000001</v>
      </c>
    </row>
    <row r="14927" spans="1:10" x14ac:dyDescent="0.35">
      <c r="A14927" t="s">
        <v>26</v>
      </c>
      <c r="B14927" t="s">
        <v>90</v>
      </c>
      <c r="C14927" t="s">
        <v>117</v>
      </c>
      <c r="D14927" t="s">
        <v>118</v>
      </c>
      <c r="E14927">
        <v>2017</v>
      </c>
      <c r="F14927">
        <v>2017</v>
      </c>
      <c r="G14927" t="s">
        <v>14</v>
      </c>
      <c r="H14927" t="s">
        <v>122</v>
      </c>
      <c r="I14927" t="s">
        <v>15</v>
      </c>
      <c r="J14927" s="10">
        <v>21.31715771</v>
      </c>
    </row>
    <row r="14928" spans="1:10" x14ac:dyDescent="0.35">
      <c r="A14928" t="s">
        <v>26</v>
      </c>
      <c r="B14928" t="s">
        <v>90</v>
      </c>
      <c r="C14928" t="s">
        <v>117</v>
      </c>
      <c r="D14928" t="s">
        <v>118</v>
      </c>
      <c r="E14928">
        <v>2017</v>
      </c>
      <c r="F14928">
        <v>2017</v>
      </c>
      <c r="G14928" t="s">
        <v>14</v>
      </c>
      <c r="H14928" t="s">
        <v>123</v>
      </c>
      <c r="I14928" t="s">
        <v>15</v>
      </c>
      <c r="J14928" s="10">
        <v>17.36568458</v>
      </c>
    </row>
    <row r="14929" spans="1:10" x14ac:dyDescent="0.35">
      <c r="A14929" t="s">
        <v>26</v>
      </c>
      <c r="B14929" t="s">
        <v>90</v>
      </c>
      <c r="C14929" t="s">
        <v>117</v>
      </c>
      <c r="D14929" t="s">
        <v>118</v>
      </c>
      <c r="E14929">
        <v>2017</v>
      </c>
      <c r="F14929">
        <v>2017</v>
      </c>
      <c r="G14929" t="s">
        <v>14</v>
      </c>
      <c r="H14929" t="s">
        <v>124</v>
      </c>
      <c r="I14929" t="s">
        <v>15</v>
      </c>
      <c r="J14929" s="10">
        <v>2.05372617</v>
      </c>
    </row>
    <row r="14930" spans="1:10" x14ac:dyDescent="0.35">
      <c r="A14930" t="s">
        <v>26</v>
      </c>
      <c r="B14930" t="s">
        <v>90</v>
      </c>
      <c r="C14930" t="s">
        <v>117</v>
      </c>
      <c r="D14930" t="s">
        <v>118</v>
      </c>
      <c r="E14930">
        <v>2017</v>
      </c>
      <c r="F14930">
        <v>2017</v>
      </c>
      <c r="G14930" t="s">
        <v>125</v>
      </c>
      <c r="H14930" t="s">
        <v>119</v>
      </c>
      <c r="I14930" t="s">
        <v>15</v>
      </c>
      <c r="J14930" s="10">
        <v>18.91569346</v>
      </c>
    </row>
    <row r="14931" spans="1:10" x14ac:dyDescent="0.35">
      <c r="A14931" t="s">
        <v>26</v>
      </c>
      <c r="B14931" t="s">
        <v>90</v>
      </c>
      <c r="C14931" t="s">
        <v>117</v>
      </c>
      <c r="D14931" t="s">
        <v>118</v>
      </c>
      <c r="E14931">
        <v>2017</v>
      </c>
      <c r="F14931">
        <v>2017</v>
      </c>
      <c r="G14931" t="s">
        <v>125</v>
      </c>
      <c r="H14931" t="s">
        <v>120</v>
      </c>
      <c r="I14931" t="s">
        <v>15</v>
      </c>
      <c r="J14931" s="10">
        <v>10.041769670000001</v>
      </c>
    </row>
    <row r="14932" spans="1:10" x14ac:dyDescent="0.35">
      <c r="A14932" t="s">
        <v>26</v>
      </c>
      <c r="B14932" t="s">
        <v>90</v>
      </c>
      <c r="C14932" t="s">
        <v>117</v>
      </c>
      <c r="D14932" t="s">
        <v>118</v>
      </c>
      <c r="E14932">
        <v>2017</v>
      </c>
      <c r="F14932">
        <v>2017</v>
      </c>
      <c r="G14932" t="s">
        <v>125</v>
      </c>
      <c r="H14932" t="s">
        <v>121</v>
      </c>
      <c r="I14932" t="s">
        <v>15</v>
      </c>
      <c r="J14932" s="10">
        <v>31.199386239999999</v>
      </c>
    </row>
    <row r="14933" spans="1:10" x14ac:dyDescent="0.35">
      <c r="A14933" t="s">
        <v>26</v>
      </c>
      <c r="B14933" t="s">
        <v>90</v>
      </c>
      <c r="C14933" t="s">
        <v>117</v>
      </c>
      <c r="D14933" t="s">
        <v>118</v>
      </c>
      <c r="E14933">
        <v>2017</v>
      </c>
      <c r="F14933">
        <v>2017</v>
      </c>
      <c r="G14933" t="s">
        <v>125</v>
      </c>
      <c r="H14933" t="s">
        <v>122</v>
      </c>
      <c r="I14933" t="s">
        <v>15</v>
      </c>
      <c r="J14933" s="10">
        <v>21.473020200000001</v>
      </c>
    </row>
    <row r="14934" spans="1:10" x14ac:dyDescent="0.35">
      <c r="A14934" t="s">
        <v>26</v>
      </c>
      <c r="B14934" t="s">
        <v>90</v>
      </c>
      <c r="C14934" t="s">
        <v>117</v>
      </c>
      <c r="D14934" t="s">
        <v>118</v>
      </c>
      <c r="E14934">
        <v>2017</v>
      </c>
      <c r="F14934">
        <v>2017</v>
      </c>
      <c r="G14934" t="s">
        <v>125</v>
      </c>
      <c r="H14934" t="s">
        <v>123</v>
      </c>
      <c r="I14934" t="s">
        <v>15</v>
      </c>
      <c r="J14934" s="10">
        <v>16.963600719999999</v>
      </c>
    </row>
    <row r="14935" spans="1:10" x14ac:dyDescent="0.35">
      <c r="A14935" t="s">
        <v>26</v>
      </c>
      <c r="B14935" t="s">
        <v>90</v>
      </c>
      <c r="C14935" t="s">
        <v>117</v>
      </c>
      <c r="D14935" t="s">
        <v>118</v>
      </c>
      <c r="E14935">
        <v>2017</v>
      </c>
      <c r="F14935">
        <v>2017</v>
      </c>
      <c r="G14935" t="s">
        <v>125</v>
      </c>
      <c r="H14935" t="s">
        <v>124</v>
      </c>
      <c r="I14935" t="s">
        <v>15</v>
      </c>
      <c r="J14935" s="10">
        <v>1.4065297080000001</v>
      </c>
    </row>
    <row r="14936" spans="1:10" x14ac:dyDescent="0.35">
      <c r="A14936" t="s">
        <v>26</v>
      </c>
      <c r="B14936" t="s">
        <v>90</v>
      </c>
      <c r="C14936" t="s">
        <v>117</v>
      </c>
      <c r="D14936" t="s">
        <v>118</v>
      </c>
      <c r="E14936">
        <v>2017</v>
      </c>
      <c r="F14936">
        <v>2017</v>
      </c>
      <c r="G14936" t="s">
        <v>126</v>
      </c>
      <c r="H14936" t="s">
        <v>119</v>
      </c>
      <c r="I14936" t="s">
        <v>15</v>
      </c>
      <c r="J14936" s="10">
        <v>17.746056920000001</v>
      </c>
    </row>
    <row r="14937" spans="1:10" x14ac:dyDescent="0.35">
      <c r="A14937" t="s">
        <v>26</v>
      </c>
      <c r="B14937" t="s">
        <v>90</v>
      </c>
      <c r="C14937" t="s">
        <v>117</v>
      </c>
      <c r="D14937" t="s">
        <v>118</v>
      </c>
      <c r="E14937">
        <v>2017</v>
      </c>
      <c r="F14937">
        <v>2017</v>
      </c>
      <c r="G14937" t="s">
        <v>126</v>
      </c>
      <c r="H14937" t="s">
        <v>120</v>
      </c>
      <c r="I14937" t="s">
        <v>15</v>
      </c>
      <c r="J14937" s="10">
        <v>9.3488413080000008</v>
      </c>
    </row>
    <row r="14938" spans="1:10" x14ac:dyDescent="0.35">
      <c r="A14938" t="s">
        <v>26</v>
      </c>
      <c r="B14938" t="s">
        <v>90</v>
      </c>
      <c r="C14938" t="s">
        <v>117</v>
      </c>
      <c r="D14938" t="s">
        <v>118</v>
      </c>
      <c r="E14938">
        <v>2017</v>
      </c>
      <c r="F14938">
        <v>2017</v>
      </c>
      <c r="G14938" t="s">
        <v>126</v>
      </c>
      <c r="H14938" t="s">
        <v>121</v>
      </c>
      <c r="I14938" t="s">
        <v>15</v>
      </c>
      <c r="J14938" s="10">
        <v>31.245043620000001</v>
      </c>
    </row>
    <row r="14939" spans="1:10" x14ac:dyDescent="0.35">
      <c r="A14939" t="s">
        <v>26</v>
      </c>
      <c r="B14939" t="s">
        <v>90</v>
      </c>
      <c r="C14939" t="s">
        <v>117</v>
      </c>
      <c r="D14939" t="s">
        <v>118</v>
      </c>
      <c r="E14939">
        <v>2017</v>
      </c>
      <c r="F14939">
        <v>2017</v>
      </c>
      <c r="G14939" t="s">
        <v>126</v>
      </c>
      <c r="H14939" t="s">
        <v>122</v>
      </c>
      <c r="I14939" t="s">
        <v>15</v>
      </c>
      <c r="J14939" s="10">
        <v>21.156048989999999</v>
      </c>
    </row>
    <row r="14940" spans="1:10" x14ac:dyDescent="0.35">
      <c r="A14940" t="s">
        <v>26</v>
      </c>
      <c r="B14940" t="s">
        <v>90</v>
      </c>
      <c r="C14940" t="s">
        <v>117</v>
      </c>
      <c r="D14940" t="s">
        <v>118</v>
      </c>
      <c r="E14940">
        <v>2017</v>
      </c>
      <c r="F14940">
        <v>2017</v>
      </c>
      <c r="G14940" t="s">
        <v>126</v>
      </c>
      <c r="H14940" t="s">
        <v>123</v>
      </c>
      <c r="I14940" t="s">
        <v>15</v>
      </c>
      <c r="J14940" s="10">
        <v>17.781302320000002</v>
      </c>
    </row>
    <row r="14941" spans="1:10" x14ac:dyDescent="0.35">
      <c r="A14941" t="s">
        <v>26</v>
      </c>
      <c r="B14941" t="s">
        <v>90</v>
      </c>
      <c r="C14941" t="s">
        <v>117</v>
      </c>
      <c r="D14941" t="s">
        <v>118</v>
      </c>
      <c r="E14941">
        <v>2017</v>
      </c>
      <c r="F14941">
        <v>2017</v>
      </c>
      <c r="G14941" t="s">
        <v>126</v>
      </c>
      <c r="H14941" t="s">
        <v>124</v>
      </c>
      <c r="I14941" t="s">
        <v>15</v>
      </c>
      <c r="J14941" s="10">
        <v>2.7227068459999999</v>
      </c>
    </row>
    <row r="14942" spans="1:10" x14ac:dyDescent="0.35">
      <c r="A14942" t="s">
        <v>26</v>
      </c>
      <c r="B14942" t="s">
        <v>90</v>
      </c>
      <c r="C14942" t="s">
        <v>117</v>
      </c>
      <c r="D14942" t="s">
        <v>118</v>
      </c>
      <c r="E14942">
        <v>2016</v>
      </c>
      <c r="F14942">
        <v>2016</v>
      </c>
      <c r="G14942" t="s">
        <v>14</v>
      </c>
      <c r="H14942" t="s">
        <v>119</v>
      </c>
      <c r="I14942" t="s">
        <v>15</v>
      </c>
      <c r="J14942" s="10">
        <v>18.24568966</v>
      </c>
    </row>
    <row r="14943" spans="1:10" x14ac:dyDescent="0.35">
      <c r="A14943" t="s">
        <v>26</v>
      </c>
      <c r="B14943" t="s">
        <v>90</v>
      </c>
      <c r="C14943" t="s">
        <v>117</v>
      </c>
      <c r="D14943" t="s">
        <v>118</v>
      </c>
      <c r="E14943">
        <v>2016</v>
      </c>
      <c r="F14943">
        <v>2016</v>
      </c>
      <c r="G14943" t="s">
        <v>14</v>
      </c>
      <c r="H14943" t="s">
        <v>120</v>
      </c>
      <c r="I14943" t="s">
        <v>15</v>
      </c>
      <c r="J14943" s="10">
        <v>10.15948276</v>
      </c>
    </row>
    <row r="14944" spans="1:10" x14ac:dyDescent="0.35">
      <c r="A14944" t="s">
        <v>26</v>
      </c>
      <c r="B14944" t="s">
        <v>90</v>
      </c>
      <c r="C14944" t="s">
        <v>117</v>
      </c>
      <c r="D14944" t="s">
        <v>118</v>
      </c>
      <c r="E14944">
        <v>2016</v>
      </c>
      <c r="F14944">
        <v>2016</v>
      </c>
      <c r="G14944" t="s">
        <v>14</v>
      </c>
      <c r="H14944" t="s">
        <v>121</v>
      </c>
      <c r="I14944" t="s">
        <v>15</v>
      </c>
      <c r="J14944" s="10">
        <v>31.435344829999998</v>
      </c>
    </row>
    <row r="14945" spans="1:10" x14ac:dyDescent="0.35">
      <c r="A14945" t="s">
        <v>26</v>
      </c>
      <c r="B14945" t="s">
        <v>90</v>
      </c>
      <c r="C14945" t="s">
        <v>117</v>
      </c>
      <c r="D14945" t="s">
        <v>118</v>
      </c>
      <c r="E14945">
        <v>2016</v>
      </c>
      <c r="F14945">
        <v>2016</v>
      </c>
      <c r="G14945" t="s">
        <v>14</v>
      </c>
      <c r="H14945" t="s">
        <v>122</v>
      </c>
      <c r="I14945" t="s">
        <v>15</v>
      </c>
      <c r="J14945" s="10">
        <v>21.181034480000001</v>
      </c>
    </row>
    <row r="14946" spans="1:10" x14ac:dyDescent="0.35">
      <c r="A14946" t="s">
        <v>26</v>
      </c>
      <c r="B14946" t="s">
        <v>90</v>
      </c>
      <c r="C14946" t="s">
        <v>117</v>
      </c>
      <c r="D14946" t="s">
        <v>118</v>
      </c>
      <c r="E14946">
        <v>2016</v>
      </c>
      <c r="F14946">
        <v>2016</v>
      </c>
      <c r="G14946" t="s">
        <v>14</v>
      </c>
      <c r="H14946" t="s">
        <v>123</v>
      </c>
      <c r="I14946" t="s">
        <v>15</v>
      </c>
      <c r="J14946" s="10">
        <v>16.91810345</v>
      </c>
    </row>
    <row r="14947" spans="1:10" x14ac:dyDescent="0.35">
      <c r="A14947" t="s">
        <v>26</v>
      </c>
      <c r="B14947" t="s">
        <v>90</v>
      </c>
      <c r="C14947" t="s">
        <v>117</v>
      </c>
      <c r="D14947" t="s">
        <v>118</v>
      </c>
      <c r="E14947">
        <v>2016</v>
      </c>
      <c r="F14947">
        <v>2016</v>
      </c>
      <c r="G14947" t="s">
        <v>14</v>
      </c>
      <c r="H14947" t="s">
        <v>124</v>
      </c>
      <c r="I14947" t="s">
        <v>15</v>
      </c>
      <c r="J14947" s="10">
        <v>2.0603448279999999</v>
      </c>
    </row>
    <row r="14948" spans="1:10" x14ac:dyDescent="0.35">
      <c r="A14948" t="s">
        <v>26</v>
      </c>
      <c r="B14948" t="s">
        <v>90</v>
      </c>
      <c r="C14948" t="s">
        <v>117</v>
      </c>
      <c r="D14948" t="s">
        <v>118</v>
      </c>
      <c r="E14948">
        <v>2016</v>
      </c>
      <c r="F14948">
        <v>2016</v>
      </c>
      <c r="G14948" t="s">
        <v>125</v>
      </c>
      <c r="H14948" t="s">
        <v>119</v>
      </c>
      <c r="I14948" t="s">
        <v>15</v>
      </c>
      <c r="J14948" s="10">
        <v>18.67945345</v>
      </c>
    </row>
    <row r="14949" spans="1:10" x14ac:dyDescent="0.35">
      <c r="A14949" t="s">
        <v>26</v>
      </c>
      <c r="B14949" t="s">
        <v>90</v>
      </c>
      <c r="C14949" t="s">
        <v>117</v>
      </c>
      <c r="D14949" t="s">
        <v>118</v>
      </c>
      <c r="E14949">
        <v>2016</v>
      </c>
      <c r="F14949">
        <v>2016</v>
      </c>
      <c r="G14949" t="s">
        <v>125</v>
      </c>
      <c r="H14949" t="s">
        <v>120</v>
      </c>
      <c r="I14949" t="s">
        <v>15</v>
      </c>
      <c r="J14949" s="10">
        <v>10.76975303</v>
      </c>
    </row>
    <row r="14950" spans="1:10" x14ac:dyDescent="0.35">
      <c r="A14950" t="s">
        <v>26</v>
      </c>
      <c r="B14950" t="s">
        <v>90</v>
      </c>
      <c r="C14950" t="s">
        <v>117</v>
      </c>
      <c r="D14950" t="s">
        <v>118</v>
      </c>
      <c r="E14950">
        <v>2016</v>
      </c>
      <c r="F14950">
        <v>2016</v>
      </c>
      <c r="G14950" t="s">
        <v>125</v>
      </c>
      <c r="H14950" t="s">
        <v>121</v>
      </c>
      <c r="I14950" t="s">
        <v>15</v>
      </c>
      <c r="J14950" s="10">
        <v>31.299329539999999</v>
      </c>
    </row>
    <row r="14951" spans="1:10" x14ac:dyDescent="0.35">
      <c r="A14951" t="s">
        <v>26</v>
      </c>
      <c r="B14951" t="s">
        <v>90</v>
      </c>
      <c r="C14951" t="s">
        <v>117</v>
      </c>
      <c r="D14951" t="s">
        <v>118</v>
      </c>
      <c r="E14951">
        <v>2016</v>
      </c>
      <c r="F14951">
        <v>2016</v>
      </c>
      <c r="G14951" t="s">
        <v>125</v>
      </c>
      <c r="H14951" t="s">
        <v>122</v>
      </c>
      <c r="I14951" t="s">
        <v>15</v>
      </c>
      <c r="J14951" s="10">
        <v>21.437664430000002</v>
      </c>
    </row>
    <row r="14952" spans="1:10" x14ac:dyDescent="0.35">
      <c r="A14952" t="s">
        <v>26</v>
      </c>
      <c r="B14952" t="s">
        <v>90</v>
      </c>
      <c r="C14952" t="s">
        <v>117</v>
      </c>
      <c r="D14952" t="s">
        <v>118</v>
      </c>
      <c r="E14952">
        <v>2016</v>
      </c>
      <c r="F14952">
        <v>2016</v>
      </c>
      <c r="G14952" t="s">
        <v>125</v>
      </c>
      <c r="H14952" t="s">
        <v>123</v>
      </c>
      <c r="I14952" t="s">
        <v>15</v>
      </c>
      <c r="J14952" s="10">
        <v>16.421963850000001</v>
      </c>
    </row>
    <row r="14953" spans="1:10" x14ac:dyDescent="0.35">
      <c r="A14953" t="s">
        <v>26</v>
      </c>
      <c r="B14953" t="s">
        <v>90</v>
      </c>
      <c r="C14953" t="s">
        <v>117</v>
      </c>
      <c r="D14953" t="s">
        <v>118</v>
      </c>
      <c r="E14953">
        <v>2016</v>
      </c>
      <c r="F14953">
        <v>2016</v>
      </c>
      <c r="G14953" t="s">
        <v>125</v>
      </c>
      <c r="H14953" t="s">
        <v>124</v>
      </c>
      <c r="I14953" t="s">
        <v>15</v>
      </c>
      <c r="J14953" s="10">
        <v>1.3918356949999999</v>
      </c>
    </row>
    <row r="14954" spans="1:10" x14ac:dyDescent="0.35">
      <c r="A14954" t="s">
        <v>26</v>
      </c>
      <c r="B14954" t="s">
        <v>90</v>
      </c>
      <c r="C14954" t="s">
        <v>117</v>
      </c>
      <c r="D14954" t="s">
        <v>118</v>
      </c>
      <c r="E14954">
        <v>2016</v>
      </c>
      <c r="F14954">
        <v>2016</v>
      </c>
      <c r="G14954" t="s">
        <v>126</v>
      </c>
      <c r="H14954" t="s">
        <v>119</v>
      </c>
      <c r="I14954" t="s">
        <v>15</v>
      </c>
      <c r="J14954" s="10">
        <v>17.7980205</v>
      </c>
    </row>
    <row r="14955" spans="1:10" x14ac:dyDescent="0.35">
      <c r="A14955" t="s">
        <v>26</v>
      </c>
      <c r="B14955" t="s">
        <v>90</v>
      </c>
      <c r="C14955" t="s">
        <v>117</v>
      </c>
      <c r="D14955" t="s">
        <v>118</v>
      </c>
      <c r="E14955">
        <v>2016</v>
      </c>
      <c r="F14955">
        <v>2016</v>
      </c>
      <c r="G14955" t="s">
        <v>126</v>
      </c>
      <c r="H14955" t="s">
        <v>120</v>
      </c>
      <c r="I14955" t="s">
        <v>15</v>
      </c>
      <c r="J14955" s="10">
        <v>9.5296487689999996</v>
      </c>
    </row>
    <row r="14956" spans="1:10" x14ac:dyDescent="0.35">
      <c r="A14956" t="s">
        <v>26</v>
      </c>
      <c r="B14956" t="s">
        <v>90</v>
      </c>
      <c r="C14956" t="s">
        <v>117</v>
      </c>
      <c r="D14956" t="s">
        <v>118</v>
      </c>
      <c r="E14956">
        <v>2016</v>
      </c>
      <c r="F14956">
        <v>2016</v>
      </c>
      <c r="G14956" t="s">
        <v>126</v>
      </c>
      <c r="H14956" t="s">
        <v>121</v>
      </c>
      <c r="I14956" t="s">
        <v>15</v>
      </c>
      <c r="J14956" s="10">
        <v>31.57572042</v>
      </c>
    </row>
    <row r="14957" spans="1:10" x14ac:dyDescent="0.35">
      <c r="A14957" t="s">
        <v>26</v>
      </c>
      <c r="B14957" t="s">
        <v>90</v>
      </c>
      <c r="C14957" t="s">
        <v>117</v>
      </c>
      <c r="D14957" t="s">
        <v>118</v>
      </c>
      <c r="E14957">
        <v>2016</v>
      </c>
      <c r="F14957">
        <v>2016</v>
      </c>
      <c r="G14957" t="s">
        <v>126</v>
      </c>
      <c r="H14957" t="s">
        <v>122</v>
      </c>
      <c r="I14957" t="s">
        <v>15</v>
      </c>
      <c r="J14957" s="10">
        <v>20.91617763</v>
      </c>
    </row>
    <row r="14958" spans="1:10" x14ac:dyDescent="0.35">
      <c r="A14958" t="s">
        <v>26</v>
      </c>
      <c r="B14958" t="s">
        <v>90</v>
      </c>
      <c r="C14958" t="s">
        <v>117</v>
      </c>
      <c r="D14958" t="s">
        <v>118</v>
      </c>
      <c r="E14958">
        <v>2016</v>
      </c>
      <c r="F14958">
        <v>2016</v>
      </c>
      <c r="G14958" t="s">
        <v>126</v>
      </c>
      <c r="H14958" t="s">
        <v>123</v>
      </c>
      <c r="I14958" t="s">
        <v>15</v>
      </c>
      <c r="J14958" s="10">
        <v>17.430148020000001</v>
      </c>
    </row>
    <row r="14959" spans="1:10" x14ac:dyDescent="0.35">
      <c r="A14959" t="s">
        <v>26</v>
      </c>
      <c r="B14959" t="s">
        <v>90</v>
      </c>
      <c r="C14959" t="s">
        <v>117</v>
      </c>
      <c r="D14959" t="s">
        <v>118</v>
      </c>
      <c r="E14959">
        <v>2016</v>
      </c>
      <c r="F14959">
        <v>2016</v>
      </c>
      <c r="G14959" t="s">
        <v>126</v>
      </c>
      <c r="H14959" t="s">
        <v>124</v>
      </c>
      <c r="I14959" t="s">
        <v>15</v>
      </c>
      <c r="J14959" s="10">
        <v>2.750284663</v>
      </c>
    </row>
    <row r="14960" spans="1:10" x14ac:dyDescent="0.35">
      <c r="A14960" t="s">
        <v>26</v>
      </c>
      <c r="B14960" t="s">
        <v>90</v>
      </c>
      <c r="C14960" t="s">
        <v>117</v>
      </c>
      <c r="D14960" t="s">
        <v>118</v>
      </c>
      <c r="E14960">
        <v>2015</v>
      </c>
      <c r="F14960">
        <v>2015</v>
      </c>
      <c r="G14960" t="s">
        <v>14</v>
      </c>
      <c r="H14960" t="s">
        <v>119</v>
      </c>
      <c r="I14960" t="s">
        <v>15</v>
      </c>
      <c r="J14960" s="10">
        <v>18.336206900000001</v>
      </c>
    </row>
    <row r="14961" spans="1:10" x14ac:dyDescent="0.35">
      <c r="A14961" t="s">
        <v>26</v>
      </c>
      <c r="B14961" t="s">
        <v>90</v>
      </c>
      <c r="C14961" t="s">
        <v>117</v>
      </c>
      <c r="D14961" t="s">
        <v>118</v>
      </c>
      <c r="E14961">
        <v>2015</v>
      </c>
      <c r="F14961">
        <v>2015</v>
      </c>
      <c r="G14961" t="s">
        <v>14</v>
      </c>
      <c r="H14961" t="s">
        <v>120</v>
      </c>
      <c r="I14961" t="s">
        <v>15</v>
      </c>
      <c r="J14961" s="10">
        <v>10.323275860000001</v>
      </c>
    </row>
    <row r="14962" spans="1:10" x14ac:dyDescent="0.35">
      <c r="A14962" t="s">
        <v>26</v>
      </c>
      <c r="B14962" t="s">
        <v>90</v>
      </c>
      <c r="C14962" t="s">
        <v>117</v>
      </c>
      <c r="D14962" t="s">
        <v>118</v>
      </c>
      <c r="E14962">
        <v>2015</v>
      </c>
      <c r="F14962">
        <v>2015</v>
      </c>
      <c r="G14962" t="s">
        <v>14</v>
      </c>
      <c r="H14962" t="s">
        <v>121</v>
      </c>
      <c r="I14962" t="s">
        <v>15</v>
      </c>
      <c r="J14962" s="10">
        <v>31.758620690000001</v>
      </c>
    </row>
    <row r="14963" spans="1:10" x14ac:dyDescent="0.35">
      <c r="A14963" t="s">
        <v>26</v>
      </c>
      <c r="B14963" t="s">
        <v>90</v>
      </c>
      <c r="C14963" t="s">
        <v>117</v>
      </c>
      <c r="D14963" t="s">
        <v>118</v>
      </c>
      <c r="E14963">
        <v>2015</v>
      </c>
      <c r="F14963">
        <v>2015</v>
      </c>
      <c r="G14963" t="s">
        <v>14</v>
      </c>
      <c r="H14963" t="s">
        <v>122</v>
      </c>
      <c r="I14963" t="s">
        <v>15</v>
      </c>
      <c r="J14963" s="10">
        <v>20.931034480000001</v>
      </c>
    </row>
    <row r="14964" spans="1:10" x14ac:dyDescent="0.35">
      <c r="A14964" t="s">
        <v>26</v>
      </c>
      <c r="B14964" t="s">
        <v>90</v>
      </c>
      <c r="C14964" t="s">
        <v>117</v>
      </c>
      <c r="D14964" t="s">
        <v>118</v>
      </c>
      <c r="E14964">
        <v>2015</v>
      </c>
      <c r="F14964">
        <v>2015</v>
      </c>
      <c r="G14964" t="s">
        <v>14</v>
      </c>
      <c r="H14964" t="s">
        <v>123</v>
      </c>
      <c r="I14964" t="s">
        <v>15</v>
      </c>
      <c r="J14964" s="10">
        <v>16.556034480000001</v>
      </c>
    </row>
    <row r="14965" spans="1:10" x14ac:dyDescent="0.35">
      <c r="A14965" t="s">
        <v>26</v>
      </c>
      <c r="B14965" t="s">
        <v>90</v>
      </c>
      <c r="C14965" t="s">
        <v>117</v>
      </c>
      <c r="D14965" t="s">
        <v>118</v>
      </c>
      <c r="E14965">
        <v>2015</v>
      </c>
      <c r="F14965">
        <v>2015</v>
      </c>
      <c r="G14965" t="s">
        <v>14</v>
      </c>
      <c r="H14965" t="s">
        <v>124</v>
      </c>
      <c r="I14965" t="s">
        <v>15</v>
      </c>
      <c r="J14965" s="10">
        <v>2.0948275860000001</v>
      </c>
    </row>
    <row r="14966" spans="1:10" x14ac:dyDescent="0.35">
      <c r="A14966" t="s">
        <v>26</v>
      </c>
      <c r="B14966" t="s">
        <v>90</v>
      </c>
      <c r="C14966" t="s">
        <v>117</v>
      </c>
      <c r="D14966" t="s">
        <v>118</v>
      </c>
      <c r="E14966">
        <v>2015</v>
      </c>
      <c r="F14966">
        <v>2015</v>
      </c>
      <c r="G14966" t="s">
        <v>125</v>
      </c>
      <c r="H14966" t="s">
        <v>119</v>
      </c>
      <c r="I14966" t="s">
        <v>15</v>
      </c>
      <c r="J14966" s="10">
        <v>18.88313672</v>
      </c>
    </row>
    <row r="14967" spans="1:10" x14ac:dyDescent="0.35">
      <c r="A14967" t="s">
        <v>26</v>
      </c>
      <c r="B14967" t="s">
        <v>90</v>
      </c>
      <c r="C14967" t="s">
        <v>117</v>
      </c>
      <c r="D14967" t="s">
        <v>118</v>
      </c>
      <c r="E14967">
        <v>2015</v>
      </c>
      <c r="F14967">
        <v>2015</v>
      </c>
      <c r="G14967" t="s">
        <v>125</v>
      </c>
      <c r="H14967" t="s">
        <v>120</v>
      </c>
      <c r="I14967" t="s">
        <v>15</v>
      </c>
      <c r="J14967" s="10">
        <v>10.57455656</v>
      </c>
    </row>
    <row r="14968" spans="1:10" x14ac:dyDescent="0.35">
      <c r="A14968" t="s">
        <v>26</v>
      </c>
      <c r="B14968" t="s">
        <v>90</v>
      </c>
      <c r="C14968" t="s">
        <v>117</v>
      </c>
      <c r="D14968" t="s">
        <v>118</v>
      </c>
      <c r="E14968">
        <v>2015</v>
      </c>
      <c r="F14968">
        <v>2015</v>
      </c>
      <c r="G14968" t="s">
        <v>125</v>
      </c>
      <c r="H14968" t="s">
        <v>121</v>
      </c>
      <c r="I14968" t="s">
        <v>15</v>
      </c>
      <c r="J14968" s="10">
        <v>31.817024530000001</v>
      </c>
    </row>
    <row r="14969" spans="1:10" x14ac:dyDescent="0.35">
      <c r="A14969" t="s">
        <v>26</v>
      </c>
      <c r="B14969" t="s">
        <v>90</v>
      </c>
      <c r="C14969" t="s">
        <v>117</v>
      </c>
      <c r="D14969" t="s">
        <v>118</v>
      </c>
      <c r="E14969">
        <v>2015</v>
      </c>
      <c r="F14969">
        <v>2015</v>
      </c>
      <c r="G14969" t="s">
        <v>125</v>
      </c>
      <c r="H14969" t="s">
        <v>122</v>
      </c>
      <c r="I14969" t="s">
        <v>15</v>
      </c>
      <c r="J14969" s="10">
        <v>21.115165919999999</v>
      </c>
    </row>
    <row r="14970" spans="1:10" x14ac:dyDescent="0.35">
      <c r="A14970" t="s">
        <v>26</v>
      </c>
      <c r="B14970" t="s">
        <v>90</v>
      </c>
      <c r="C14970" t="s">
        <v>117</v>
      </c>
      <c r="D14970" t="s">
        <v>118</v>
      </c>
      <c r="E14970">
        <v>2015</v>
      </c>
      <c r="F14970">
        <v>2015</v>
      </c>
      <c r="G14970" t="s">
        <v>125</v>
      </c>
      <c r="H14970" t="s">
        <v>123</v>
      </c>
      <c r="I14970" t="s">
        <v>15</v>
      </c>
      <c r="J14970" s="10">
        <v>16.218280570000001</v>
      </c>
    </row>
    <row r="14971" spans="1:10" x14ac:dyDescent="0.35">
      <c r="A14971" t="s">
        <v>26</v>
      </c>
      <c r="B14971" t="s">
        <v>90</v>
      </c>
      <c r="C14971" t="s">
        <v>117</v>
      </c>
      <c r="D14971" t="s">
        <v>118</v>
      </c>
      <c r="E14971">
        <v>2015</v>
      </c>
      <c r="F14971">
        <v>2015</v>
      </c>
      <c r="G14971" t="s">
        <v>125</v>
      </c>
      <c r="H14971" t="s">
        <v>124</v>
      </c>
      <c r="I14971" t="s">
        <v>15</v>
      </c>
      <c r="J14971" s="10">
        <v>1.3918356949999999</v>
      </c>
    </row>
    <row r="14972" spans="1:10" x14ac:dyDescent="0.35">
      <c r="A14972" t="s">
        <v>26</v>
      </c>
      <c r="B14972" t="s">
        <v>90</v>
      </c>
      <c r="C14972" t="s">
        <v>117</v>
      </c>
      <c r="D14972" t="s">
        <v>118</v>
      </c>
      <c r="E14972">
        <v>2015</v>
      </c>
      <c r="F14972">
        <v>2015</v>
      </c>
      <c r="G14972" t="s">
        <v>126</v>
      </c>
      <c r="H14972" t="s">
        <v>119</v>
      </c>
      <c r="I14972" t="s">
        <v>15</v>
      </c>
      <c r="J14972" s="10">
        <v>17.77174389</v>
      </c>
    </row>
    <row r="14973" spans="1:10" x14ac:dyDescent="0.35">
      <c r="A14973" t="s">
        <v>26</v>
      </c>
      <c r="B14973" t="s">
        <v>90</v>
      </c>
      <c r="C14973" t="s">
        <v>117</v>
      </c>
      <c r="D14973" t="s">
        <v>118</v>
      </c>
      <c r="E14973">
        <v>2015</v>
      </c>
      <c r="F14973">
        <v>2015</v>
      </c>
      <c r="G14973" t="s">
        <v>126</v>
      </c>
      <c r="H14973" t="s">
        <v>120</v>
      </c>
      <c r="I14973" t="s">
        <v>15</v>
      </c>
      <c r="J14973" s="10">
        <v>10.06393974</v>
      </c>
    </row>
    <row r="14974" spans="1:10" x14ac:dyDescent="0.35">
      <c r="A14974" t="s">
        <v>26</v>
      </c>
      <c r="B14974" t="s">
        <v>90</v>
      </c>
      <c r="C14974" t="s">
        <v>117</v>
      </c>
      <c r="D14974" t="s">
        <v>118</v>
      </c>
      <c r="E14974">
        <v>2015</v>
      </c>
      <c r="F14974">
        <v>2015</v>
      </c>
      <c r="G14974" t="s">
        <v>126</v>
      </c>
      <c r="H14974" t="s">
        <v>121</v>
      </c>
      <c r="I14974" t="s">
        <v>15</v>
      </c>
      <c r="J14974" s="10">
        <v>31.69834457</v>
      </c>
    </row>
    <row r="14975" spans="1:10" x14ac:dyDescent="0.35">
      <c r="A14975" t="s">
        <v>26</v>
      </c>
      <c r="B14975" t="s">
        <v>90</v>
      </c>
      <c r="C14975" t="s">
        <v>117</v>
      </c>
      <c r="D14975" t="s">
        <v>118</v>
      </c>
      <c r="E14975">
        <v>2015</v>
      </c>
      <c r="F14975">
        <v>2015</v>
      </c>
      <c r="G14975" t="s">
        <v>126</v>
      </c>
      <c r="H14975" t="s">
        <v>122</v>
      </c>
      <c r="I14975" t="s">
        <v>15</v>
      </c>
      <c r="J14975" s="10">
        <v>20.74100026</v>
      </c>
    </row>
    <row r="14976" spans="1:10" x14ac:dyDescent="0.35">
      <c r="A14976" t="s">
        <v>26</v>
      </c>
      <c r="B14976" t="s">
        <v>90</v>
      </c>
      <c r="C14976" t="s">
        <v>117</v>
      </c>
      <c r="D14976" t="s">
        <v>118</v>
      </c>
      <c r="E14976">
        <v>2015</v>
      </c>
      <c r="F14976">
        <v>2015</v>
      </c>
      <c r="G14976" t="s">
        <v>126</v>
      </c>
      <c r="H14976" t="s">
        <v>123</v>
      </c>
      <c r="I14976" t="s">
        <v>15</v>
      </c>
      <c r="J14976" s="10">
        <v>16.904615920000001</v>
      </c>
    </row>
    <row r="14977" spans="1:10" x14ac:dyDescent="0.35">
      <c r="A14977" t="s">
        <v>26</v>
      </c>
      <c r="B14977" t="s">
        <v>90</v>
      </c>
      <c r="C14977" t="s">
        <v>117</v>
      </c>
      <c r="D14977" t="s">
        <v>118</v>
      </c>
      <c r="E14977">
        <v>2015</v>
      </c>
      <c r="F14977">
        <v>2015</v>
      </c>
      <c r="G14977" t="s">
        <v>126</v>
      </c>
      <c r="H14977" t="s">
        <v>124</v>
      </c>
      <c r="I14977" t="s">
        <v>15</v>
      </c>
      <c r="J14977" s="10">
        <v>2.82035561</v>
      </c>
    </row>
    <row r="14978" spans="1:10" x14ac:dyDescent="0.35">
      <c r="A14978" t="s">
        <v>26</v>
      </c>
      <c r="B14978" t="s">
        <v>90</v>
      </c>
      <c r="C14978" t="s">
        <v>117</v>
      </c>
      <c r="D14978" t="s">
        <v>118</v>
      </c>
      <c r="E14978">
        <v>2014</v>
      </c>
      <c r="F14978">
        <v>2014</v>
      </c>
      <c r="G14978" t="s">
        <v>14</v>
      </c>
      <c r="H14978" t="s">
        <v>119</v>
      </c>
      <c r="I14978" t="s">
        <v>15</v>
      </c>
      <c r="J14978" s="10">
        <v>18.548664939999998</v>
      </c>
    </row>
    <row r="14979" spans="1:10" x14ac:dyDescent="0.35">
      <c r="A14979" t="s">
        <v>26</v>
      </c>
      <c r="B14979" t="s">
        <v>90</v>
      </c>
      <c r="C14979" t="s">
        <v>117</v>
      </c>
      <c r="D14979" t="s">
        <v>118</v>
      </c>
      <c r="E14979">
        <v>2014</v>
      </c>
      <c r="F14979">
        <v>2014</v>
      </c>
      <c r="G14979" t="s">
        <v>14</v>
      </c>
      <c r="H14979" t="s">
        <v>120</v>
      </c>
      <c r="I14979" t="s">
        <v>15</v>
      </c>
      <c r="J14979" s="10">
        <v>10.318690780000001</v>
      </c>
    </row>
    <row r="14980" spans="1:10" x14ac:dyDescent="0.35">
      <c r="A14980" t="s">
        <v>26</v>
      </c>
      <c r="B14980" t="s">
        <v>90</v>
      </c>
      <c r="C14980" t="s">
        <v>117</v>
      </c>
      <c r="D14980" t="s">
        <v>118</v>
      </c>
      <c r="E14980">
        <v>2014</v>
      </c>
      <c r="F14980">
        <v>2014</v>
      </c>
      <c r="G14980" t="s">
        <v>14</v>
      </c>
      <c r="H14980" t="s">
        <v>121</v>
      </c>
      <c r="I14980" t="s">
        <v>15</v>
      </c>
      <c r="J14980" s="10">
        <v>32.019810509999999</v>
      </c>
    </row>
    <row r="14981" spans="1:10" x14ac:dyDescent="0.35">
      <c r="A14981" t="s">
        <v>26</v>
      </c>
      <c r="B14981" t="s">
        <v>90</v>
      </c>
      <c r="C14981" t="s">
        <v>117</v>
      </c>
      <c r="D14981" t="s">
        <v>118</v>
      </c>
      <c r="E14981">
        <v>2014</v>
      </c>
      <c r="F14981">
        <v>2014</v>
      </c>
      <c r="G14981" t="s">
        <v>14</v>
      </c>
      <c r="H14981" t="s">
        <v>122</v>
      </c>
      <c r="I14981" t="s">
        <v>15</v>
      </c>
      <c r="J14981" s="10">
        <v>20.865633070000001</v>
      </c>
    </row>
    <row r="14982" spans="1:10" x14ac:dyDescent="0.35">
      <c r="A14982" t="s">
        <v>26</v>
      </c>
      <c r="B14982" t="s">
        <v>90</v>
      </c>
      <c r="C14982" t="s">
        <v>117</v>
      </c>
      <c r="D14982" t="s">
        <v>118</v>
      </c>
      <c r="E14982">
        <v>2014</v>
      </c>
      <c r="F14982">
        <v>2014</v>
      </c>
      <c r="G14982" t="s">
        <v>14</v>
      </c>
      <c r="H14982" t="s">
        <v>123</v>
      </c>
      <c r="I14982" t="s">
        <v>15</v>
      </c>
      <c r="J14982" s="10">
        <v>16.115417740000002</v>
      </c>
    </row>
    <row r="14983" spans="1:10" x14ac:dyDescent="0.35">
      <c r="A14983" t="s">
        <v>26</v>
      </c>
      <c r="B14983" t="s">
        <v>90</v>
      </c>
      <c r="C14983" t="s">
        <v>117</v>
      </c>
      <c r="D14983" t="s">
        <v>118</v>
      </c>
      <c r="E14983">
        <v>2014</v>
      </c>
      <c r="F14983">
        <v>2014</v>
      </c>
      <c r="G14983" t="s">
        <v>14</v>
      </c>
      <c r="H14983" t="s">
        <v>124</v>
      </c>
      <c r="I14983" t="s">
        <v>15</v>
      </c>
      <c r="J14983" s="10">
        <v>2.131782946</v>
      </c>
    </row>
    <row r="14984" spans="1:10" x14ac:dyDescent="0.35">
      <c r="A14984" t="s">
        <v>26</v>
      </c>
      <c r="B14984" t="s">
        <v>90</v>
      </c>
      <c r="C14984" t="s">
        <v>117</v>
      </c>
      <c r="D14984" t="s">
        <v>118</v>
      </c>
      <c r="E14984">
        <v>2014</v>
      </c>
      <c r="F14984">
        <v>2014</v>
      </c>
      <c r="G14984" t="s">
        <v>125</v>
      </c>
      <c r="H14984" t="s">
        <v>119</v>
      </c>
      <c r="I14984" t="s">
        <v>15</v>
      </c>
      <c r="J14984" s="10">
        <v>19.070635119999999</v>
      </c>
    </row>
    <row r="14985" spans="1:10" x14ac:dyDescent="0.35">
      <c r="A14985" t="s">
        <v>26</v>
      </c>
      <c r="B14985" t="s">
        <v>90</v>
      </c>
      <c r="C14985" t="s">
        <v>117</v>
      </c>
      <c r="D14985" t="s">
        <v>118</v>
      </c>
      <c r="E14985">
        <v>2014</v>
      </c>
      <c r="F14985">
        <v>2014</v>
      </c>
      <c r="G14985" t="s">
        <v>125</v>
      </c>
      <c r="H14985" t="s">
        <v>120</v>
      </c>
      <c r="I14985" t="s">
        <v>15</v>
      </c>
      <c r="J14985" s="10">
        <v>10.718222669999999</v>
      </c>
    </row>
    <row r="14986" spans="1:10" x14ac:dyDescent="0.35">
      <c r="A14986" t="s">
        <v>26</v>
      </c>
      <c r="B14986" t="s">
        <v>90</v>
      </c>
      <c r="C14986" t="s">
        <v>117</v>
      </c>
      <c r="D14986" t="s">
        <v>118</v>
      </c>
      <c r="E14986">
        <v>2014</v>
      </c>
      <c r="F14986">
        <v>2014</v>
      </c>
      <c r="G14986" t="s">
        <v>125</v>
      </c>
      <c r="H14986" t="s">
        <v>121</v>
      </c>
      <c r="I14986" t="s">
        <v>15</v>
      </c>
      <c r="J14986" s="10">
        <v>32.21402527</v>
      </c>
    </row>
    <row r="14987" spans="1:10" x14ac:dyDescent="0.35">
      <c r="A14987" t="s">
        <v>26</v>
      </c>
      <c r="B14987" t="s">
        <v>90</v>
      </c>
      <c r="C14987" t="s">
        <v>117</v>
      </c>
      <c r="D14987" t="s">
        <v>118</v>
      </c>
      <c r="E14987">
        <v>2014</v>
      </c>
      <c r="F14987">
        <v>2014</v>
      </c>
      <c r="G14987" t="s">
        <v>125</v>
      </c>
      <c r="H14987" t="s">
        <v>122</v>
      </c>
      <c r="I14987" t="s">
        <v>15</v>
      </c>
      <c r="J14987" s="10">
        <v>20.91918935</v>
      </c>
    </row>
    <row r="14988" spans="1:10" x14ac:dyDescent="0.35">
      <c r="A14988" t="s">
        <v>26</v>
      </c>
      <c r="B14988" t="s">
        <v>90</v>
      </c>
      <c r="C14988" t="s">
        <v>117</v>
      </c>
      <c r="D14988" t="s">
        <v>118</v>
      </c>
      <c r="E14988">
        <v>2014</v>
      </c>
      <c r="F14988">
        <v>2014</v>
      </c>
      <c r="G14988" t="s">
        <v>125</v>
      </c>
      <c r="H14988" t="s">
        <v>123</v>
      </c>
      <c r="I14988" t="s">
        <v>15</v>
      </c>
      <c r="J14988" s="10">
        <v>15.71271093</v>
      </c>
    </row>
    <row r="14989" spans="1:10" x14ac:dyDescent="0.35">
      <c r="A14989" t="s">
        <v>26</v>
      </c>
      <c r="B14989" t="s">
        <v>90</v>
      </c>
      <c r="C14989" t="s">
        <v>117</v>
      </c>
      <c r="D14989" t="s">
        <v>118</v>
      </c>
      <c r="E14989">
        <v>2014</v>
      </c>
      <c r="F14989">
        <v>2014</v>
      </c>
      <c r="G14989" t="s">
        <v>125</v>
      </c>
      <c r="H14989" t="s">
        <v>124</v>
      </c>
      <c r="I14989" t="s">
        <v>15</v>
      </c>
      <c r="J14989" s="10">
        <v>1.3652166539999999</v>
      </c>
    </row>
    <row r="14990" spans="1:10" x14ac:dyDescent="0.35">
      <c r="A14990" t="s">
        <v>26</v>
      </c>
      <c r="B14990" t="s">
        <v>90</v>
      </c>
      <c r="C14990" t="s">
        <v>117</v>
      </c>
      <c r="D14990" t="s">
        <v>118</v>
      </c>
      <c r="E14990">
        <v>2014</v>
      </c>
      <c r="F14990">
        <v>2014</v>
      </c>
      <c r="G14990" t="s">
        <v>126</v>
      </c>
      <c r="H14990" t="s">
        <v>119</v>
      </c>
      <c r="I14990" t="s">
        <v>15</v>
      </c>
      <c r="J14990" s="10">
        <v>18.00997637</v>
      </c>
    </row>
    <row r="14991" spans="1:10" x14ac:dyDescent="0.35">
      <c r="A14991" t="s">
        <v>26</v>
      </c>
      <c r="B14991" t="s">
        <v>90</v>
      </c>
      <c r="C14991" t="s">
        <v>117</v>
      </c>
      <c r="D14991" t="s">
        <v>118</v>
      </c>
      <c r="E14991">
        <v>2014</v>
      </c>
      <c r="F14991">
        <v>2014</v>
      </c>
      <c r="G14991" t="s">
        <v>126</v>
      </c>
      <c r="H14991" t="s">
        <v>120</v>
      </c>
      <c r="I14991" t="s">
        <v>15</v>
      </c>
      <c r="J14991" s="10">
        <v>9.9063621249999994</v>
      </c>
    </row>
    <row r="14992" spans="1:10" x14ac:dyDescent="0.35">
      <c r="A14992" t="s">
        <v>26</v>
      </c>
      <c r="B14992" t="s">
        <v>90</v>
      </c>
      <c r="C14992" t="s">
        <v>117</v>
      </c>
      <c r="D14992" t="s">
        <v>118</v>
      </c>
      <c r="E14992">
        <v>2014</v>
      </c>
      <c r="F14992">
        <v>2014</v>
      </c>
      <c r="G14992" t="s">
        <v>126</v>
      </c>
      <c r="H14992" t="s">
        <v>121</v>
      </c>
      <c r="I14992" t="s">
        <v>15</v>
      </c>
      <c r="J14992" s="10">
        <v>31.81937516</v>
      </c>
    </row>
    <row r="14993" spans="1:10" x14ac:dyDescent="0.35">
      <c r="A14993" t="s">
        <v>26</v>
      </c>
      <c r="B14993" t="s">
        <v>90</v>
      </c>
      <c r="C14993" t="s">
        <v>117</v>
      </c>
      <c r="D14993" t="s">
        <v>118</v>
      </c>
      <c r="E14993">
        <v>2014</v>
      </c>
      <c r="F14993">
        <v>2014</v>
      </c>
      <c r="G14993" t="s">
        <v>126</v>
      </c>
      <c r="H14993" t="s">
        <v>122</v>
      </c>
      <c r="I14993" t="s">
        <v>15</v>
      </c>
      <c r="J14993" s="10">
        <v>20.81036142</v>
      </c>
    </row>
    <row r="14994" spans="1:10" x14ac:dyDescent="0.35">
      <c r="A14994" t="s">
        <v>26</v>
      </c>
      <c r="B14994" t="s">
        <v>90</v>
      </c>
      <c r="C14994" t="s">
        <v>117</v>
      </c>
      <c r="D14994" t="s">
        <v>118</v>
      </c>
      <c r="E14994">
        <v>2014</v>
      </c>
      <c r="F14994">
        <v>2014</v>
      </c>
      <c r="G14994" t="s">
        <v>126</v>
      </c>
      <c r="H14994" t="s">
        <v>123</v>
      </c>
      <c r="I14994" t="s">
        <v>15</v>
      </c>
      <c r="J14994" s="10">
        <v>16.531023019999999</v>
      </c>
    </row>
    <row r="14995" spans="1:10" x14ac:dyDescent="0.35">
      <c r="A14995" t="s">
        <v>26</v>
      </c>
      <c r="B14995" t="s">
        <v>90</v>
      </c>
      <c r="C14995" t="s">
        <v>117</v>
      </c>
      <c r="D14995" t="s">
        <v>118</v>
      </c>
      <c r="E14995">
        <v>2014</v>
      </c>
      <c r="F14995">
        <v>2014</v>
      </c>
      <c r="G14995" t="s">
        <v>126</v>
      </c>
      <c r="H14995" t="s">
        <v>124</v>
      </c>
      <c r="I14995" t="s">
        <v>15</v>
      </c>
      <c r="J14995" s="10">
        <v>2.9229018990000002</v>
      </c>
    </row>
    <row r="14996" spans="1:10" x14ac:dyDescent="0.35">
      <c r="A14996" t="s">
        <v>26</v>
      </c>
      <c r="B14996" t="s">
        <v>90</v>
      </c>
      <c r="C14996" t="s">
        <v>117</v>
      </c>
      <c r="D14996" t="s">
        <v>118</v>
      </c>
      <c r="E14996">
        <v>2013</v>
      </c>
      <c r="F14996">
        <v>2013</v>
      </c>
      <c r="G14996" t="s">
        <v>14</v>
      </c>
      <c r="H14996" t="s">
        <v>119</v>
      </c>
      <c r="I14996" t="s">
        <v>15</v>
      </c>
      <c r="J14996" s="10">
        <v>18.780172409999999</v>
      </c>
    </row>
    <row r="14997" spans="1:10" x14ac:dyDescent="0.35">
      <c r="A14997" t="s">
        <v>26</v>
      </c>
      <c r="B14997" t="s">
        <v>90</v>
      </c>
      <c r="C14997" t="s">
        <v>117</v>
      </c>
      <c r="D14997" t="s">
        <v>118</v>
      </c>
      <c r="E14997">
        <v>2013</v>
      </c>
      <c r="F14997">
        <v>2013</v>
      </c>
      <c r="G14997" t="s">
        <v>14</v>
      </c>
      <c r="H14997" t="s">
        <v>120</v>
      </c>
      <c r="I14997" t="s">
        <v>15</v>
      </c>
      <c r="J14997" s="10">
        <v>10.323275860000001</v>
      </c>
    </row>
    <row r="14998" spans="1:10" x14ac:dyDescent="0.35">
      <c r="A14998" t="s">
        <v>26</v>
      </c>
      <c r="B14998" t="s">
        <v>90</v>
      </c>
      <c r="C14998" t="s">
        <v>117</v>
      </c>
      <c r="D14998" t="s">
        <v>118</v>
      </c>
      <c r="E14998">
        <v>2013</v>
      </c>
      <c r="F14998">
        <v>2013</v>
      </c>
      <c r="G14998" t="s">
        <v>14</v>
      </c>
      <c r="H14998" t="s">
        <v>121</v>
      </c>
      <c r="I14998" t="s">
        <v>15</v>
      </c>
      <c r="J14998" s="10">
        <v>32.456896550000003</v>
      </c>
    </row>
    <row r="14999" spans="1:10" x14ac:dyDescent="0.35">
      <c r="A14999" t="s">
        <v>26</v>
      </c>
      <c r="B14999" t="s">
        <v>90</v>
      </c>
      <c r="C14999" t="s">
        <v>117</v>
      </c>
      <c r="D14999" t="s">
        <v>118</v>
      </c>
      <c r="E14999">
        <v>2013</v>
      </c>
      <c r="F14999">
        <v>2013</v>
      </c>
      <c r="G14999" t="s">
        <v>14</v>
      </c>
      <c r="H14999" t="s">
        <v>122</v>
      </c>
      <c r="I14999" t="s">
        <v>15</v>
      </c>
      <c r="J14999" s="10">
        <v>20.737068969999999</v>
      </c>
    </row>
    <row r="15000" spans="1:10" x14ac:dyDescent="0.35">
      <c r="A15000" t="s">
        <v>26</v>
      </c>
      <c r="B15000" t="s">
        <v>90</v>
      </c>
      <c r="C15000" t="s">
        <v>117</v>
      </c>
      <c r="D15000" t="s">
        <v>118</v>
      </c>
      <c r="E15000">
        <v>2013</v>
      </c>
      <c r="F15000">
        <v>2013</v>
      </c>
      <c r="G15000" t="s">
        <v>14</v>
      </c>
      <c r="H15000" t="s">
        <v>123</v>
      </c>
      <c r="I15000" t="s">
        <v>15</v>
      </c>
      <c r="J15000" s="10">
        <v>15.681034479999999</v>
      </c>
    </row>
    <row r="15001" spans="1:10" x14ac:dyDescent="0.35">
      <c r="A15001" t="s">
        <v>26</v>
      </c>
      <c r="B15001" t="s">
        <v>90</v>
      </c>
      <c r="C15001" t="s">
        <v>117</v>
      </c>
      <c r="D15001" t="s">
        <v>118</v>
      </c>
      <c r="E15001">
        <v>2013</v>
      </c>
      <c r="F15001">
        <v>2013</v>
      </c>
      <c r="G15001" t="s">
        <v>14</v>
      </c>
      <c r="H15001" t="s">
        <v>124</v>
      </c>
      <c r="I15001" t="s">
        <v>15</v>
      </c>
      <c r="J15001" s="10">
        <v>2.021551724</v>
      </c>
    </row>
    <row r="15002" spans="1:10" x14ac:dyDescent="0.35">
      <c r="A15002" t="s">
        <v>26</v>
      </c>
      <c r="B15002" t="s">
        <v>90</v>
      </c>
      <c r="C15002" t="s">
        <v>117</v>
      </c>
      <c r="D15002" t="s">
        <v>118</v>
      </c>
      <c r="E15002">
        <v>2013</v>
      </c>
      <c r="F15002">
        <v>2013</v>
      </c>
      <c r="G15002" t="s">
        <v>125</v>
      </c>
      <c r="H15002" t="s">
        <v>119</v>
      </c>
      <c r="I15002" t="s">
        <v>15</v>
      </c>
      <c r="J15002" s="10">
        <v>19.31016906</v>
      </c>
    </row>
    <row r="15003" spans="1:10" x14ac:dyDescent="0.35">
      <c r="A15003" t="s">
        <v>26</v>
      </c>
      <c r="B15003" t="s">
        <v>90</v>
      </c>
      <c r="C15003" t="s">
        <v>117</v>
      </c>
      <c r="D15003" t="s">
        <v>118</v>
      </c>
      <c r="E15003">
        <v>2013</v>
      </c>
      <c r="F15003">
        <v>2013</v>
      </c>
      <c r="G15003" t="s">
        <v>125</v>
      </c>
      <c r="H15003" t="s">
        <v>120</v>
      </c>
      <c r="I15003" t="s">
        <v>15</v>
      </c>
      <c r="J15003" s="10">
        <v>10.63630957</v>
      </c>
    </row>
    <row r="15004" spans="1:10" x14ac:dyDescent="0.35">
      <c r="A15004" t="s">
        <v>26</v>
      </c>
      <c r="B15004" t="s">
        <v>90</v>
      </c>
      <c r="C15004" t="s">
        <v>117</v>
      </c>
      <c r="D15004" t="s">
        <v>118</v>
      </c>
      <c r="E15004">
        <v>2013</v>
      </c>
      <c r="F15004">
        <v>2013</v>
      </c>
      <c r="G15004" t="s">
        <v>125</v>
      </c>
      <c r="H15004" t="s">
        <v>121</v>
      </c>
      <c r="I15004" t="s">
        <v>15</v>
      </c>
      <c r="J15004" s="10">
        <v>32.605556030000002</v>
      </c>
    </row>
    <row r="15005" spans="1:10" x14ac:dyDescent="0.35">
      <c r="A15005" t="s">
        <v>26</v>
      </c>
      <c r="B15005" t="s">
        <v>90</v>
      </c>
      <c r="C15005" t="s">
        <v>117</v>
      </c>
      <c r="D15005" t="s">
        <v>118</v>
      </c>
      <c r="E15005">
        <v>2013</v>
      </c>
      <c r="F15005">
        <v>2013</v>
      </c>
      <c r="G15005" t="s">
        <v>125</v>
      </c>
      <c r="H15005" t="s">
        <v>122</v>
      </c>
      <c r="I15005" t="s">
        <v>15</v>
      </c>
      <c r="J15005" s="10">
        <v>20.966782769999998</v>
      </c>
    </row>
    <row r="15006" spans="1:10" x14ac:dyDescent="0.35">
      <c r="A15006" t="s">
        <v>26</v>
      </c>
      <c r="B15006" t="s">
        <v>90</v>
      </c>
      <c r="C15006" t="s">
        <v>117</v>
      </c>
      <c r="D15006" t="s">
        <v>118</v>
      </c>
      <c r="E15006">
        <v>2013</v>
      </c>
      <c r="F15006">
        <v>2013</v>
      </c>
      <c r="G15006" t="s">
        <v>125</v>
      </c>
      <c r="H15006" t="s">
        <v>123</v>
      </c>
      <c r="I15006" t="s">
        <v>15</v>
      </c>
      <c r="J15006" s="10">
        <v>15.240846149999999</v>
      </c>
    </row>
    <row r="15007" spans="1:10" x14ac:dyDescent="0.35">
      <c r="A15007" t="s">
        <v>26</v>
      </c>
      <c r="B15007" t="s">
        <v>90</v>
      </c>
      <c r="C15007" t="s">
        <v>117</v>
      </c>
      <c r="D15007" t="s">
        <v>118</v>
      </c>
      <c r="E15007">
        <v>2013</v>
      </c>
      <c r="F15007">
        <v>2013</v>
      </c>
      <c r="G15007" t="s">
        <v>125</v>
      </c>
      <c r="H15007" t="s">
        <v>124</v>
      </c>
      <c r="I15007" t="s">
        <v>15</v>
      </c>
      <c r="J15007" s="10">
        <v>1.24033642</v>
      </c>
    </row>
    <row r="15008" spans="1:10" x14ac:dyDescent="0.35">
      <c r="A15008" t="s">
        <v>26</v>
      </c>
      <c r="B15008" t="s">
        <v>90</v>
      </c>
      <c r="C15008" t="s">
        <v>117</v>
      </c>
      <c r="D15008" t="s">
        <v>118</v>
      </c>
      <c r="E15008">
        <v>2013</v>
      </c>
      <c r="F15008">
        <v>2013</v>
      </c>
      <c r="G15008" t="s">
        <v>126</v>
      </c>
      <c r="H15008" t="s">
        <v>119</v>
      </c>
      <c r="I15008" t="s">
        <v>15</v>
      </c>
      <c r="J15008" s="10">
        <v>18.234316209999999</v>
      </c>
    </row>
    <row r="15009" spans="1:10" x14ac:dyDescent="0.35">
      <c r="A15009" t="s">
        <v>26</v>
      </c>
      <c r="B15009" t="s">
        <v>90</v>
      </c>
      <c r="C15009" t="s">
        <v>117</v>
      </c>
      <c r="D15009" t="s">
        <v>118</v>
      </c>
      <c r="E15009">
        <v>2013</v>
      </c>
      <c r="F15009">
        <v>2013</v>
      </c>
      <c r="G15009" t="s">
        <v>126</v>
      </c>
      <c r="H15009" t="s">
        <v>120</v>
      </c>
      <c r="I15009" t="s">
        <v>15</v>
      </c>
      <c r="J15009" s="10">
        <v>10.00087497</v>
      </c>
    </row>
    <row r="15010" spans="1:10" x14ac:dyDescent="0.35">
      <c r="A15010" t="s">
        <v>26</v>
      </c>
      <c r="B15010" t="s">
        <v>90</v>
      </c>
      <c r="C15010" t="s">
        <v>117</v>
      </c>
      <c r="D15010" t="s">
        <v>118</v>
      </c>
      <c r="E15010">
        <v>2013</v>
      </c>
      <c r="F15010">
        <v>2013</v>
      </c>
      <c r="G15010" t="s">
        <v>126</v>
      </c>
      <c r="H15010" t="s">
        <v>121</v>
      </c>
      <c r="I15010" t="s">
        <v>15</v>
      </c>
      <c r="J15010" s="10">
        <v>32.303788609999998</v>
      </c>
    </row>
    <row r="15011" spans="1:10" x14ac:dyDescent="0.35">
      <c r="A15011" t="s">
        <v>26</v>
      </c>
      <c r="B15011" t="s">
        <v>90</v>
      </c>
      <c r="C15011" t="s">
        <v>117</v>
      </c>
      <c r="D15011" t="s">
        <v>118</v>
      </c>
      <c r="E15011">
        <v>2013</v>
      </c>
      <c r="F15011">
        <v>2013</v>
      </c>
      <c r="G15011" t="s">
        <v>126</v>
      </c>
      <c r="H15011" t="s">
        <v>122</v>
      </c>
      <c r="I15011" t="s">
        <v>15</v>
      </c>
      <c r="J15011" s="10">
        <v>20.500481229999998</v>
      </c>
    </row>
    <row r="15012" spans="1:10" x14ac:dyDescent="0.35">
      <c r="A15012" t="s">
        <v>26</v>
      </c>
      <c r="B15012" t="s">
        <v>90</v>
      </c>
      <c r="C15012" t="s">
        <v>117</v>
      </c>
      <c r="D15012" t="s">
        <v>118</v>
      </c>
      <c r="E15012">
        <v>2013</v>
      </c>
      <c r="F15012">
        <v>2013</v>
      </c>
      <c r="G15012" t="s">
        <v>126</v>
      </c>
      <c r="H15012" t="s">
        <v>123</v>
      </c>
      <c r="I15012" t="s">
        <v>15</v>
      </c>
      <c r="J15012" s="10">
        <v>16.134394960000002</v>
      </c>
    </row>
    <row r="15013" spans="1:10" x14ac:dyDescent="0.35">
      <c r="A15013" t="s">
        <v>26</v>
      </c>
      <c r="B15013" t="s">
        <v>90</v>
      </c>
      <c r="C15013" t="s">
        <v>117</v>
      </c>
      <c r="D15013" t="s">
        <v>118</v>
      </c>
      <c r="E15013">
        <v>2013</v>
      </c>
      <c r="F15013">
        <v>2013</v>
      </c>
      <c r="G15013" t="s">
        <v>126</v>
      </c>
      <c r="H15013" t="s">
        <v>124</v>
      </c>
      <c r="I15013" t="s">
        <v>15</v>
      </c>
      <c r="J15013" s="10">
        <v>2.8261440200000001</v>
      </c>
    </row>
    <row r="15014" spans="1:10" x14ac:dyDescent="0.35">
      <c r="A15014" t="s">
        <v>26</v>
      </c>
      <c r="B15014" t="s">
        <v>90</v>
      </c>
      <c r="C15014" t="s">
        <v>117</v>
      </c>
      <c r="D15014" t="s">
        <v>118</v>
      </c>
      <c r="E15014">
        <v>2012</v>
      </c>
      <c r="F15014">
        <v>2012</v>
      </c>
      <c r="G15014" t="s">
        <v>14</v>
      </c>
      <c r="H15014" t="s">
        <v>119</v>
      </c>
      <c r="I15014" t="s">
        <v>15</v>
      </c>
      <c r="J15014" s="10">
        <v>18.97027143</v>
      </c>
    </row>
    <row r="15015" spans="1:10" x14ac:dyDescent="0.35">
      <c r="A15015" t="s">
        <v>26</v>
      </c>
      <c r="B15015" t="s">
        <v>90</v>
      </c>
      <c r="C15015" t="s">
        <v>117</v>
      </c>
      <c r="D15015" t="s">
        <v>118</v>
      </c>
      <c r="E15015">
        <v>2012</v>
      </c>
      <c r="F15015">
        <v>2012</v>
      </c>
      <c r="G15015" t="s">
        <v>14</v>
      </c>
      <c r="H15015" t="s">
        <v>120</v>
      </c>
      <c r="I15015" t="s">
        <v>15</v>
      </c>
      <c r="J15015" s="10">
        <v>10.37914692</v>
      </c>
    </row>
    <row r="15016" spans="1:10" x14ac:dyDescent="0.35">
      <c r="A15016" t="s">
        <v>26</v>
      </c>
      <c r="B15016" t="s">
        <v>90</v>
      </c>
      <c r="C15016" t="s">
        <v>117</v>
      </c>
      <c r="D15016" t="s">
        <v>118</v>
      </c>
      <c r="E15016">
        <v>2012</v>
      </c>
      <c r="F15016">
        <v>2012</v>
      </c>
      <c r="G15016" t="s">
        <v>14</v>
      </c>
      <c r="H15016" t="s">
        <v>121</v>
      </c>
      <c r="I15016" t="s">
        <v>15</v>
      </c>
      <c r="J15016" s="10">
        <v>32.826367939999997</v>
      </c>
    </row>
    <row r="15017" spans="1:10" x14ac:dyDescent="0.35">
      <c r="A15017" t="s">
        <v>26</v>
      </c>
      <c r="B15017" t="s">
        <v>90</v>
      </c>
      <c r="C15017" t="s">
        <v>117</v>
      </c>
      <c r="D15017" t="s">
        <v>118</v>
      </c>
      <c r="E15017">
        <v>2012</v>
      </c>
      <c r="F15017">
        <v>2012</v>
      </c>
      <c r="G15017" t="s">
        <v>14</v>
      </c>
      <c r="H15017" t="s">
        <v>122</v>
      </c>
      <c r="I15017" t="s">
        <v>15</v>
      </c>
      <c r="J15017" s="10">
        <v>20.654890129999998</v>
      </c>
    </row>
    <row r="15018" spans="1:10" x14ac:dyDescent="0.35">
      <c r="A15018" t="s">
        <v>26</v>
      </c>
      <c r="B15018" t="s">
        <v>90</v>
      </c>
      <c r="C15018" t="s">
        <v>117</v>
      </c>
      <c r="D15018" t="s">
        <v>118</v>
      </c>
      <c r="E15018">
        <v>2012</v>
      </c>
      <c r="F15018">
        <v>2012</v>
      </c>
      <c r="G15018" t="s">
        <v>14</v>
      </c>
      <c r="H15018" t="s">
        <v>123</v>
      </c>
      <c r="I15018" t="s">
        <v>15</v>
      </c>
      <c r="J15018" s="10">
        <v>15.213270140000001</v>
      </c>
    </row>
    <row r="15019" spans="1:10" x14ac:dyDescent="0.35">
      <c r="A15019" t="s">
        <v>26</v>
      </c>
      <c r="B15019" t="s">
        <v>90</v>
      </c>
      <c r="C15019" t="s">
        <v>117</v>
      </c>
      <c r="D15019" t="s">
        <v>118</v>
      </c>
      <c r="E15019">
        <v>2012</v>
      </c>
      <c r="F15019">
        <v>2012</v>
      </c>
      <c r="G15019" t="s">
        <v>14</v>
      </c>
      <c r="H15019" t="s">
        <v>124</v>
      </c>
      <c r="I15019" t="s">
        <v>15</v>
      </c>
      <c r="J15019" s="10">
        <v>1.9560534249999999</v>
      </c>
    </row>
    <row r="15020" spans="1:10" x14ac:dyDescent="0.35">
      <c r="A15020" t="s">
        <v>26</v>
      </c>
      <c r="B15020" t="s">
        <v>90</v>
      </c>
      <c r="C15020" t="s">
        <v>117</v>
      </c>
      <c r="D15020" t="s">
        <v>118</v>
      </c>
      <c r="E15020">
        <v>2012</v>
      </c>
      <c r="F15020">
        <v>2012</v>
      </c>
      <c r="G15020" t="s">
        <v>125</v>
      </c>
      <c r="H15020" t="s">
        <v>119</v>
      </c>
      <c r="I15020" t="s">
        <v>15</v>
      </c>
      <c r="J15020" s="10">
        <v>19.473237040000001</v>
      </c>
    </row>
    <row r="15021" spans="1:10" x14ac:dyDescent="0.35">
      <c r="A15021" t="s">
        <v>26</v>
      </c>
      <c r="B15021" t="s">
        <v>90</v>
      </c>
      <c r="C15021" t="s">
        <v>117</v>
      </c>
      <c r="D15021" t="s">
        <v>118</v>
      </c>
      <c r="E15021">
        <v>2012</v>
      </c>
      <c r="F15021">
        <v>2012</v>
      </c>
      <c r="G15021" t="s">
        <v>125</v>
      </c>
      <c r="H15021" t="s">
        <v>120</v>
      </c>
      <c r="I15021" t="s">
        <v>15</v>
      </c>
      <c r="J15021" s="10">
        <v>10.781648260000001</v>
      </c>
    </row>
    <row r="15022" spans="1:10" x14ac:dyDescent="0.35">
      <c r="A15022" t="s">
        <v>26</v>
      </c>
      <c r="B15022" t="s">
        <v>90</v>
      </c>
      <c r="C15022" t="s">
        <v>117</v>
      </c>
      <c r="D15022" t="s">
        <v>118</v>
      </c>
      <c r="E15022">
        <v>2012</v>
      </c>
      <c r="F15022">
        <v>2012</v>
      </c>
      <c r="G15022" t="s">
        <v>125</v>
      </c>
      <c r="H15022" t="s">
        <v>121</v>
      </c>
      <c r="I15022" t="s">
        <v>15</v>
      </c>
      <c r="J15022" s="10">
        <v>32.965165679999998</v>
      </c>
    </row>
    <row r="15023" spans="1:10" x14ac:dyDescent="0.35">
      <c r="A15023" t="s">
        <v>26</v>
      </c>
      <c r="B15023" t="s">
        <v>90</v>
      </c>
      <c r="C15023" t="s">
        <v>117</v>
      </c>
      <c r="D15023" t="s">
        <v>118</v>
      </c>
      <c r="E15023">
        <v>2012</v>
      </c>
      <c r="F15023">
        <v>2012</v>
      </c>
      <c r="G15023" t="s">
        <v>125</v>
      </c>
      <c r="H15023" t="s">
        <v>122</v>
      </c>
      <c r="I15023" t="s">
        <v>15</v>
      </c>
      <c r="J15023" s="10">
        <v>20.968564149999999</v>
      </c>
    </row>
    <row r="15024" spans="1:10" x14ac:dyDescent="0.35">
      <c r="A15024" t="s">
        <v>26</v>
      </c>
      <c r="B15024" t="s">
        <v>90</v>
      </c>
      <c r="C15024" t="s">
        <v>117</v>
      </c>
      <c r="D15024" t="s">
        <v>118</v>
      </c>
      <c r="E15024">
        <v>2012</v>
      </c>
      <c r="F15024">
        <v>2012</v>
      </c>
      <c r="G15024" t="s">
        <v>125</v>
      </c>
      <c r="H15024" t="s">
        <v>123</v>
      </c>
      <c r="I15024" t="s">
        <v>15</v>
      </c>
      <c r="J15024" s="10">
        <v>14.528462190000001</v>
      </c>
    </row>
    <row r="15025" spans="1:10" x14ac:dyDescent="0.35">
      <c r="A15025" t="s">
        <v>26</v>
      </c>
      <c r="B15025" t="s">
        <v>90</v>
      </c>
      <c r="C15025" t="s">
        <v>117</v>
      </c>
      <c r="D15025" t="s">
        <v>118</v>
      </c>
      <c r="E15025">
        <v>2012</v>
      </c>
      <c r="F15025">
        <v>2012</v>
      </c>
      <c r="G15025" t="s">
        <v>125</v>
      </c>
      <c r="H15025" t="s">
        <v>124</v>
      </c>
      <c r="I15025" t="s">
        <v>15</v>
      </c>
      <c r="J15025" s="10">
        <v>1.282922685</v>
      </c>
    </row>
    <row r="15026" spans="1:10" x14ac:dyDescent="0.35">
      <c r="A15026" t="s">
        <v>26</v>
      </c>
      <c r="B15026" t="s">
        <v>90</v>
      </c>
      <c r="C15026" t="s">
        <v>117</v>
      </c>
      <c r="D15026" t="s">
        <v>118</v>
      </c>
      <c r="E15026">
        <v>2012</v>
      </c>
      <c r="F15026">
        <v>2012</v>
      </c>
      <c r="G15026" t="s">
        <v>126</v>
      </c>
      <c r="H15026" t="s">
        <v>119</v>
      </c>
      <c r="I15026" t="s">
        <v>15</v>
      </c>
      <c r="J15026" s="10">
        <v>18.452797199999999</v>
      </c>
    </row>
    <row r="15027" spans="1:10" x14ac:dyDescent="0.35">
      <c r="A15027" t="s">
        <v>26</v>
      </c>
      <c r="B15027" t="s">
        <v>90</v>
      </c>
      <c r="C15027" t="s">
        <v>117</v>
      </c>
      <c r="D15027" t="s">
        <v>118</v>
      </c>
      <c r="E15027">
        <v>2012</v>
      </c>
      <c r="F15027">
        <v>2012</v>
      </c>
      <c r="G15027" t="s">
        <v>126</v>
      </c>
      <c r="H15027" t="s">
        <v>120</v>
      </c>
      <c r="I15027" t="s">
        <v>15</v>
      </c>
      <c r="J15027" s="10">
        <v>9.9650349649999992</v>
      </c>
    </row>
    <row r="15028" spans="1:10" x14ac:dyDescent="0.35">
      <c r="A15028" t="s">
        <v>26</v>
      </c>
      <c r="B15028" t="s">
        <v>90</v>
      </c>
      <c r="C15028" t="s">
        <v>117</v>
      </c>
      <c r="D15028" t="s">
        <v>118</v>
      </c>
      <c r="E15028">
        <v>2012</v>
      </c>
      <c r="F15028">
        <v>2012</v>
      </c>
      <c r="G15028" t="s">
        <v>126</v>
      </c>
      <c r="H15028" t="s">
        <v>121</v>
      </c>
      <c r="I15028" t="s">
        <v>15</v>
      </c>
      <c r="J15028" s="10">
        <v>32.683566429999999</v>
      </c>
    </row>
    <row r="15029" spans="1:10" x14ac:dyDescent="0.35">
      <c r="A15029" t="s">
        <v>26</v>
      </c>
      <c r="B15029" t="s">
        <v>90</v>
      </c>
      <c r="C15029" t="s">
        <v>117</v>
      </c>
      <c r="D15029" t="s">
        <v>118</v>
      </c>
      <c r="E15029">
        <v>2012</v>
      </c>
      <c r="F15029">
        <v>2012</v>
      </c>
      <c r="G15029" t="s">
        <v>126</v>
      </c>
      <c r="H15029" t="s">
        <v>122</v>
      </c>
      <c r="I15029" t="s">
        <v>15</v>
      </c>
      <c r="J15029" s="10">
        <v>20.332167829999999</v>
      </c>
    </row>
    <row r="15030" spans="1:10" x14ac:dyDescent="0.35">
      <c r="A15030" t="s">
        <v>26</v>
      </c>
      <c r="B15030" t="s">
        <v>90</v>
      </c>
      <c r="C15030" t="s">
        <v>117</v>
      </c>
      <c r="D15030" t="s">
        <v>118</v>
      </c>
      <c r="E15030">
        <v>2012</v>
      </c>
      <c r="F15030">
        <v>2012</v>
      </c>
      <c r="G15030" t="s">
        <v>126</v>
      </c>
      <c r="H15030" t="s">
        <v>123</v>
      </c>
      <c r="I15030" t="s">
        <v>15</v>
      </c>
      <c r="J15030" s="10">
        <v>15.917832170000001</v>
      </c>
    </row>
    <row r="15031" spans="1:10" x14ac:dyDescent="0.35">
      <c r="A15031" t="s">
        <v>26</v>
      </c>
      <c r="B15031" t="s">
        <v>90</v>
      </c>
      <c r="C15031" t="s">
        <v>117</v>
      </c>
      <c r="D15031" t="s">
        <v>118</v>
      </c>
      <c r="E15031">
        <v>2012</v>
      </c>
      <c r="F15031">
        <v>2012</v>
      </c>
      <c r="G15031" t="s">
        <v>126</v>
      </c>
      <c r="H15031" t="s">
        <v>124</v>
      </c>
      <c r="I15031" t="s">
        <v>15</v>
      </c>
      <c r="J15031" s="10">
        <v>2.6486013989999999</v>
      </c>
    </row>
    <row r="15032" spans="1:10" x14ac:dyDescent="0.35">
      <c r="A15032" t="s">
        <v>26</v>
      </c>
      <c r="B15032" t="s">
        <v>90</v>
      </c>
      <c r="C15032" t="s">
        <v>117</v>
      </c>
      <c r="D15032" t="s">
        <v>118</v>
      </c>
      <c r="E15032">
        <v>2011</v>
      </c>
      <c r="F15032">
        <v>2011</v>
      </c>
      <c r="G15032" t="s">
        <v>14</v>
      </c>
      <c r="H15032" t="s">
        <v>119</v>
      </c>
      <c r="I15032" t="s">
        <v>15</v>
      </c>
      <c r="J15032" s="10">
        <v>19.2555938</v>
      </c>
    </row>
    <row r="15033" spans="1:10" x14ac:dyDescent="0.35">
      <c r="A15033" t="s">
        <v>26</v>
      </c>
      <c r="B15033" t="s">
        <v>90</v>
      </c>
      <c r="C15033" t="s">
        <v>117</v>
      </c>
      <c r="D15033" t="s">
        <v>118</v>
      </c>
      <c r="E15033">
        <v>2011</v>
      </c>
      <c r="F15033">
        <v>2011</v>
      </c>
      <c r="G15033" t="s">
        <v>14</v>
      </c>
      <c r="H15033" t="s">
        <v>120</v>
      </c>
      <c r="I15033" t="s">
        <v>15</v>
      </c>
      <c r="J15033" s="10">
        <v>10.63683305</v>
      </c>
    </row>
    <row r="15034" spans="1:10" x14ac:dyDescent="0.35">
      <c r="A15034" t="s">
        <v>26</v>
      </c>
      <c r="B15034" t="s">
        <v>90</v>
      </c>
      <c r="C15034" t="s">
        <v>117</v>
      </c>
      <c r="D15034" t="s">
        <v>118</v>
      </c>
      <c r="E15034">
        <v>2011</v>
      </c>
      <c r="F15034">
        <v>2011</v>
      </c>
      <c r="G15034" t="s">
        <v>14</v>
      </c>
      <c r="H15034" t="s">
        <v>121</v>
      </c>
      <c r="I15034" t="s">
        <v>15</v>
      </c>
      <c r="J15034" s="10">
        <v>33.119621340000002</v>
      </c>
    </row>
    <row r="15035" spans="1:10" x14ac:dyDescent="0.35">
      <c r="A15035" t="s">
        <v>26</v>
      </c>
      <c r="B15035" t="s">
        <v>90</v>
      </c>
      <c r="C15035" t="s">
        <v>117</v>
      </c>
      <c r="D15035" t="s">
        <v>118</v>
      </c>
      <c r="E15035">
        <v>2011</v>
      </c>
      <c r="F15035">
        <v>2011</v>
      </c>
      <c r="G15035" t="s">
        <v>14</v>
      </c>
      <c r="H15035" t="s">
        <v>122</v>
      </c>
      <c r="I15035" t="s">
        <v>15</v>
      </c>
      <c r="J15035" s="10">
        <v>20.654044750000001</v>
      </c>
    </row>
    <row r="15036" spans="1:10" x14ac:dyDescent="0.35">
      <c r="A15036" t="s">
        <v>26</v>
      </c>
      <c r="B15036" t="s">
        <v>90</v>
      </c>
      <c r="C15036" t="s">
        <v>117</v>
      </c>
      <c r="D15036" t="s">
        <v>118</v>
      </c>
      <c r="E15036">
        <v>2011</v>
      </c>
      <c r="F15036">
        <v>2011</v>
      </c>
      <c r="G15036" t="s">
        <v>14</v>
      </c>
      <c r="H15036" t="s">
        <v>123</v>
      </c>
      <c r="I15036" t="s">
        <v>15</v>
      </c>
      <c r="J15036" s="10">
        <v>14.37607573</v>
      </c>
    </row>
    <row r="15037" spans="1:10" x14ac:dyDescent="0.35">
      <c r="A15037" t="s">
        <v>26</v>
      </c>
      <c r="B15037" t="s">
        <v>90</v>
      </c>
      <c r="C15037" t="s">
        <v>117</v>
      </c>
      <c r="D15037" t="s">
        <v>118</v>
      </c>
      <c r="E15037">
        <v>2011</v>
      </c>
      <c r="F15037">
        <v>2011</v>
      </c>
      <c r="G15037" t="s">
        <v>14</v>
      </c>
      <c r="H15037" t="s">
        <v>124</v>
      </c>
      <c r="I15037" t="s">
        <v>15</v>
      </c>
      <c r="J15037" s="10">
        <v>1.9578313249999999</v>
      </c>
    </row>
    <row r="15038" spans="1:10" x14ac:dyDescent="0.35">
      <c r="A15038" t="s">
        <v>26</v>
      </c>
      <c r="B15038" t="s">
        <v>90</v>
      </c>
      <c r="C15038" t="s">
        <v>117</v>
      </c>
      <c r="D15038" t="s">
        <v>118</v>
      </c>
      <c r="E15038">
        <v>2011</v>
      </c>
      <c r="F15038">
        <v>2011</v>
      </c>
      <c r="G15038" t="s">
        <v>125</v>
      </c>
      <c r="H15038" t="s">
        <v>119</v>
      </c>
      <c r="I15038" t="s">
        <v>15</v>
      </c>
      <c r="J15038" s="10">
        <v>19.714964370000001</v>
      </c>
    </row>
    <row r="15039" spans="1:10" x14ac:dyDescent="0.35">
      <c r="A15039" t="s">
        <v>26</v>
      </c>
      <c r="B15039" t="s">
        <v>90</v>
      </c>
      <c r="C15039" t="s">
        <v>117</v>
      </c>
      <c r="D15039" t="s">
        <v>118</v>
      </c>
      <c r="E15039">
        <v>2011</v>
      </c>
      <c r="F15039">
        <v>2011</v>
      </c>
      <c r="G15039" t="s">
        <v>125</v>
      </c>
      <c r="H15039" t="s">
        <v>120</v>
      </c>
      <c r="I15039" t="s">
        <v>15</v>
      </c>
      <c r="J15039" s="10">
        <v>11.121479470000001</v>
      </c>
    </row>
    <row r="15040" spans="1:10" x14ac:dyDescent="0.35">
      <c r="A15040" t="s">
        <v>26</v>
      </c>
      <c r="B15040" t="s">
        <v>90</v>
      </c>
      <c r="C15040" t="s">
        <v>117</v>
      </c>
      <c r="D15040" t="s">
        <v>118</v>
      </c>
      <c r="E15040">
        <v>2011</v>
      </c>
      <c r="F15040">
        <v>2011</v>
      </c>
      <c r="G15040" t="s">
        <v>125</v>
      </c>
      <c r="H15040" t="s">
        <v>121</v>
      </c>
      <c r="I15040" t="s">
        <v>15</v>
      </c>
      <c r="J15040" s="10">
        <v>33.279606379999997</v>
      </c>
    </row>
    <row r="15041" spans="1:10" x14ac:dyDescent="0.35">
      <c r="A15041" t="s">
        <v>26</v>
      </c>
      <c r="B15041" t="s">
        <v>90</v>
      </c>
      <c r="C15041" t="s">
        <v>117</v>
      </c>
      <c r="D15041" t="s">
        <v>118</v>
      </c>
      <c r="E15041">
        <v>2011</v>
      </c>
      <c r="F15041">
        <v>2011</v>
      </c>
      <c r="G15041" t="s">
        <v>125</v>
      </c>
      <c r="H15041" t="s">
        <v>122</v>
      </c>
      <c r="I15041" t="s">
        <v>15</v>
      </c>
      <c r="J15041" s="10">
        <v>21.250424160000001</v>
      </c>
    </row>
    <row r="15042" spans="1:10" x14ac:dyDescent="0.35">
      <c r="A15042" t="s">
        <v>26</v>
      </c>
      <c r="B15042" t="s">
        <v>90</v>
      </c>
      <c r="C15042" t="s">
        <v>117</v>
      </c>
      <c r="D15042" t="s">
        <v>118</v>
      </c>
      <c r="E15042">
        <v>2011</v>
      </c>
      <c r="F15042">
        <v>2011</v>
      </c>
      <c r="G15042" t="s">
        <v>125</v>
      </c>
      <c r="H15042" t="s">
        <v>123</v>
      </c>
      <c r="I15042" t="s">
        <v>15</v>
      </c>
      <c r="J15042" s="10">
        <v>13.428910760000001</v>
      </c>
    </row>
    <row r="15043" spans="1:10" x14ac:dyDescent="0.35">
      <c r="A15043" t="s">
        <v>26</v>
      </c>
      <c r="B15043" t="s">
        <v>90</v>
      </c>
      <c r="C15043" t="s">
        <v>117</v>
      </c>
      <c r="D15043" t="s">
        <v>118</v>
      </c>
      <c r="E15043">
        <v>2011</v>
      </c>
      <c r="F15043">
        <v>2011</v>
      </c>
      <c r="G15043" t="s">
        <v>125</v>
      </c>
      <c r="H15043" t="s">
        <v>124</v>
      </c>
      <c r="I15043" t="s">
        <v>15</v>
      </c>
      <c r="J15043" s="10">
        <v>1.204614863</v>
      </c>
    </row>
    <row r="15044" spans="1:10" x14ac:dyDescent="0.35">
      <c r="A15044" t="s">
        <v>26</v>
      </c>
      <c r="B15044" t="s">
        <v>90</v>
      </c>
      <c r="C15044" t="s">
        <v>117</v>
      </c>
      <c r="D15044" t="s">
        <v>118</v>
      </c>
      <c r="E15044">
        <v>2011</v>
      </c>
      <c r="F15044">
        <v>2011</v>
      </c>
      <c r="G15044" t="s">
        <v>126</v>
      </c>
      <c r="H15044" t="s">
        <v>119</v>
      </c>
      <c r="I15044" t="s">
        <v>15</v>
      </c>
      <c r="J15044" s="10">
        <v>18.782745370000001</v>
      </c>
    </row>
    <row r="15045" spans="1:10" x14ac:dyDescent="0.35">
      <c r="A15045" t="s">
        <v>26</v>
      </c>
      <c r="B15045" t="s">
        <v>90</v>
      </c>
      <c r="C15045" t="s">
        <v>117</v>
      </c>
      <c r="D15045" t="s">
        <v>118</v>
      </c>
      <c r="E15045">
        <v>2011</v>
      </c>
      <c r="F15045">
        <v>2011</v>
      </c>
      <c r="G15045" t="s">
        <v>126</v>
      </c>
      <c r="H15045" t="s">
        <v>120</v>
      </c>
      <c r="I15045" t="s">
        <v>15</v>
      </c>
      <c r="J15045" s="10">
        <v>10.13796717</v>
      </c>
    </row>
    <row r="15046" spans="1:10" x14ac:dyDescent="0.35">
      <c r="A15046" t="s">
        <v>26</v>
      </c>
      <c r="B15046" t="s">
        <v>90</v>
      </c>
      <c r="C15046" t="s">
        <v>117</v>
      </c>
      <c r="D15046" t="s">
        <v>118</v>
      </c>
      <c r="E15046">
        <v>2011</v>
      </c>
      <c r="F15046">
        <v>2011</v>
      </c>
      <c r="G15046" t="s">
        <v>126</v>
      </c>
      <c r="H15046" t="s">
        <v>121</v>
      </c>
      <c r="I15046" t="s">
        <v>15</v>
      </c>
      <c r="J15046" s="10">
        <v>32.954942369999998</v>
      </c>
    </row>
    <row r="15047" spans="1:10" x14ac:dyDescent="0.35">
      <c r="A15047" t="s">
        <v>26</v>
      </c>
      <c r="B15047" t="s">
        <v>90</v>
      </c>
      <c r="C15047" t="s">
        <v>117</v>
      </c>
      <c r="D15047" t="s">
        <v>118</v>
      </c>
      <c r="E15047">
        <v>2011</v>
      </c>
      <c r="F15047">
        <v>2011</v>
      </c>
      <c r="G15047" t="s">
        <v>126</v>
      </c>
      <c r="H15047" t="s">
        <v>122</v>
      </c>
      <c r="I15047" t="s">
        <v>15</v>
      </c>
      <c r="J15047" s="10">
        <v>20.040167660000002</v>
      </c>
    </row>
    <row r="15048" spans="1:10" x14ac:dyDescent="0.35">
      <c r="A15048" t="s">
        <v>26</v>
      </c>
      <c r="B15048" t="s">
        <v>90</v>
      </c>
      <c r="C15048" t="s">
        <v>117</v>
      </c>
      <c r="D15048" t="s">
        <v>118</v>
      </c>
      <c r="E15048">
        <v>2011</v>
      </c>
      <c r="F15048">
        <v>2011</v>
      </c>
      <c r="G15048" t="s">
        <v>126</v>
      </c>
      <c r="H15048" t="s">
        <v>123</v>
      </c>
      <c r="I15048" t="s">
        <v>15</v>
      </c>
      <c r="J15048" s="10">
        <v>15.35103039</v>
      </c>
    </row>
    <row r="15049" spans="1:10" x14ac:dyDescent="0.35">
      <c r="A15049" t="s">
        <v>26</v>
      </c>
      <c r="B15049" t="s">
        <v>90</v>
      </c>
      <c r="C15049" t="s">
        <v>117</v>
      </c>
      <c r="D15049" t="s">
        <v>118</v>
      </c>
      <c r="E15049">
        <v>2011</v>
      </c>
      <c r="F15049">
        <v>2011</v>
      </c>
      <c r="G15049" t="s">
        <v>126</v>
      </c>
      <c r="H15049" t="s">
        <v>124</v>
      </c>
      <c r="I15049" t="s">
        <v>15</v>
      </c>
      <c r="J15049" s="10">
        <v>2.7331470489999998</v>
      </c>
    </row>
    <row r="15050" spans="1:10" x14ac:dyDescent="0.35">
      <c r="A15050" t="s">
        <v>26</v>
      </c>
      <c r="B15050" t="s">
        <v>91</v>
      </c>
      <c r="C15050" t="s">
        <v>117</v>
      </c>
      <c r="D15050" t="s">
        <v>118</v>
      </c>
      <c r="E15050">
        <v>2020</v>
      </c>
      <c r="F15050">
        <v>2020</v>
      </c>
      <c r="G15050" t="s">
        <v>14</v>
      </c>
      <c r="H15050" t="s">
        <v>119</v>
      </c>
      <c r="I15050" t="s">
        <v>15</v>
      </c>
      <c r="J15050" s="10">
        <v>15.839118920000001</v>
      </c>
    </row>
    <row r="15051" spans="1:10" x14ac:dyDescent="0.35">
      <c r="A15051" t="s">
        <v>26</v>
      </c>
      <c r="B15051" t="s">
        <v>91</v>
      </c>
      <c r="C15051" t="s">
        <v>117</v>
      </c>
      <c r="D15051" t="s">
        <v>118</v>
      </c>
      <c r="E15051">
        <v>2020</v>
      </c>
      <c r="F15051">
        <v>2020</v>
      </c>
      <c r="G15051" t="s">
        <v>14</v>
      </c>
      <c r="H15051" t="s">
        <v>120</v>
      </c>
      <c r="I15051" t="s">
        <v>15</v>
      </c>
      <c r="J15051" s="10">
        <v>8.7712595679999996</v>
      </c>
    </row>
    <row r="15052" spans="1:10" x14ac:dyDescent="0.35">
      <c r="A15052" t="s">
        <v>26</v>
      </c>
      <c r="B15052" t="s">
        <v>91</v>
      </c>
      <c r="C15052" t="s">
        <v>117</v>
      </c>
      <c r="D15052" t="s">
        <v>118</v>
      </c>
      <c r="E15052">
        <v>2020</v>
      </c>
      <c r="F15052">
        <v>2020</v>
      </c>
      <c r="G15052" t="s">
        <v>14</v>
      </c>
      <c r="H15052" t="s">
        <v>121</v>
      </c>
      <c r="I15052" t="s">
        <v>15</v>
      </c>
      <c r="J15052" s="10">
        <v>27.540279550000001</v>
      </c>
    </row>
    <row r="15053" spans="1:10" x14ac:dyDescent="0.35">
      <c r="A15053" t="s">
        <v>26</v>
      </c>
      <c r="B15053" t="s">
        <v>91</v>
      </c>
      <c r="C15053" t="s">
        <v>117</v>
      </c>
      <c r="D15053" t="s">
        <v>118</v>
      </c>
      <c r="E15053">
        <v>2020</v>
      </c>
      <c r="F15053">
        <v>2020</v>
      </c>
      <c r="G15053" t="s">
        <v>14</v>
      </c>
      <c r="H15053" t="s">
        <v>122</v>
      </c>
      <c r="I15053" t="s">
        <v>15</v>
      </c>
      <c r="J15053" s="10">
        <v>24.030721799999998</v>
      </c>
    </row>
    <row r="15054" spans="1:10" x14ac:dyDescent="0.35">
      <c r="A15054" t="s">
        <v>26</v>
      </c>
      <c r="B15054" t="s">
        <v>91</v>
      </c>
      <c r="C15054" t="s">
        <v>117</v>
      </c>
      <c r="D15054" t="s">
        <v>118</v>
      </c>
      <c r="E15054">
        <v>2020</v>
      </c>
      <c r="F15054">
        <v>2020</v>
      </c>
      <c r="G15054" t="s">
        <v>14</v>
      </c>
      <c r="H15054" t="s">
        <v>123</v>
      </c>
      <c r="I15054" t="s">
        <v>15</v>
      </c>
      <c r="J15054" s="10">
        <v>21.239147899999999</v>
      </c>
    </row>
    <row r="15055" spans="1:10" x14ac:dyDescent="0.35">
      <c r="A15055" t="s">
        <v>26</v>
      </c>
      <c r="B15055" t="s">
        <v>91</v>
      </c>
      <c r="C15055" t="s">
        <v>117</v>
      </c>
      <c r="D15055" t="s">
        <v>118</v>
      </c>
      <c r="E15055">
        <v>2020</v>
      </c>
      <c r="F15055">
        <v>2020</v>
      </c>
      <c r="G15055" t="s">
        <v>14</v>
      </c>
      <c r="H15055" t="s">
        <v>124</v>
      </c>
      <c r="I15055" t="s">
        <v>15</v>
      </c>
      <c r="J15055" s="10">
        <v>2.5794722490000002</v>
      </c>
    </row>
    <row r="15056" spans="1:10" x14ac:dyDescent="0.35">
      <c r="A15056" t="s">
        <v>26</v>
      </c>
      <c r="B15056" t="s">
        <v>91</v>
      </c>
      <c r="C15056" t="s">
        <v>117</v>
      </c>
      <c r="D15056" t="s">
        <v>118</v>
      </c>
      <c r="E15056">
        <v>2020</v>
      </c>
      <c r="F15056">
        <v>2020</v>
      </c>
      <c r="G15056" t="s">
        <v>125</v>
      </c>
      <c r="H15056" t="s">
        <v>119</v>
      </c>
      <c r="I15056" t="s">
        <v>15</v>
      </c>
      <c r="J15056" s="10">
        <v>16.869541850000001</v>
      </c>
    </row>
    <row r="15057" spans="1:10" x14ac:dyDescent="0.35">
      <c r="A15057" t="s">
        <v>26</v>
      </c>
      <c r="B15057" t="s">
        <v>91</v>
      </c>
      <c r="C15057" t="s">
        <v>117</v>
      </c>
      <c r="D15057" t="s">
        <v>118</v>
      </c>
      <c r="E15057">
        <v>2020</v>
      </c>
      <c r="F15057">
        <v>2020</v>
      </c>
      <c r="G15057" t="s">
        <v>125</v>
      </c>
      <c r="H15057" t="s">
        <v>120</v>
      </c>
      <c r="I15057" t="s">
        <v>15</v>
      </c>
      <c r="J15057" s="10">
        <v>9.4343678620000002</v>
      </c>
    </row>
    <row r="15058" spans="1:10" x14ac:dyDescent="0.35">
      <c r="A15058" t="s">
        <v>26</v>
      </c>
      <c r="B15058" t="s">
        <v>91</v>
      </c>
      <c r="C15058" t="s">
        <v>117</v>
      </c>
      <c r="D15058" t="s">
        <v>118</v>
      </c>
      <c r="E15058">
        <v>2020</v>
      </c>
      <c r="F15058">
        <v>2020</v>
      </c>
      <c r="G15058" t="s">
        <v>125</v>
      </c>
      <c r="H15058" t="s">
        <v>121</v>
      </c>
      <c r="I15058" t="s">
        <v>15</v>
      </c>
      <c r="J15058" s="10">
        <v>27.058981589999998</v>
      </c>
    </row>
    <row r="15059" spans="1:10" x14ac:dyDescent="0.35">
      <c r="A15059" t="s">
        <v>26</v>
      </c>
      <c r="B15059" t="s">
        <v>91</v>
      </c>
      <c r="C15059" t="s">
        <v>117</v>
      </c>
      <c r="D15059" t="s">
        <v>118</v>
      </c>
      <c r="E15059">
        <v>2020</v>
      </c>
      <c r="F15059">
        <v>2020</v>
      </c>
      <c r="G15059" t="s">
        <v>125</v>
      </c>
      <c r="H15059" t="s">
        <v>122</v>
      </c>
      <c r="I15059" t="s">
        <v>15</v>
      </c>
      <c r="J15059" s="10">
        <v>23.804917369999998</v>
      </c>
    </row>
    <row r="15060" spans="1:10" x14ac:dyDescent="0.35">
      <c r="A15060" t="s">
        <v>26</v>
      </c>
      <c r="B15060" t="s">
        <v>91</v>
      </c>
      <c r="C15060" t="s">
        <v>117</v>
      </c>
      <c r="D15060" t="s">
        <v>118</v>
      </c>
      <c r="E15060">
        <v>2020</v>
      </c>
      <c r="F15060">
        <v>2020</v>
      </c>
      <c r="G15060" t="s">
        <v>125</v>
      </c>
      <c r="H15060" t="s">
        <v>123</v>
      </c>
      <c r="I15060" t="s">
        <v>15</v>
      </c>
      <c r="J15060" s="10">
        <v>20.755071879999999</v>
      </c>
    </row>
    <row r="15061" spans="1:10" x14ac:dyDescent="0.35">
      <c r="A15061" t="s">
        <v>26</v>
      </c>
      <c r="B15061" t="s">
        <v>91</v>
      </c>
      <c r="C15061" t="s">
        <v>117</v>
      </c>
      <c r="D15061" t="s">
        <v>118</v>
      </c>
      <c r="E15061">
        <v>2020</v>
      </c>
      <c r="F15061">
        <v>2020</v>
      </c>
      <c r="G15061" t="s">
        <v>125</v>
      </c>
      <c r="H15061" t="s">
        <v>124</v>
      </c>
      <c r="I15061" t="s">
        <v>15</v>
      </c>
      <c r="J15061" s="10">
        <v>2.0771194409999998</v>
      </c>
    </row>
    <row r="15062" spans="1:10" x14ac:dyDescent="0.35">
      <c r="A15062" t="s">
        <v>26</v>
      </c>
      <c r="B15062" t="s">
        <v>91</v>
      </c>
      <c r="C15062" t="s">
        <v>117</v>
      </c>
      <c r="D15062" t="s">
        <v>118</v>
      </c>
      <c r="E15062">
        <v>2020</v>
      </c>
      <c r="F15062">
        <v>2020</v>
      </c>
      <c r="G15062" t="s">
        <v>126</v>
      </c>
      <c r="H15062" t="s">
        <v>119</v>
      </c>
      <c r="I15062" t="s">
        <v>15</v>
      </c>
      <c r="J15062" s="10">
        <v>14.8480306</v>
      </c>
    </row>
    <row r="15063" spans="1:10" x14ac:dyDescent="0.35">
      <c r="A15063" t="s">
        <v>26</v>
      </c>
      <c r="B15063" t="s">
        <v>91</v>
      </c>
      <c r="C15063" t="s">
        <v>117</v>
      </c>
      <c r="D15063" t="s">
        <v>118</v>
      </c>
      <c r="E15063">
        <v>2020</v>
      </c>
      <c r="F15063">
        <v>2020</v>
      </c>
      <c r="G15063" t="s">
        <v>126</v>
      </c>
      <c r="H15063" t="s">
        <v>120</v>
      </c>
      <c r="I15063" t="s">
        <v>15</v>
      </c>
      <c r="J15063" s="10">
        <v>8.1334642820000003</v>
      </c>
    </row>
    <row r="15064" spans="1:10" x14ac:dyDescent="0.35">
      <c r="A15064" t="s">
        <v>26</v>
      </c>
      <c r="B15064" t="s">
        <v>91</v>
      </c>
      <c r="C15064" t="s">
        <v>117</v>
      </c>
      <c r="D15064" t="s">
        <v>118</v>
      </c>
      <c r="E15064">
        <v>2020</v>
      </c>
      <c r="F15064">
        <v>2020</v>
      </c>
      <c r="G15064" t="s">
        <v>126</v>
      </c>
      <c r="H15064" t="s">
        <v>121</v>
      </c>
      <c r="I15064" t="s">
        <v>15</v>
      </c>
      <c r="J15064" s="10">
        <v>28.003204799999999</v>
      </c>
    </row>
    <row r="15065" spans="1:10" x14ac:dyDescent="0.35">
      <c r="A15065" t="s">
        <v>26</v>
      </c>
      <c r="B15065" t="s">
        <v>91</v>
      </c>
      <c r="C15065" t="s">
        <v>117</v>
      </c>
      <c r="D15065" t="s">
        <v>118</v>
      </c>
      <c r="E15065">
        <v>2020</v>
      </c>
      <c r="F15065">
        <v>2020</v>
      </c>
      <c r="G15065" t="s">
        <v>126</v>
      </c>
      <c r="H15065" t="s">
        <v>122</v>
      </c>
      <c r="I15065" t="s">
        <v>15</v>
      </c>
      <c r="J15065" s="10">
        <v>24.247906539999999</v>
      </c>
    </row>
    <row r="15066" spans="1:10" x14ac:dyDescent="0.35">
      <c r="A15066" t="s">
        <v>26</v>
      </c>
      <c r="B15066" t="s">
        <v>91</v>
      </c>
      <c r="C15066" t="s">
        <v>117</v>
      </c>
      <c r="D15066" t="s">
        <v>118</v>
      </c>
      <c r="E15066">
        <v>2020</v>
      </c>
      <c r="F15066">
        <v>2020</v>
      </c>
      <c r="G15066" t="s">
        <v>126</v>
      </c>
      <c r="H15066" t="s">
        <v>123</v>
      </c>
      <c r="I15066" t="s">
        <v>15</v>
      </c>
      <c r="J15066" s="10">
        <v>21.704745169999999</v>
      </c>
    </row>
    <row r="15067" spans="1:10" x14ac:dyDescent="0.35">
      <c r="A15067" t="s">
        <v>26</v>
      </c>
      <c r="B15067" t="s">
        <v>91</v>
      </c>
      <c r="C15067" t="s">
        <v>117</v>
      </c>
      <c r="D15067" t="s">
        <v>118</v>
      </c>
      <c r="E15067">
        <v>2020</v>
      </c>
      <c r="F15067">
        <v>2020</v>
      </c>
      <c r="G15067" t="s">
        <v>126</v>
      </c>
      <c r="H15067" t="s">
        <v>124</v>
      </c>
      <c r="I15067" t="s">
        <v>15</v>
      </c>
      <c r="J15067" s="10">
        <v>3.0626486100000001</v>
      </c>
    </row>
    <row r="15068" spans="1:10" x14ac:dyDescent="0.35">
      <c r="A15068" t="s">
        <v>26</v>
      </c>
      <c r="B15068" t="s">
        <v>91</v>
      </c>
      <c r="C15068" t="s">
        <v>117</v>
      </c>
      <c r="D15068" t="s">
        <v>118</v>
      </c>
      <c r="E15068">
        <v>2019</v>
      </c>
      <c r="F15068">
        <v>2019</v>
      </c>
      <c r="G15068" t="s">
        <v>14</v>
      </c>
      <c r="H15068" t="s">
        <v>119</v>
      </c>
      <c r="I15068" t="s">
        <v>15</v>
      </c>
      <c r="J15068" s="10">
        <v>16.09775935</v>
      </c>
    </row>
    <row r="15069" spans="1:10" x14ac:dyDescent="0.35">
      <c r="A15069" t="s">
        <v>26</v>
      </c>
      <c r="B15069" t="s">
        <v>91</v>
      </c>
      <c r="C15069" t="s">
        <v>117</v>
      </c>
      <c r="D15069" t="s">
        <v>118</v>
      </c>
      <c r="E15069">
        <v>2019</v>
      </c>
      <c r="F15069">
        <v>2019</v>
      </c>
      <c r="G15069" t="s">
        <v>14</v>
      </c>
      <c r="H15069" t="s">
        <v>120</v>
      </c>
      <c r="I15069" t="s">
        <v>15</v>
      </c>
      <c r="J15069" s="10">
        <v>8.8353360970000008</v>
      </c>
    </row>
    <row r="15070" spans="1:10" x14ac:dyDescent="0.35">
      <c r="A15070" t="s">
        <v>26</v>
      </c>
      <c r="B15070" t="s">
        <v>91</v>
      </c>
      <c r="C15070" t="s">
        <v>117</v>
      </c>
      <c r="D15070" t="s">
        <v>118</v>
      </c>
      <c r="E15070">
        <v>2019</v>
      </c>
      <c r="F15070">
        <v>2019</v>
      </c>
      <c r="G15070" t="s">
        <v>14</v>
      </c>
      <c r="H15070" t="s">
        <v>121</v>
      </c>
      <c r="I15070" t="s">
        <v>15</v>
      </c>
      <c r="J15070" s="10">
        <v>27.80474366</v>
      </c>
    </row>
    <row r="15071" spans="1:10" x14ac:dyDescent="0.35">
      <c r="A15071" t="s">
        <v>26</v>
      </c>
      <c r="B15071" t="s">
        <v>91</v>
      </c>
      <c r="C15071" t="s">
        <v>117</v>
      </c>
      <c r="D15071" t="s">
        <v>118</v>
      </c>
      <c r="E15071">
        <v>2019</v>
      </c>
      <c r="F15071">
        <v>2019</v>
      </c>
      <c r="G15071" t="s">
        <v>14</v>
      </c>
      <c r="H15071" t="s">
        <v>122</v>
      </c>
      <c r="I15071" t="s">
        <v>15</v>
      </c>
      <c r="J15071" s="10">
        <v>23.949205020000001</v>
      </c>
    </row>
    <row r="15072" spans="1:10" x14ac:dyDescent="0.35">
      <c r="A15072" t="s">
        <v>26</v>
      </c>
      <c r="B15072" t="s">
        <v>91</v>
      </c>
      <c r="C15072" t="s">
        <v>117</v>
      </c>
      <c r="D15072" t="s">
        <v>118</v>
      </c>
      <c r="E15072">
        <v>2019</v>
      </c>
      <c r="F15072">
        <v>2019</v>
      </c>
      <c r="G15072" t="s">
        <v>14</v>
      </c>
      <c r="H15072" t="s">
        <v>123</v>
      </c>
      <c r="I15072" t="s">
        <v>15</v>
      </c>
      <c r="J15072" s="10">
        <v>20.862412760000002</v>
      </c>
    </row>
    <row r="15073" spans="1:10" x14ac:dyDescent="0.35">
      <c r="A15073" t="s">
        <v>26</v>
      </c>
      <c r="B15073" t="s">
        <v>91</v>
      </c>
      <c r="C15073" t="s">
        <v>117</v>
      </c>
      <c r="D15073" t="s">
        <v>118</v>
      </c>
      <c r="E15073">
        <v>2019</v>
      </c>
      <c r="F15073">
        <v>2019</v>
      </c>
      <c r="G15073" t="s">
        <v>14</v>
      </c>
      <c r="H15073" t="s">
        <v>124</v>
      </c>
      <c r="I15073" t="s">
        <v>15</v>
      </c>
      <c r="J15073" s="10">
        <v>2.4505431080000002</v>
      </c>
    </row>
    <row r="15074" spans="1:10" x14ac:dyDescent="0.35">
      <c r="A15074" t="s">
        <v>26</v>
      </c>
      <c r="B15074" t="s">
        <v>91</v>
      </c>
      <c r="C15074" t="s">
        <v>117</v>
      </c>
      <c r="D15074" t="s">
        <v>118</v>
      </c>
      <c r="E15074">
        <v>2019</v>
      </c>
      <c r="F15074">
        <v>2019</v>
      </c>
      <c r="G15074" t="s">
        <v>125</v>
      </c>
      <c r="H15074" t="s">
        <v>119</v>
      </c>
      <c r="I15074" t="s">
        <v>15</v>
      </c>
      <c r="J15074" s="10">
        <v>17.0328935</v>
      </c>
    </row>
    <row r="15075" spans="1:10" x14ac:dyDescent="0.35">
      <c r="A15075" t="s">
        <v>26</v>
      </c>
      <c r="B15075" t="s">
        <v>91</v>
      </c>
      <c r="C15075" t="s">
        <v>117</v>
      </c>
      <c r="D15075" t="s">
        <v>118</v>
      </c>
      <c r="E15075">
        <v>2019</v>
      </c>
      <c r="F15075">
        <v>2019</v>
      </c>
      <c r="G15075" t="s">
        <v>125</v>
      </c>
      <c r="H15075" t="s">
        <v>120</v>
      </c>
      <c r="I15075" t="s">
        <v>15</v>
      </c>
      <c r="J15075" s="10">
        <v>9.7235232719999996</v>
      </c>
    </row>
    <row r="15076" spans="1:10" x14ac:dyDescent="0.35">
      <c r="A15076" t="s">
        <v>26</v>
      </c>
      <c r="B15076" t="s">
        <v>91</v>
      </c>
      <c r="C15076" t="s">
        <v>117</v>
      </c>
      <c r="D15076" t="s">
        <v>118</v>
      </c>
      <c r="E15076">
        <v>2019</v>
      </c>
      <c r="F15076">
        <v>2019</v>
      </c>
      <c r="G15076" t="s">
        <v>125</v>
      </c>
      <c r="H15076" t="s">
        <v>121</v>
      </c>
      <c r="I15076" t="s">
        <v>15</v>
      </c>
      <c r="J15076" s="10">
        <v>27.099001690000001</v>
      </c>
    </row>
    <row r="15077" spans="1:10" x14ac:dyDescent="0.35">
      <c r="A15077" t="s">
        <v>26</v>
      </c>
      <c r="B15077" t="s">
        <v>91</v>
      </c>
      <c r="C15077" t="s">
        <v>117</v>
      </c>
      <c r="D15077" t="s">
        <v>118</v>
      </c>
      <c r="E15077">
        <v>2019</v>
      </c>
      <c r="F15077">
        <v>2019</v>
      </c>
      <c r="G15077" t="s">
        <v>125</v>
      </c>
      <c r="H15077" t="s">
        <v>122</v>
      </c>
      <c r="I15077" t="s">
        <v>15</v>
      </c>
      <c r="J15077" s="10">
        <v>23.865856600000001</v>
      </c>
    </row>
    <row r="15078" spans="1:10" x14ac:dyDescent="0.35">
      <c r="A15078" t="s">
        <v>26</v>
      </c>
      <c r="B15078" t="s">
        <v>91</v>
      </c>
      <c r="C15078" t="s">
        <v>117</v>
      </c>
      <c r="D15078" t="s">
        <v>118</v>
      </c>
      <c r="E15078">
        <v>2019</v>
      </c>
      <c r="F15078">
        <v>2019</v>
      </c>
      <c r="G15078" t="s">
        <v>125</v>
      </c>
      <c r="H15078" t="s">
        <v>123</v>
      </c>
      <c r="I15078" t="s">
        <v>15</v>
      </c>
      <c r="J15078" s="10">
        <v>20.324920379999998</v>
      </c>
    </row>
    <row r="15079" spans="1:10" x14ac:dyDescent="0.35">
      <c r="A15079" t="s">
        <v>26</v>
      </c>
      <c r="B15079" t="s">
        <v>91</v>
      </c>
      <c r="C15079" t="s">
        <v>117</v>
      </c>
      <c r="D15079" t="s">
        <v>118</v>
      </c>
      <c r="E15079">
        <v>2019</v>
      </c>
      <c r="F15079">
        <v>2019</v>
      </c>
      <c r="G15079" t="s">
        <v>125</v>
      </c>
      <c r="H15079" t="s">
        <v>124</v>
      </c>
      <c r="I15079" t="s">
        <v>15</v>
      </c>
      <c r="J15079" s="10">
        <v>1.9538045660000001</v>
      </c>
    </row>
    <row r="15080" spans="1:10" x14ac:dyDescent="0.35">
      <c r="A15080" t="s">
        <v>26</v>
      </c>
      <c r="B15080" t="s">
        <v>91</v>
      </c>
      <c r="C15080" t="s">
        <v>117</v>
      </c>
      <c r="D15080" t="s">
        <v>118</v>
      </c>
      <c r="E15080">
        <v>2019</v>
      </c>
      <c r="F15080">
        <v>2019</v>
      </c>
      <c r="G15080" t="s">
        <v>126</v>
      </c>
      <c r="H15080" t="s">
        <v>119</v>
      </c>
      <c r="I15080" t="s">
        <v>15</v>
      </c>
      <c r="J15080" s="10">
        <v>15.19876496</v>
      </c>
    </row>
    <row r="15081" spans="1:10" x14ac:dyDescent="0.35">
      <c r="A15081" t="s">
        <v>26</v>
      </c>
      <c r="B15081" t="s">
        <v>91</v>
      </c>
      <c r="C15081" t="s">
        <v>117</v>
      </c>
      <c r="D15081" t="s">
        <v>118</v>
      </c>
      <c r="E15081">
        <v>2019</v>
      </c>
      <c r="F15081">
        <v>2019</v>
      </c>
      <c r="G15081" t="s">
        <v>126</v>
      </c>
      <c r="H15081" t="s">
        <v>120</v>
      </c>
      <c r="I15081" t="s">
        <v>15</v>
      </c>
      <c r="J15081" s="10">
        <v>7.9814743339999996</v>
      </c>
    </row>
    <row r="15082" spans="1:10" x14ac:dyDescent="0.35">
      <c r="A15082" t="s">
        <v>26</v>
      </c>
      <c r="B15082" t="s">
        <v>91</v>
      </c>
      <c r="C15082" t="s">
        <v>117</v>
      </c>
      <c r="D15082" t="s">
        <v>118</v>
      </c>
      <c r="E15082">
        <v>2019</v>
      </c>
      <c r="F15082">
        <v>2019</v>
      </c>
      <c r="G15082" t="s">
        <v>126</v>
      </c>
      <c r="H15082" t="s">
        <v>121</v>
      </c>
      <c r="I15082" t="s">
        <v>15</v>
      </c>
      <c r="J15082" s="10">
        <v>28.48321112</v>
      </c>
    </row>
    <row r="15083" spans="1:10" x14ac:dyDescent="0.35">
      <c r="A15083" t="s">
        <v>26</v>
      </c>
      <c r="B15083" t="s">
        <v>91</v>
      </c>
      <c r="C15083" t="s">
        <v>117</v>
      </c>
      <c r="D15083" t="s">
        <v>118</v>
      </c>
      <c r="E15083">
        <v>2019</v>
      </c>
      <c r="F15083">
        <v>2019</v>
      </c>
      <c r="G15083" t="s">
        <v>126</v>
      </c>
      <c r="H15083" t="s">
        <v>122</v>
      </c>
      <c r="I15083" t="s">
        <v>15</v>
      </c>
      <c r="J15083" s="10">
        <v>24.0293323</v>
      </c>
    </row>
    <row r="15084" spans="1:10" x14ac:dyDescent="0.35">
      <c r="A15084" t="s">
        <v>26</v>
      </c>
      <c r="B15084" t="s">
        <v>91</v>
      </c>
      <c r="C15084" t="s">
        <v>117</v>
      </c>
      <c r="D15084" t="s">
        <v>118</v>
      </c>
      <c r="E15084">
        <v>2019</v>
      </c>
      <c r="F15084">
        <v>2019</v>
      </c>
      <c r="G15084" t="s">
        <v>126</v>
      </c>
      <c r="H15084" t="s">
        <v>123</v>
      </c>
      <c r="I15084" t="s">
        <v>15</v>
      </c>
      <c r="J15084" s="10">
        <v>21.379132899999998</v>
      </c>
    </row>
    <row r="15085" spans="1:10" x14ac:dyDescent="0.35">
      <c r="A15085" t="s">
        <v>26</v>
      </c>
      <c r="B15085" t="s">
        <v>91</v>
      </c>
      <c r="C15085" t="s">
        <v>117</v>
      </c>
      <c r="D15085" t="s">
        <v>118</v>
      </c>
      <c r="E15085">
        <v>2019</v>
      </c>
      <c r="F15085">
        <v>2019</v>
      </c>
      <c r="G15085" t="s">
        <v>126</v>
      </c>
      <c r="H15085" t="s">
        <v>124</v>
      </c>
      <c r="I15085" t="s">
        <v>15</v>
      </c>
      <c r="J15085" s="10">
        <v>2.928084395</v>
      </c>
    </row>
    <row r="15086" spans="1:10" x14ac:dyDescent="0.35">
      <c r="A15086" t="s">
        <v>26</v>
      </c>
      <c r="B15086" t="s">
        <v>91</v>
      </c>
      <c r="C15086" t="s">
        <v>117</v>
      </c>
      <c r="D15086" t="s">
        <v>118</v>
      </c>
      <c r="E15086">
        <v>2018</v>
      </c>
      <c r="F15086">
        <v>2018</v>
      </c>
      <c r="G15086" t="s">
        <v>14</v>
      </c>
      <c r="H15086" t="s">
        <v>119</v>
      </c>
      <c r="I15086" t="s">
        <v>15</v>
      </c>
      <c r="J15086" s="10">
        <v>16.317188030000001</v>
      </c>
    </row>
    <row r="15087" spans="1:10" x14ac:dyDescent="0.35">
      <c r="A15087" t="s">
        <v>26</v>
      </c>
      <c r="B15087" t="s">
        <v>91</v>
      </c>
      <c r="C15087" t="s">
        <v>117</v>
      </c>
      <c r="D15087" t="s">
        <v>118</v>
      </c>
      <c r="E15087">
        <v>2018</v>
      </c>
      <c r="F15087">
        <v>2018</v>
      </c>
      <c r="G15087" t="s">
        <v>14</v>
      </c>
      <c r="H15087" t="s">
        <v>120</v>
      </c>
      <c r="I15087" t="s">
        <v>15</v>
      </c>
      <c r="J15087" s="10">
        <v>8.9097319059999993</v>
      </c>
    </row>
    <row r="15088" spans="1:10" x14ac:dyDescent="0.35">
      <c r="A15088" t="s">
        <v>26</v>
      </c>
      <c r="B15088" t="s">
        <v>91</v>
      </c>
      <c r="C15088" t="s">
        <v>117</v>
      </c>
      <c r="D15088" t="s">
        <v>118</v>
      </c>
      <c r="E15088">
        <v>2018</v>
      </c>
      <c r="F15088">
        <v>2018</v>
      </c>
      <c r="G15088" t="s">
        <v>14</v>
      </c>
      <c r="H15088" t="s">
        <v>121</v>
      </c>
      <c r="I15088" t="s">
        <v>15</v>
      </c>
      <c r="J15088" s="10">
        <v>27.906548449999999</v>
      </c>
    </row>
    <row r="15089" spans="1:10" x14ac:dyDescent="0.35">
      <c r="A15089" t="s">
        <v>26</v>
      </c>
      <c r="B15089" t="s">
        <v>91</v>
      </c>
      <c r="C15089" t="s">
        <v>117</v>
      </c>
      <c r="D15089" t="s">
        <v>118</v>
      </c>
      <c r="E15089">
        <v>2018</v>
      </c>
      <c r="F15089">
        <v>2018</v>
      </c>
      <c r="G15089" t="s">
        <v>14</v>
      </c>
      <c r="H15089" t="s">
        <v>122</v>
      </c>
      <c r="I15089" t="s">
        <v>15</v>
      </c>
      <c r="J15089" s="10">
        <v>23.981162359999999</v>
      </c>
    </row>
    <row r="15090" spans="1:10" x14ac:dyDescent="0.35">
      <c r="A15090" t="s">
        <v>26</v>
      </c>
      <c r="B15090" t="s">
        <v>91</v>
      </c>
      <c r="C15090" t="s">
        <v>117</v>
      </c>
      <c r="D15090" t="s">
        <v>118</v>
      </c>
      <c r="E15090">
        <v>2018</v>
      </c>
      <c r="F15090">
        <v>2018</v>
      </c>
      <c r="G15090" t="s">
        <v>14</v>
      </c>
      <c r="H15090" t="s">
        <v>123</v>
      </c>
      <c r="I15090" t="s">
        <v>15</v>
      </c>
      <c r="J15090" s="10">
        <v>20.476729200000001</v>
      </c>
    </row>
    <row r="15091" spans="1:10" x14ac:dyDescent="0.35">
      <c r="A15091" t="s">
        <v>26</v>
      </c>
      <c r="B15091" t="s">
        <v>91</v>
      </c>
      <c r="C15091" t="s">
        <v>117</v>
      </c>
      <c r="D15091" t="s">
        <v>118</v>
      </c>
      <c r="E15091">
        <v>2018</v>
      </c>
      <c r="F15091">
        <v>2018</v>
      </c>
      <c r="G15091" t="s">
        <v>14</v>
      </c>
      <c r="H15091" t="s">
        <v>124</v>
      </c>
      <c r="I15091" t="s">
        <v>15</v>
      </c>
      <c r="J15091" s="10">
        <v>2.4086400590000001</v>
      </c>
    </row>
    <row r="15092" spans="1:10" x14ac:dyDescent="0.35">
      <c r="A15092" t="s">
        <v>26</v>
      </c>
      <c r="B15092" t="s">
        <v>91</v>
      </c>
      <c r="C15092" t="s">
        <v>117</v>
      </c>
      <c r="D15092" t="s">
        <v>118</v>
      </c>
      <c r="E15092">
        <v>2018</v>
      </c>
      <c r="F15092">
        <v>2018</v>
      </c>
      <c r="G15092" t="s">
        <v>125</v>
      </c>
      <c r="H15092" t="s">
        <v>119</v>
      </c>
      <c r="I15092" t="s">
        <v>15</v>
      </c>
      <c r="J15092" s="10">
        <v>17.279342660000001</v>
      </c>
    </row>
    <row r="15093" spans="1:10" x14ac:dyDescent="0.35">
      <c r="A15093" t="s">
        <v>26</v>
      </c>
      <c r="B15093" t="s">
        <v>91</v>
      </c>
      <c r="C15093" t="s">
        <v>117</v>
      </c>
      <c r="D15093" t="s">
        <v>118</v>
      </c>
      <c r="E15093">
        <v>2018</v>
      </c>
      <c r="F15093">
        <v>2018</v>
      </c>
      <c r="G15093" t="s">
        <v>125</v>
      </c>
      <c r="H15093" t="s">
        <v>120</v>
      </c>
      <c r="I15093" t="s">
        <v>15</v>
      </c>
      <c r="J15093" s="10">
        <v>9.6372277870000005</v>
      </c>
    </row>
    <row r="15094" spans="1:10" x14ac:dyDescent="0.35">
      <c r="A15094" t="s">
        <v>26</v>
      </c>
      <c r="B15094" t="s">
        <v>91</v>
      </c>
      <c r="C15094" t="s">
        <v>117</v>
      </c>
      <c r="D15094" t="s">
        <v>118</v>
      </c>
      <c r="E15094">
        <v>2018</v>
      </c>
      <c r="F15094">
        <v>2018</v>
      </c>
      <c r="G15094" t="s">
        <v>125</v>
      </c>
      <c r="H15094" t="s">
        <v>121</v>
      </c>
      <c r="I15094" t="s">
        <v>15</v>
      </c>
      <c r="J15094" s="10">
        <v>27.252222010000001</v>
      </c>
    </row>
    <row r="15095" spans="1:10" x14ac:dyDescent="0.35">
      <c r="A15095" t="s">
        <v>26</v>
      </c>
      <c r="B15095" t="s">
        <v>91</v>
      </c>
      <c r="C15095" t="s">
        <v>117</v>
      </c>
      <c r="D15095" t="s">
        <v>118</v>
      </c>
      <c r="E15095">
        <v>2018</v>
      </c>
      <c r="F15095">
        <v>2018</v>
      </c>
      <c r="G15095" t="s">
        <v>125</v>
      </c>
      <c r="H15095" t="s">
        <v>122</v>
      </c>
      <c r="I15095" t="s">
        <v>15</v>
      </c>
      <c r="J15095" s="10">
        <v>24.051448669999999</v>
      </c>
    </row>
    <row r="15096" spans="1:10" x14ac:dyDescent="0.35">
      <c r="A15096" t="s">
        <v>26</v>
      </c>
      <c r="B15096" t="s">
        <v>91</v>
      </c>
      <c r="C15096" t="s">
        <v>117</v>
      </c>
      <c r="D15096" t="s">
        <v>118</v>
      </c>
      <c r="E15096">
        <v>2018</v>
      </c>
      <c r="F15096">
        <v>2018</v>
      </c>
      <c r="G15096" t="s">
        <v>125</v>
      </c>
      <c r="H15096" t="s">
        <v>123</v>
      </c>
      <c r="I15096" t="s">
        <v>15</v>
      </c>
      <c r="J15096" s="10">
        <v>19.916221369999999</v>
      </c>
    </row>
    <row r="15097" spans="1:10" x14ac:dyDescent="0.35">
      <c r="A15097" t="s">
        <v>26</v>
      </c>
      <c r="B15097" t="s">
        <v>91</v>
      </c>
      <c r="C15097" t="s">
        <v>117</v>
      </c>
      <c r="D15097" t="s">
        <v>118</v>
      </c>
      <c r="E15097">
        <v>2018</v>
      </c>
      <c r="F15097">
        <v>2018</v>
      </c>
      <c r="G15097" t="s">
        <v>125</v>
      </c>
      <c r="H15097" t="s">
        <v>124</v>
      </c>
      <c r="I15097" t="s">
        <v>15</v>
      </c>
      <c r="J15097" s="10">
        <v>1.863537499</v>
      </c>
    </row>
    <row r="15098" spans="1:10" x14ac:dyDescent="0.35">
      <c r="A15098" t="s">
        <v>26</v>
      </c>
      <c r="B15098" t="s">
        <v>91</v>
      </c>
      <c r="C15098" t="s">
        <v>117</v>
      </c>
      <c r="D15098" t="s">
        <v>118</v>
      </c>
      <c r="E15098">
        <v>2018</v>
      </c>
      <c r="F15098">
        <v>2018</v>
      </c>
      <c r="G15098" t="s">
        <v>126</v>
      </c>
      <c r="H15098" t="s">
        <v>119</v>
      </c>
      <c r="I15098" t="s">
        <v>15</v>
      </c>
      <c r="J15098" s="10">
        <v>15.39314542</v>
      </c>
    </row>
    <row r="15099" spans="1:10" x14ac:dyDescent="0.35">
      <c r="A15099" t="s">
        <v>26</v>
      </c>
      <c r="B15099" t="s">
        <v>91</v>
      </c>
      <c r="C15099" t="s">
        <v>117</v>
      </c>
      <c r="D15099" t="s">
        <v>118</v>
      </c>
      <c r="E15099">
        <v>2018</v>
      </c>
      <c r="F15099">
        <v>2018</v>
      </c>
      <c r="G15099" t="s">
        <v>126</v>
      </c>
      <c r="H15099" t="s">
        <v>120</v>
      </c>
      <c r="I15099" t="s">
        <v>15</v>
      </c>
      <c r="J15099" s="10">
        <v>8.2110529440000004</v>
      </c>
    </row>
    <row r="15100" spans="1:10" x14ac:dyDescent="0.35">
      <c r="A15100" t="s">
        <v>26</v>
      </c>
      <c r="B15100" t="s">
        <v>91</v>
      </c>
      <c r="C15100" t="s">
        <v>117</v>
      </c>
      <c r="D15100" t="s">
        <v>118</v>
      </c>
      <c r="E15100">
        <v>2018</v>
      </c>
      <c r="F15100">
        <v>2018</v>
      </c>
      <c r="G15100" t="s">
        <v>126</v>
      </c>
      <c r="H15100" t="s">
        <v>121</v>
      </c>
      <c r="I15100" t="s">
        <v>15</v>
      </c>
      <c r="J15100" s="10">
        <v>28.53495629</v>
      </c>
    </row>
    <row r="15101" spans="1:10" x14ac:dyDescent="0.35">
      <c r="A15101" t="s">
        <v>26</v>
      </c>
      <c r="B15101" t="s">
        <v>91</v>
      </c>
      <c r="C15101" t="s">
        <v>117</v>
      </c>
      <c r="D15101" t="s">
        <v>118</v>
      </c>
      <c r="E15101">
        <v>2018</v>
      </c>
      <c r="F15101">
        <v>2018</v>
      </c>
      <c r="G15101" t="s">
        <v>126</v>
      </c>
      <c r="H15101" t="s">
        <v>122</v>
      </c>
      <c r="I15101" t="s">
        <v>15</v>
      </c>
      <c r="J15101" s="10">
        <v>23.913660159999999</v>
      </c>
    </row>
    <row r="15102" spans="1:10" x14ac:dyDescent="0.35">
      <c r="A15102" t="s">
        <v>26</v>
      </c>
      <c r="B15102" t="s">
        <v>91</v>
      </c>
      <c r="C15102" t="s">
        <v>117</v>
      </c>
      <c r="D15102" t="s">
        <v>118</v>
      </c>
      <c r="E15102">
        <v>2018</v>
      </c>
      <c r="F15102">
        <v>2018</v>
      </c>
      <c r="G15102" t="s">
        <v>126</v>
      </c>
      <c r="H15102" t="s">
        <v>123</v>
      </c>
      <c r="I15102" t="s">
        <v>15</v>
      </c>
      <c r="J15102" s="10">
        <v>21.01503469</v>
      </c>
    </row>
    <row r="15103" spans="1:10" x14ac:dyDescent="0.35">
      <c r="A15103" t="s">
        <v>26</v>
      </c>
      <c r="B15103" t="s">
        <v>91</v>
      </c>
      <c r="C15103" t="s">
        <v>117</v>
      </c>
      <c r="D15103" t="s">
        <v>118</v>
      </c>
      <c r="E15103">
        <v>2018</v>
      </c>
      <c r="F15103">
        <v>2018</v>
      </c>
      <c r="G15103" t="s">
        <v>126</v>
      </c>
      <c r="H15103" t="s">
        <v>124</v>
      </c>
      <c r="I15103" t="s">
        <v>15</v>
      </c>
      <c r="J15103" s="10">
        <v>2.9321505019999998</v>
      </c>
    </row>
    <row r="15104" spans="1:10" x14ac:dyDescent="0.35">
      <c r="A15104" t="s">
        <v>26</v>
      </c>
      <c r="B15104" t="s">
        <v>91</v>
      </c>
      <c r="C15104" t="s">
        <v>117</v>
      </c>
      <c r="D15104" t="s">
        <v>118</v>
      </c>
      <c r="E15104">
        <v>2017</v>
      </c>
      <c r="F15104">
        <v>2017</v>
      </c>
      <c r="G15104" t="s">
        <v>14</v>
      </c>
      <c r="H15104" t="s">
        <v>119</v>
      </c>
      <c r="I15104" t="s">
        <v>15</v>
      </c>
      <c r="J15104" s="10">
        <v>16.41221878</v>
      </c>
    </row>
    <row r="15105" spans="1:10" x14ac:dyDescent="0.35">
      <c r="A15105" t="s">
        <v>26</v>
      </c>
      <c r="B15105" t="s">
        <v>91</v>
      </c>
      <c r="C15105" t="s">
        <v>117</v>
      </c>
      <c r="D15105" t="s">
        <v>118</v>
      </c>
      <c r="E15105">
        <v>2017</v>
      </c>
      <c r="F15105">
        <v>2017</v>
      </c>
      <c r="G15105" t="s">
        <v>14</v>
      </c>
      <c r="H15105" t="s">
        <v>120</v>
      </c>
      <c r="I15105" t="s">
        <v>15</v>
      </c>
      <c r="J15105" s="10">
        <v>9.0822722169999999</v>
      </c>
    </row>
    <row r="15106" spans="1:10" x14ac:dyDescent="0.35">
      <c r="A15106" t="s">
        <v>26</v>
      </c>
      <c r="B15106" t="s">
        <v>91</v>
      </c>
      <c r="C15106" t="s">
        <v>117</v>
      </c>
      <c r="D15106" t="s">
        <v>118</v>
      </c>
      <c r="E15106">
        <v>2017</v>
      </c>
      <c r="F15106">
        <v>2017</v>
      </c>
      <c r="G15106" t="s">
        <v>14</v>
      </c>
      <c r="H15106" t="s">
        <v>121</v>
      </c>
      <c r="I15106" t="s">
        <v>15</v>
      </c>
      <c r="J15106" s="10">
        <v>28.155967539999999</v>
      </c>
    </row>
    <row r="15107" spans="1:10" x14ac:dyDescent="0.35">
      <c r="A15107" t="s">
        <v>26</v>
      </c>
      <c r="B15107" t="s">
        <v>91</v>
      </c>
      <c r="C15107" t="s">
        <v>117</v>
      </c>
      <c r="D15107" t="s">
        <v>118</v>
      </c>
      <c r="E15107">
        <v>2017</v>
      </c>
      <c r="F15107">
        <v>2017</v>
      </c>
      <c r="G15107" t="s">
        <v>14</v>
      </c>
      <c r="H15107" t="s">
        <v>122</v>
      </c>
      <c r="I15107" t="s">
        <v>15</v>
      </c>
      <c r="J15107" s="10">
        <v>23.880715179999999</v>
      </c>
    </row>
    <row r="15108" spans="1:10" x14ac:dyDescent="0.35">
      <c r="A15108" t="s">
        <v>26</v>
      </c>
      <c r="B15108" t="s">
        <v>91</v>
      </c>
      <c r="C15108" t="s">
        <v>117</v>
      </c>
      <c r="D15108" t="s">
        <v>118</v>
      </c>
      <c r="E15108">
        <v>2017</v>
      </c>
      <c r="F15108">
        <v>2017</v>
      </c>
      <c r="G15108" t="s">
        <v>14</v>
      </c>
      <c r="H15108" t="s">
        <v>123</v>
      </c>
      <c r="I15108" t="s">
        <v>15</v>
      </c>
      <c r="J15108" s="10">
        <v>20.13063271</v>
      </c>
    </row>
    <row r="15109" spans="1:10" x14ac:dyDescent="0.35">
      <c r="A15109" t="s">
        <v>26</v>
      </c>
      <c r="B15109" t="s">
        <v>91</v>
      </c>
      <c r="C15109" t="s">
        <v>117</v>
      </c>
      <c r="D15109" t="s">
        <v>118</v>
      </c>
      <c r="E15109">
        <v>2017</v>
      </c>
      <c r="F15109">
        <v>2017</v>
      </c>
      <c r="G15109" t="s">
        <v>14</v>
      </c>
      <c r="H15109" t="s">
        <v>124</v>
      </c>
      <c r="I15109" t="s">
        <v>15</v>
      </c>
      <c r="J15109" s="10">
        <v>2.3381935739999999</v>
      </c>
    </row>
    <row r="15110" spans="1:10" x14ac:dyDescent="0.35">
      <c r="A15110" t="s">
        <v>26</v>
      </c>
      <c r="B15110" t="s">
        <v>91</v>
      </c>
      <c r="C15110" t="s">
        <v>117</v>
      </c>
      <c r="D15110" t="s">
        <v>118</v>
      </c>
      <c r="E15110">
        <v>2017</v>
      </c>
      <c r="F15110">
        <v>2017</v>
      </c>
      <c r="G15110" t="s">
        <v>125</v>
      </c>
      <c r="H15110" t="s">
        <v>119</v>
      </c>
      <c r="I15110" t="s">
        <v>15</v>
      </c>
      <c r="J15110" s="10">
        <v>17.503168909999999</v>
      </c>
    </row>
    <row r="15111" spans="1:10" x14ac:dyDescent="0.35">
      <c r="A15111" t="s">
        <v>26</v>
      </c>
      <c r="B15111" t="s">
        <v>91</v>
      </c>
      <c r="C15111" t="s">
        <v>117</v>
      </c>
      <c r="D15111" t="s">
        <v>118</v>
      </c>
      <c r="E15111">
        <v>2017</v>
      </c>
      <c r="F15111">
        <v>2017</v>
      </c>
      <c r="G15111" t="s">
        <v>125</v>
      </c>
      <c r="H15111" t="s">
        <v>120</v>
      </c>
      <c r="I15111" t="s">
        <v>15</v>
      </c>
      <c r="J15111" s="10">
        <v>9.7332722030000003</v>
      </c>
    </row>
    <row r="15112" spans="1:10" x14ac:dyDescent="0.35">
      <c r="A15112" t="s">
        <v>26</v>
      </c>
      <c r="B15112" t="s">
        <v>91</v>
      </c>
      <c r="C15112" t="s">
        <v>117</v>
      </c>
      <c r="D15112" t="s">
        <v>118</v>
      </c>
      <c r="E15112">
        <v>2017</v>
      </c>
      <c r="F15112">
        <v>2017</v>
      </c>
      <c r="G15112" t="s">
        <v>125</v>
      </c>
      <c r="H15112" t="s">
        <v>121</v>
      </c>
      <c r="I15112" t="s">
        <v>15</v>
      </c>
      <c r="J15112" s="10">
        <v>27.492650829999999</v>
      </c>
    </row>
    <row r="15113" spans="1:10" x14ac:dyDescent="0.35">
      <c r="A15113" t="s">
        <v>26</v>
      </c>
      <c r="B15113" t="s">
        <v>91</v>
      </c>
      <c r="C15113" t="s">
        <v>117</v>
      </c>
      <c r="D15113" t="s">
        <v>118</v>
      </c>
      <c r="E15113">
        <v>2017</v>
      </c>
      <c r="F15113">
        <v>2017</v>
      </c>
      <c r="G15113" t="s">
        <v>125</v>
      </c>
      <c r="H15113" t="s">
        <v>122</v>
      </c>
      <c r="I15113" t="s">
        <v>15</v>
      </c>
      <c r="J15113" s="10">
        <v>23.90032094</v>
      </c>
    </row>
    <row r="15114" spans="1:10" x14ac:dyDescent="0.35">
      <c r="A15114" t="s">
        <v>26</v>
      </c>
      <c r="B15114" t="s">
        <v>91</v>
      </c>
      <c r="C15114" t="s">
        <v>117</v>
      </c>
      <c r="D15114" t="s">
        <v>118</v>
      </c>
      <c r="E15114">
        <v>2017</v>
      </c>
      <c r="F15114">
        <v>2017</v>
      </c>
      <c r="G15114" t="s">
        <v>125</v>
      </c>
      <c r="H15114" t="s">
        <v>123</v>
      </c>
      <c r="I15114" t="s">
        <v>15</v>
      </c>
      <c r="J15114" s="10">
        <v>19.614876349999999</v>
      </c>
    </row>
    <row r="15115" spans="1:10" x14ac:dyDescent="0.35">
      <c r="A15115" t="s">
        <v>26</v>
      </c>
      <c r="B15115" t="s">
        <v>91</v>
      </c>
      <c r="C15115" t="s">
        <v>117</v>
      </c>
      <c r="D15115" t="s">
        <v>118</v>
      </c>
      <c r="E15115">
        <v>2017</v>
      </c>
      <c r="F15115">
        <v>2017</v>
      </c>
      <c r="G15115" t="s">
        <v>125</v>
      </c>
      <c r="H15115" t="s">
        <v>124</v>
      </c>
      <c r="I15115" t="s">
        <v>15</v>
      </c>
      <c r="J15115" s="10">
        <v>1.75571078</v>
      </c>
    </row>
    <row r="15116" spans="1:10" x14ac:dyDescent="0.35">
      <c r="A15116" t="s">
        <v>26</v>
      </c>
      <c r="B15116" t="s">
        <v>91</v>
      </c>
      <c r="C15116" t="s">
        <v>117</v>
      </c>
      <c r="D15116" t="s">
        <v>118</v>
      </c>
      <c r="E15116">
        <v>2017</v>
      </c>
      <c r="F15116">
        <v>2017</v>
      </c>
      <c r="G15116" t="s">
        <v>126</v>
      </c>
      <c r="H15116" t="s">
        <v>119</v>
      </c>
      <c r="I15116" t="s">
        <v>15</v>
      </c>
      <c r="J15116" s="10">
        <v>15.367126539999999</v>
      </c>
    </row>
    <row r="15117" spans="1:10" x14ac:dyDescent="0.35">
      <c r="A15117" t="s">
        <v>26</v>
      </c>
      <c r="B15117" t="s">
        <v>91</v>
      </c>
      <c r="C15117" t="s">
        <v>117</v>
      </c>
      <c r="D15117" t="s">
        <v>118</v>
      </c>
      <c r="E15117">
        <v>2017</v>
      </c>
      <c r="F15117">
        <v>2017</v>
      </c>
      <c r="G15117" t="s">
        <v>126</v>
      </c>
      <c r="H15117" t="s">
        <v>120</v>
      </c>
      <c r="I15117" t="s">
        <v>15</v>
      </c>
      <c r="J15117" s="10">
        <v>8.4586369040000005</v>
      </c>
    </row>
    <row r="15118" spans="1:10" x14ac:dyDescent="0.35">
      <c r="A15118" t="s">
        <v>26</v>
      </c>
      <c r="B15118" t="s">
        <v>91</v>
      </c>
      <c r="C15118" t="s">
        <v>117</v>
      </c>
      <c r="D15118" t="s">
        <v>118</v>
      </c>
      <c r="E15118">
        <v>2017</v>
      </c>
      <c r="F15118">
        <v>2017</v>
      </c>
      <c r="G15118" t="s">
        <v>126</v>
      </c>
      <c r="H15118" t="s">
        <v>121</v>
      </c>
      <c r="I15118" t="s">
        <v>15</v>
      </c>
      <c r="J15118" s="10">
        <v>28.79140185</v>
      </c>
    </row>
    <row r="15119" spans="1:10" x14ac:dyDescent="0.35">
      <c r="A15119" t="s">
        <v>26</v>
      </c>
      <c r="B15119" t="s">
        <v>91</v>
      </c>
      <c r="C15119" t="s">
        <v>117</v>
      </c>
      <c r="D15119" t="s">
        <v>118</v>
      </c>
      <c r="E15119">
        <v>2017</v>
      </c>
      <c r="F15119">
        <v>2017</v>
      </c>
      <c r="G15119" t="s">
        <v>126</v>
      </c>
      <c r="H15119" t="s">
        <v>122</v>
      </c>
      <c r="I15119" t="s">
        <v>15</v>
      </c>
      <c r="J15119" s="10">
        <v>23.86193355</v>
      </c>
    </row>
    <row r="15120" spans="1:10" x14ac:dyDescent="0.35">
      <c r="A15120" t="s">
        <v>26</v>
      </c>
      <c r="B15120" t="s">
        <v>91</v>
      </c>
      <c r="C15120" t="s">
        <v>117</v>
      </c>
      <c r="D15120" t="s">
        <v>118</v>
      </c>
      <c r="E15120">
        <v>2017</v>
      </c>
      <c r="F15120">
        <v>2017</v>
      </c>
      <c r="G15120" t="s">
        <v>126</v>
      </c>
      <c r="H15120" t="s">
        <v>123</v>
      </c>
      <c r="I15120" t="s">
        <v>15</v>
      </c>
      <c r="J15120" s="10">
        <v>20.62470935</v>
      </c>
    </row>
    <row r="15121" spans="1:10" x14ac:dyDescent="0.35">
      <c r="A15121" t="s">
        <v>26</v>
      </c>
      <c r="B15121" t="s">
        <v>91</v>
      </c>
      <c r="C15121" t="s">
        <v>117</v>
      </c>
      <c r="D15121" t="s">
        <v>118</v>
      </c>
      <c r="E15121">
        <v>2017</v>
      </c>
      <c r="F15121">
        <v>2017</v>
      </c>
      <c r="G15121" t="s">
        <v>126</v>
      </c>
      <c r="H15121" t="s">
        <v>124</v>
      </c>
      <c r="I15121" t="s">
        <v>15</v>
      </c>
      <c r="J15121" s="10">
        <v>2.896191805</v>
      </c>
    </row>
    <row r="15122" spans="1:10" x14ac:dyDescent="0.35">
      <c r="A15122" t="s">
        <v>26</v>
      </c>
      <c r="B15122" t="s">
        <v>91</v>
      </c>
      <c r="C15122" t="s">
        <v>117</v>
      </c>
      <c r="D15122" t="s">
        <v>118</v>
      </c>
      <c r="E15122">
        <v>2016</v>
      </c>
      <c r="F15122">
        <v>2016</v>
      </c>
      <c r="G15122" t="s">
        <v>14</v>
      </c>
      <c r="H15122" t="s">
        <v>119</v>
      </c>
      <c r="I15122" t="s">
        <v>15</v>
      </c>
      <c r="J15122" s="10">
        <v>16.614474139999999</v>
      </c>
    </row>
    <row r="15123" spans="1:10" x14ac:dyDescent="0.35">
      <c r="A15123" t="s">
        <v>26</v>
      </c>
      <c r="B15123" t="s">
        <v>91</v>
      </c>
      <c r="C15123" t="s">
        <v>117</v>
      </c>
      <c r="D15123" t="s">
        <v>118</v>
      </c>
      <c r="E15123">
        <v>2016</v>
      </c>
      <c r="F15123">
        <v>2016</v>
      </c>
      <c r="G15123" t="s">
        <v>14</v>
      </c>
      <c r="H15123" t="s">
        <v>120</v>
      </c>
      <c r="I15123" t="s">
        <v>15</v>
      </c>
      <c r="J15123" s="10">
        <v>9.0363843849999999</v>
      </c>
    </row>
    <row r="15124" spans="1:10" x14ac:dyDescent="0.35">
      <c r="A15124" t="s">
        <v>26</v>
      </c>
      <c r="B15124" t="s">
        <v>91</v>
      </c>
      <c r="C15124" t="s">
        <v>117</v>
      </c>
      <c r="D15124" t="s">
        <v>118</v>
      </c>
      <c r="E15124">
        <v>2016</v>
      </c>
      <c r="F15124">
        <v>2016</v>
      </c>
      <c r="G15124" t="s">
        <v>14</v>
      </c>
      <c r="H15124" t="s">
        <v>121</v>
      </c>
      <c r="I15124" t="s">
        <v>15</v>
      </c>
      <c r="J15124" s="10">
        <v>28.3644277</v>
      </c>
    </row>
    <row r="15125" spans="1:10" x14ac:dyDescent="0.35">
      <c r="A15125" t="s">
        <v>26</v>
      </c>
      <c r="B15125" t="s">
        <v>91</v>
      </c>
      <c r="C15125" t="s">
        <v>117</v>
      </c>
      <c r="D15125" t="s">
        <v>118</v>
      </c>
      <c r="E15125">
        <v>2016</v>
      </c>
      <c r="F15125">
        <v>2016</v>
      </c>
      <c r="G15125" t="s">
        <v>14</v>
      </c>
      <c r="H15125" t="s">
        <v>122</v>
      </c>
      <c r="I15125" t="s">
        <v>15</v>
      </c>
      <c r="J15125" s="10">
        <v>23.912581939999999</v>
      </c>
    </row>
    <row r="15126" spans="1:10" x14ac:dyDescent="0.35">
      <c r="A15126" t="s">
        <v>26</v>
      </c>
      <c r="B15126" t="s">
        <v>91</v>
      </c>
      <c r="C15126" t="s">
        <v>117</v>
      </c>
      <c r="D15126" t="s">
        <v>118</v>
      </c>
      <c r="E15126">
        <v>2016</v>
      </c>
      <c r="F15126">
        <v>2016</v>
      </c>
      <c r="G15126" t="s">
        <v>14</v>
      </c>
      <c r="H15126" t="s">
        <v>123</v>
      </c>
      <c r="I15126" t="s">
        <v>15</v>
      </c>
      <c r="J15126" s="10">
        <v>19.739391210000001</v>
      </c>
    </row>
    <row r="15127" spans="1:10" x14ac:dyDescent="0.35">
      <c r="A15127" t="s">
        <v>26</v>
      </c>
      <c r="B15127" t="s">
        <v>91</v>
      </c>
      <c r="C15127" t="s">
        <v>117</v>
      </c>
      <c r="D15127" t="s">
        <v>118</v>
      </c>
      <c r="E15127">
        <v>2016</v>
      </c>
      <c r="F15127">
        <v>2016</v>
      </c>
      <c r="G15127" t="s">
        <v>14</v>
      </c>
      <c r="H15127" t="s">
        <v>124</v>
      </c>
      <c r="I15127" t="s">
        <v>15</v>
      </c>
      <c r="J15127" s="10">
        <v>2.3327406389999998</v>
      </c>
    </row>
    <row r="15128" spans="1:10" x14ac:dyDescent="0.35">
      <c r="A15128" t="s">
        <v>26</v>
      </c>
      <c r="B15128" t="s">
        <v>91</v>
      </c>
      <c r="C15128" t="s">
        <v>117</v>
      </c>
      <c r="D15128" t="s">
        <v>118</v>
      </c>
      <c r="E15128">
        <v>2016</v>
      </c>
      <c r="F15128">
        <v>2016</v>
      </c>
      <c r="G15128" t="s">
        <v>125</v>
      </c>
      <c r="H15128" t="s">
        <v>119</v>
      </c>
      <c r="I15128" t="s">
        <v>15</v>
      </c>
      <c r="J15128" s="10">
        <v>17.67405235</v>
      </c>
    </row>
    <row r="15129" spans="1:10" x14ac:dyDescent="0.35">
      <c r="A15129" t="s">
        <v>26</v>
      </c>
      <c r="B15129" t="s">
        <v>91</v>
      </c>
      <c r="C15129" t="s">
        <v>117</v>
      </c>
      <c r="D15129" t="s">
        <v>118</v>
      </c>
      <c r="E15129">
        <v>2016</v>
      </c>
      <c r="F15129">
        <v>2016</v>
      </c>
      <c r="G15129" t="s">
        <v>125</v>
      </c>
      <c r="H15129" t="s">
        <v>120</v>
      </c>
      <c r="I15129" t="s">
        <v>15</v>
      </c>
      <c r="J15129" s="10">
        <v>9.6068208970000004</v>
      </c>
    </row>
    <row r="15130" spans="1:10" x14ac:dyDescent="0.35">
      <c r="A15130" t="s">
        <v>26</v>
      </c>
      <c r="B15130" t="s">
        <v>91</v>
      </c>
      <c r="C15130" t="s">
        <v>117</v>
      </c>
      <c r="D15130" t="s">
        <v>118</v>
      </c>
      <c r="E15130">
        <v>2016</v>
      </c>
      <c r="F15130">
        <v>2016</v>
      </c>
      <c r="G15130" t="s">
        <v>125</v>
      </c>
      <c r="H15130" t="s">
        <v>121</v>
      </c>
      <c r="I15130" t="s">
        <v>15</v>
      </c>
      <c r="J15130" s="10">
        <v>27.815792330000001</v>
      </c>
    </row>
    <row r="15131" spans="1:10" x14ac:dyDescent="0.35">
      <c r="A15131" t="s">
        <v>26</v>
      </c>
      <c r="B15131" t="s">
        <v>91</v>
      </c>
      <c r="C15131" t="s">
        <v>117</v>
      </c>
      <c r="D15131" t="s">
        <v>118</v>
      </c>
      <c r="E15131">
        <v>2016</v>
      </c>
      <c r="F15131">
        <v>2016</v>
      </c>
      <c r="G15131" t="s">
        <v>125</v>
      </c>
      <c r="H15131" t="s">
        <v>122</v>
      </c>
      <c r="I15131" t="s">
        <v>15</v>
      </c>
      <c r="J15131" s="10">
        <v>23.938307810000001</v>
      </c>
    </row>
    <row r="15132" spans="1:10" x14ac:dyDescent="0.35">
      <c r="A15132" t="s">
        <v>26</v>
      </c>
      <c r="B15132" t="s">
        <v>91</v>
      </c>
      <c r="C15132" t="s">
        <v>117</v>
      </c>
      <c r="D15132" t="s">
        <v>118</v>
      </c>
      <c r="E15132">
        <v>2016</v>
      </c>
      <c r="F15132">
        <v>2016</v>
      </c>
      <c r="G15132" t="s">
        <v>125</v>
      </c>
      <c r="H15132" t="s">
        <v>123</v>
      </c>
      <c r="I15132" t="s">
        <v>15</v>
      </c>
      <c r="J15132" s="10">
        <v>19.26523297</v>
      </c>
    </row>
    <row r="15133" spans="1:10" x14ac:dyDescent="0.35">
      <c r="A15133" t="s">
        <v>26</v>
      </c>
      <c r="B15133" t="s">
        <v>91</v>
      </c>
      <c r="C15133" t="s">
        <v>117</v>
      </c>
      <c r="D15133" t="s">
        <v>118</v>
      </c>
      <c r="E15133">
        <v>2016</v>
      </c>
      <c r="F15133">
        <v>2016</v>
      </c>
      <c r="G15133" t="s">
        <v>125</v>
      </c>
      <c r="H15133" t="s">
        <v>124</v>
      </c>
      <c r="I15133" t="s">
        <v>15</v>
      </c>
      <c r="J15133" s="10">
        <v>1.699793635</v>
      </c>
    </row>
    <row r="15134" spans="1:10" x14ac:dyDescent="0.35">
      <c r="A15134" t="s">
        <v>26</v>
      </c>
      <c r="B15134" t="s">
        <v>91</v>
      </c>
      <c r="C15134" t="s">
        <v>117</v>
      </c>
      <c r="D15134" t="s">
        <v>118</v>
      </c>
      <c r="E15134">
        <v>2016</v>
      </c>
      <c r="F15134">
        <v>2016</v>
      </c>
      <c r="G15134" t="s">
        <v>126</v>
      </c>
      <c r="H15134" t="s">
        <v>119</v>
      </c>
      <c r="I15134" t="s">
        <v>15</v>
      </c>
      <c r="J15134" s="10">
        <v>15.6018062</v>
      </c>
    </row>
    <row r="15135" spans="1:10" x14ac:dyDescent="0.35">
      <c r="A15135" t="s">
        <v>26</v>
      </c>
      <c r="B15135" t="s">
        <v>91</v>
      </c>
      <c r="C15135" t="s">
        <v>117</v>
      </c>
      <c r="D15135" t="s">
        <v>118</v>
      </c>
      <c r="E15135">
        <v>2016</v>
      </c>
      <c r="F15135">
        <v>2016</v>
      </c>
      <c r="G15135" t="s">
        <v>126</v>
      </c>
      <c r="H15135" t="s">
        <v>120</v>
      </c>
      <c r="I15135" t="s">
        <v>15</v>
      </c>
      <c r="J15135" s="10">
        <v>8.4912025740000008</v>
      </c>
    </row>
    <row r="15136" spans="1:10" x14ac:dyDescent="0.35">
      <c r="A15136" t="s">
        <v>26</v>
      </c>
      <c r="B15136" t="s">
        <v>91</v>
      </c>
      <c r="C15136" t="s">
        <v>117</v>
      </c>
      <c r="D15136" t="s">
        <v>118</v>
      </c>
      <c r="E15136">
        <v>2016</v>
      </c>
      <c r="F15136">
        <v>2016</v>
      </c>
      <c r="G15136" t="s">
        <v>126</v>
      </c>
      <c r="H15136" t="s">
        <v>121</v>
      </c>
      <c r="I15136" t="s">
        <v>15</v>
      </c>
      <c r="J15136" s="10">
        <v>28.88877355</v>
      </c>
    </row>
    <row r="15137" spans="1:10" x14ac:dyDescent="0.35">
      <c r="A15137" t="s">
        <v>26</v>
      </c>
      <c r="B15137" t="s">
        <v>91</v>
      </c>
      <c r="C15137" t="s">
        <v>117</v>
      </c>
      <c r="D15137" t="s">
        <v>118</v>
      </c>
      <c r="E15137">
        <v>2016</v>
      </c>
      <c r="F15137">
        <v>2016</v>
      </c>
      <c r="G15137" t="s">
        <v>126</v>
      </c>
      <c r="H15137" t="s">
        <v>122</v>
      </c>
      <c r="I15137" t="s">
        <v>15</v>
      </c>
      <c r="J15137" s="10">
        <v>23.887995020000002</v>
      </c>
    </row>
    <row r="15138" spans="1:10" x14ac:dyDescent="0.35">
      <c r="A15138" t="s">
        <v>26</v>
      </c>
      <c r="B15138" t="s">
        <v>91</v>
      </c>
      <c r="C15138" t="s">
        <v>117</v>
      </c>
      <c r="D15138" t="s">
        <v>118</v>
      </c>
      <c r="E15138">
        <v>2016</v>
      </c>
      <c r="F15138">
        <v>2016</v>
      </c>
      <c r="G15138" t="s">
        <v>126</v>
      </c>
      <c r="H15138" t="s">
        <v>123</v>
      </c>
      <c r="I15138" t="s">
        <v>15</v>
      </c>
      <c r="J15138" s="10">
        <v>20.192557220000001</v>
      </c>
    </row>
    <row r="15139" spans="1:10" x14ac:dyDescent="0.35">
      <c r="A15139" t="s">
        <v>26</v>
      </c>
      <c r="B15139" t="s">
        <v>91</v>
      </c>
      <c r="C15139" t="s">
        <v>117</v>
      </c>
      <c r="D15139" t="s">
        <v>118</v>
      </c>
      <c r="E15139">
        <v>2016</v>
      </c>
      <c r="F15139">
        <v>2016</v>
      </c>
      <c r="G15139" t="s">
        <v>126</v>
      </c>
      <c r="H15139" t="s">
        <v>124</v>
      </c>
      <c r="I15139" t="s">
        <v>15</v>
      </c>
      <c r="J15139" s="10">
        <v>2.9376654379999998</v>
      </c>
    </row>
    <row r="15140" spans="1:10" x14ac:dyDescent="0.35">
      <c r="A15140" t="s">
        <v>26</v>
      </c>
      <c r="B15140" t="s">
        <v>91</v>
      </c>
      <c r="C15140" t="s">
        <v>117</v>
      </c>
      <c r="D15140" t="s">
        <v>118</v>
      </c>
      <c r="E15140">
        <v>2015</v>
      </c>
      <c r="F15140">
        <v>2015</v>
      </c>
      <c r="G15140" t="s">
        <v>14</v>
      </c>
      <c r="H15140" t="s">
        <v>119</v>
      </c>
      <c r="I15140" t="s">
        <v>15</v>
      </c>
      <c r="J15140" s="10">
        <v>16.761480970000001</v>
      </c>
    </row>
    <row r="15141" spans="1:10" x14ac:dyDescent="0.35">
      <c r="A15141" t="s">
        <v>26</v>
      </c>
      <c r="B15141" t="s">
        <v>91</v>
      </c>
      <c r="C15141" t="s">
        <v>117</v>
      </c>
      <c r="D15141" t="s">
        <v>118</v>
      </c>
      <c r="E15141">
        <v>2015</v>
      </c>
      <c r="F15141">
        <v>2015</v>
      </c>
      <c r="G15141" t="s">
        <v>14</v>
      </c>
      <c r="H15141" t="s">
        <v>120</v>
      </c>
      <c r="I15141" t="s">
        <v>15</v>
      </c>
      <c r="J15141" s="10">
        <v>9.1354800889999996</v>
      </c>
    </row>
    <row r="15142" spans="1:10" x14ac:dyDescent="0.35">
      <c r="A15142" t="s">
        <v>26</v>
      </c>
      <c r="B15142" t="s">
        <v>91</v>
      </c>
      <c r="C15142" t="s">
        <v>117</v>
      </c>
      <c r="D15142" t="s">
        <v>118</v>
      </c>
      <c r="E15142">
        <v>2015</v>
      </c>
      <c r="F15142">
        <v>2015</v>
      </c>
      <c r="G15142" t="s">
        <v>14</v>
      </c>
      <c r="H15142" t="s">
        <v>121</v>
      </c>
      <c r="I15142" t="s">
        <v>15</v>
      </c>
      <c r="J15142" s="10">
        <v>28.65745613</v>
      </c>
    </row>
    <row r="15143" spans="1:10" x14ac:dyDescent="0.35">
      <c r="A15143" t="s">
        <v>26</v>
      </c>
      <c r="B15143" t="s">
        <v>91</v>
      </c>
      <c r="C15143" t="s">
        <v>117</v>
      </c>
      <c r="D15143" t="s">
        <v>118</v>
      </c>
      <c r="E15143">
        <v>2015</v>
      </c>
      <c r="F15143">
        <v>2015</v>
      </c>
      <c r="G15143" t="s">
        <v>14</v>
      </c>
      <c r="H15143" t="s">
        <v>122</v>
      </c>
      <c r="I15143" t="s">
        <v>15</v>
      </c>
      <c r="J15143" s="10">
        <v>23.775962910000001</v>
      </c>
    </row>
    <row r="15144" spans="1:10" x14ac:dyDescent="0.35">
      <c r="A15144" t="s">
        <v>26</v>
      </c>
      <c r="B15144" t="s">
        <v>91</v>
      </c>
      <c r="C15144" t="s">
        <v>117</v>
      </c>
      <c r="D15144" t="s">
        <v>118</v>
      </c>
      <c r="E15144">
        <v>2015</v>
      </c>
      <c r="F15144">
        <v>2015</v>
      </c>
      <c r="G15144" t="s">
        <v>14</v>
      </c>
      <c r="H15144" t="s">
        <v>123</v>
      </c>
      <c r="I15144" t="s">
        <v>15</v>
      </c>
      <c r="J15144" s="10">
        <v>19.404734940000001</v>
      </c>
    </row>
    <row r="15145" spans="1:10" x14ac:dyDescent="0.35">
      <c r="A15145" t="s">
        <v>26</v>
      </c>
      <c r="B15145" t="s">
        <v>91</v>
      </c>
      <c r="C15145" t="s">
        <v>117</v>
      </c>
      <c r="D15145" t="s">
        <v>118</v>
      </c>
      <c r="E15145">
        <v>2015</v>
      </c>
      <c r="F15145">
        <v>2015</v>
      </c>
      <c r="G15145" t="s">
        <v>14</v>
      </c>
      <c r="H15145" t="s">
        <v>124</v>
      </c>
      <c r="I15145" t="s">
        <v>15</v>
      </c>
      <c r="J15145" s="10">
        <v>2.264884957</v>
      </c>
    </row>
    <row r="15146" spans="1:10" x14ac:dyDescent="0.35">
      <c r="A15146" t="s">
        <v>26</v>
      </c>
      <c r="B15146" t="s">
        <v>91</v>
      </c>
      <c r="C15146" t="s">
        <v>117</v>
      </c>
      <c r="D15146" t="s">
        <v>118</v>
      </c>
      <c r="E15146">
        <v>2015</v>
      </c>
      <c r="F15146">
        <v>2015</v>
      </c>
      <c r="G15146" t="s">
        <v>125</v>
      </c>
      <c r="H15146" t="s">
        <v>119</v>
      </c>
      <c r="I15146" t="s">
        <v>15</v>
      </c>
      <c r="J15146" s="10">
        <v>17.647699719999999</v>
      </c>
    </row>
    <row r="15147" spans="1:10" x14ac:dyDescent="0.35">
      <c r="A15147" t="s">
        <v>26</v>
      </c>
      <c r="B15147" t="s">
        <v>91</v>
      </c>
      <c r="C15147" t="s">
        <v>117</v>
      </c>
      <c r="D15147" t="s">
        <v>118</v>
      </c>
      <c r="E15147">
        <v>2015</v>
      </c>
      <c r="F15147">
        <v>2015</v>
      </c>
      <c r="G15147" t="s">
        <v>125</v>
      </c>
      <c r="H15147" t="s">
        <v>120</v>
      </c>
      <c r="I15147" t="s">
        <v>15</v>
      </c>
      <c r="J15147" s="10">
        <v>9.7703810640000004</v>
      </c>
    </row>
    <row r="15148" spans="1:10" x14ac:dyDescent="0.35">
      <c r="A15148" t="s">
        <v>26</v>
      </c>
      <c r="B15148" t="s">
        <v>91</v>
      </c>
      <c r="C15148" t="s">
        <v>117</v>
      </c>
      <c r="D15148" t="s">
        <v>118</v>
      </c>
      <c r="E15148">
        <v>2015</v>
      </c>
      <c r="F15148">
        <v>2015</v>
      </c>
      <c r="G15148" t="s">
        <v>125</v>
      </c>
      <c r="H15148" t="s">
        <v>121</v>
      </c>
      <c r="I15148" t="s">
        <v>15</v>
      </c>
      <c r="J15148" s="10">
        <v>28.23523003</v>
      </c>
    </row>
    <row r="15149" spans="1:10" x14ac:dyDescent="0.35">
      <c r="A15149" t="s">
        <v>26</v>
      </c>
      <c r="B15149" t="s">
        <v>91</v>
      </c>
      <c r="C15149" t="s">
        <v>117</v>
      </c>
      <c r="D15149" t="s">
        <v>118</v>
      </c>
      <c r="E15149">
        <v>2015</v>
      </c>
      <c r="F15149">
        <v>2015</v>
      </c>
      <c r="G15149" t="s">
        <v>125</v>
      </c>
      <c r="H15149" t="s">
        <v>122</v>
      </c>
      <c r="I15149" t="s">
        <v>15</v>
      </c>
      <c r="J15149" s="10">
        <v>23.896167569999999</v>
      </c>
    </row>
    <row r="15150" spans="1:10" x14ac:dyDescent="0.35">
      <c r="A15150" t="s">
        <v>26</v>
      </c>
      <c r="B15150" t="s">
        <v>91</v>
      </c>
      <c r="C15150" t="s">
        <v>117</v>
      </c>
      <c r="D15150" t="s">
        <v>118</v>
      </c>
      <c r="E15150">
        <v>2015</v>
      </c>
      <c r="F15150">
        <v>2015</v>
      </c>
      <c r="G15150" t="s">
        <v>125</v>
      </c>
      <c r="H15150" t="s">
        <v>123</v>
      </c>
      <c r="I15150" t="s">
        <v>15</v>
      </c>
      <c r="J15150" s="10">
        <v>18.816223140000002</v>
      </c>
    </row>
    <row r="15151" spans="1:10" x14ac:dyDescent="0.35">
      <c r="A15151" t="s">
        <v>26</v>
      </c>
      <c r="B15151" t="s">
        <v>91</v>
      </c>
      <c r="C15151" t="s">
        <v>117</v>
      </c>
      <c r="D15151" t="s">
        <v>118</v>
      </c>
      <c r="E15151">
        <v>2015</v>
      </c>
      <c r="F15151">
        <v>2015</v>
      </c>
      <c r="G15151" t="s">
        <v>125</v>
      </c>
      <c r="H15151" t="s">
        <v>124</v>
      </c>
      <c r="I15151" t="s">
        <v>15</v>
      </c>
      <c r="J15151" s="10">
        <v>1.634298477</v>
      </c>
    </row>
    <row r="15152" spans="1:10" x14ac:dyDescent="0.35">
      <c r="A15152" t="s">
        <v>26</v>
      </c>
      <c r="B15152" t="s">
        <v>91</v>
      </c>
      <c r="C15152" t="s">
        <v>117</v>
      </c>
      <c r="D15152" t="s">
        <v>118</v>
      </c>
      <c r="E15152">
        <v>2015</v>
      </c>
      <c r="F15152">
        <v>2015</v>
      </c>
      <c r="G15152" t="s">
        <v>126</v>
      </c>
      <c r="H15152" t="s">
        <v>119</v>
      </c>
      <c r="I15152" t="s">
        <v>15</v>
      </c>
      <c r="J15152" s="10">
        <v>15.91300266</v>
      </c>
    </row>
    <row r="15153" spans="1:10" x14ac:dyDescent="0.35">
      <c r="A15153" t="s">
        <v>26</v>
      </c>
      <c r="B15153" t="s">
        <v>91</v>
      </c>
      <c r="C15153" t="s">
        <v>117</v>
      </c>
      <c r="D15153" t="s">
        <v>118</v>
      </c>
      <c r="E15153">
        <v>2015</v>
      </c>
      <c r="F15153">
        <v>2015</v>
      </c>
      <c r="G15153" t="s">
        <v>126</v>
      </c>
      <c r="H15153" t="s">
        <v>120</v>
      </c>
      <c r="I15153" t="s">
        <v>15</v>
      </c>
      <c r="J15153" s="10">
        <v>8.5276169609999997</v>
      </c>
    </row>
    <row r="15154" spans="1:10" x14ac:dyDescent="0.35">
      <c r="A15154" t="s">
        <v>26</v>
      </c>
      <c r="B15154" t="s">
        <v>91</v>
      </c>
      <c r="C15154" t="s">
        <v>117</v>
      </c>
      <c r="D15154" t="s">
        <v>118</v>
      </c>
      <c r="E15154">
        <v>2015</v>
      </c>
      <c r="F15154">
        <v>2015</v>
      </c>
      <c r="G15154" t="s">
        <v>126</v>
      </c>
      <c r="H15154" t="s">
        <v>121</v>
      </c>
      <c r="I15154" t="s">
        <v>15</v>
      </c>
      <c r="J15154" s="10">
        <v>29.06170135</v>
      </c>
    </row>
    <row r="15155" spans="1:10" x14ac:dyDescent="0.35">
      <c r="A15155" t="s">
        <v>26</v>
      </c>
      <c r="B15155" t="s">
        <v>91</v>
      </c>
      <c r="C15155" t="s">
        <v>117</v>
      </c>
      <c r="D15155" t="s">
        <v>118</v>
      </c>
      <c r="E15155">
        <v>2015</v>
      </c>
      <c r="F15155">
        <v>2015</v>
      </c>
      <c r="G15155" t="s">
        <v>126</v>
      </c>
      <c r="H15155" t="s">
        <v>122</v>
      </c>
      <c r="I15155" t="s">
        <v>15</v>
      </c>
      <c r="J15155" s="10">
        <v>23.660877280000001</v>
      </c>
    </row>
    <row r="15156" spans="1:10" x14ac:dyDescent="0.35">
      <c r="A15156" t="s">
        <v>26</v>
      </c>
      <c r="B15156" t="s">
        <v>91</v>
      </c>
      <c r="C15156" t="s">
        <v>117</v>
      </c>
      <c r="D15156" t="s">
        <v>118</v>
      </c>
      <c r="E15156">
        <v>2015</v>
      </c>
      <c r="F15156">
        <v>2015</v>
      </c>
      <c r="G15156" t="s">
        <v>126</v>
      </c>
      <c r="H15156" t="s">
        <v>123</v>
      </c>
      <c r="I15156" t="s">
        <v>15</v>
      </c>
      <c r="J15156" s="10">
        <v>19.968184430000001</v>
      </c>
    </row>
    <row r="15157" spans="1:10" x14ac:dyDescent="0.35">
      <c r="A15157" t="s">
        <v>26</v>
      </c>
      <c r="B15157" t="s">
        <v>91</v>
      </c>
      <c r="C15157" t="s">
        <v>117</v>
      </c>
      <c r="D15157" t="s">
        <v>118</v>
      </c>
      <c r="E15157">
        <v>2015</v>
      </c>
      <c r="F15157">
        <v>2015</v>
      </c>
      <c r="G15157" t="s">
        <v>126</v>
      </c>
      <c r="H15157" t="s">
        <v>124</v>
      </c>
      <c r="I15157" t="s">
        <v>15</v>
      </c>
      <c r="J15157" s="10">
        <v>2.8686173259999999</v>
      </c>
    </row>
    <row r="15158" spans="1:10" x14ac:dyDescent="0.35">
      <c r="A15158" t="s">
        <v>26</v>
      </c>
      <c r="B15158" t="s">
        <v>91</v>
      </c>
      <c r="C15158" t="s">
        <v>117</v>
      </c>
      <c r="D15158" t="s">
        <v>118</v>
      </c>
      <c r="E15158">
        <v>2014</v>
      </c>
      <c r="F15158">
        <v>2014</v>
      </c>
      <c r="G15158" t="s">
        <v>14</v>
      </c>
      <c r="H15158" t="s">
        <v>119</v>
      </c>
      <c r="I15158" t="s">
        <v>15</v>
      </c>
      <c r="J15158" s="10">
        <v>16.991464000000001</v>
      </c>
    </row>
    <row r="15159" spans="1:10" x14ac:dyDescent="0.35">
      <c r="A15159" t="s">
        <v>26</v>
      </c>
      <c r="B15159" t="s">
        <v>91</v>
      </c>
      <c r="C15159" t="s">
        <v>117</v>
      </c>
      <c r="D15159" t="s">
        <v>118</v>
      </c>
      <c r="E15159">
        <v>2014</v>
      </c>
      <c r="F15159">
        <v>2014</v>
      </c>
      <c r="G15159" t="s">
        <v>14</v>
      </c>
      <c r="H15159" t="s">
        <v>120</v>
      </c>
      <c r="I15159" t="s">
        <v>15</v>
      </c>
      <c r="J15159" s="10">
        <v>9.0822462020000003</v>
      </c>
    </row>
    <row r="15160" spans="1:10" x14ac:dyDescent="0.35">
      <c r="A15160" t="s">
        <v>26</v>
      </c>
      <c r="B15160" t="s">
        <v>91</v>
      </c>
      <c r="C15160" t="s">
        <v>117</v>
      </c>
      <c r="D15160" t="s">
        <v>118</v>
      </c>
      <c r="E15160">
        <v>2014</v>
      </c>
      <c r="F15160">
        <v>2014</v>
      </c>
      <c r="G15160" t="s">
        <v>14</v>
      </c>
      <c r="H15160" t="s">
        <v>121</v>
      </c>
      <c r="I15160" t="s">
        <v>15</v>
      </c>
      <c r="J15160" s="10">
        <v>29.082783060000001</v>
      </c>
    </row>
    <row r="15161" spans="1:10" x14ac:dyDescent="0.35">
      <c r="A15161" t="s">
        <v>26</v>
      </c>
      <c r="B15161" t="s">
        <v>91</v>
      </c>
      <c r="C15161" t="s">
        <v>117</v>
      </c>
      <c r="D15161" t="s">
        <v>118</v>
      </c>
      <c r="E15161">
        <v>2014</v>
      </c>
      <c r="F15161">
        <v>2014</v>
      </c>
      <c r="G15161" t="s">
        <v>14</v>
      </c>
      <c r="H15161" t="s">
        <v>122</v>
      </c>
      <c r="I15161" t="s">
        <v>15</v>
      </c>
      <c r="J15161" s="10">
        <v>23.684705000000001</v>
      </c>
    </row>
    <row r="15162" spans="1:10" x14ac:dyDescent="0.35">
      <c r="A15162" t="s">
        <v>26</v>
      </c>
      <c r="B15162" t="s">
        <v>91</v>
      </c>
      <c r="C15162" t="s">
        <v>117</v>
      </c>
      <c r="D15162" t="s">
        <v>118</v>
      </c>
      <c r="E15162">
        <v>2014</v>
      </c>
      <c r="F15162">
        <v>2014</v>
      </c>
      <c r="G15162" t="s">
        <v>14</v>
      </c>
      <c r="H15162" t="s">
        <v>123</v>
      </c>
      <c r="I15162" t="s">
        <v>15</v>
      </c>
      <c r="J15162" s="10">
        <v>18.91206313</v>
      </c>
    </row>
    <row r="15163" spans="1:10" x14ac:dyDescent="0.35">
      <c r="A15163" t="s">
        <v>26</v>
      </c>
      <c r="B15163" t="s">
        <v>91</v>
      </c>
      <c r="C15163" t="s">
        <v>117</v>
      </c>
      <c r="D15163" t="s">
        <v>118</v>
      </c>
      <c r="E15163">
        <v>2014</v>
      </c>
      <c r="F15163">
        <v>2014</v>
      </c>
      <c r="G15163" t="s">
        <v>14</v>
      </c>
      <c r="H15163" t="s">
        <v>124</v>
      </c>
      <c r="I15163" t="s">
        <v>15</v>
      </c>
      <c r="J15163" s="10">
        <v>2.246738605</v>
      </c>
    </row>
    <row r="15164" spans="1:10" x14ac:dyDescent="0.35">
      <c r="A15164" t="s">
        <v>26</v>
      </c>
      <c r="B15164" t="s">
        <v>91</v>
      </c>
      <c r="C15164" t="s">
        <v>117</v>
      </c>
      <c r="D15164" t="s">
        <v>118</v>
      </c>
      <c r="E15164">
        <v>2014</v>
      </c>
      <c r="F15164">
        <v>2014</v>
      </c>
      <c r="G15164" t="s">
        <v>125</v>
      </c>
      <c r="H15164" t="s">
        <v>119</v>
      </c>
      <c r="I15164" t="s">
        <v>15</v>
      </c>
      <c r="J15164" s="10">
        <v>17.86165248</v>
      </c>
    </row>
    <row r="15165" spans="1:10" x14ac:dyDescent="0.35">
      <c r="A15165" t="s">
        <v>26</v>
      </c>
      <c r="B15165" t="s">
        <v>91</v>
      </c>
      <c r="C15165" t="s">
        <v>117</v>
      </c>
      <c r="D15165" t="s">
        <v>118</v>
      </c>
      <c r="E15165">
        <v>2014</v>
      </c>
      <c r="F15165">
        <v>2014</v>
      </c>
      <c r="G15165" t="s">
        <v>125</v>
      </c>
      <c r="H15165" t="s">
        <v>120</v>
      </c>
      <c r="I15165" t="s">
        <v>15</v>
      </c>
      <c r="J15165" s="10">
        <v>9.6843261050000002</v>
      </c>
    </row>
    <row r="15166" spans="1:10" x14ac:dyDescent="0.35">
      <c r="A15166" t="s">
        <v>26</v>
      </c>
      <c r="B15166" t="s">
        <v>91</v>
      </c>
      <c r="C15166" t="s">
        <v>117</v>
      </c>
      <c r="D15166" t="s">
        <v>118</v>
      </c>
      <c r="E15166">
        <v>2014</v>
      </c>
      <c r="F15166">
        <v>2014</v>
      </c>
      <c r="G15166" t="s">
        <v>125</v>
      </c>
      <c r="H15166" t="s">
        <v>121</v>
      </c>
      <c r="I15166" t="s">
        <v>15</v>
      </c>
      <c r="J15166" s="10">
        <v>28.59181993</v>
      </c>
    </row>
    <row r="15167" spans="1:10" x14ac:dyDescent="0.35">
      <c r="A15167" t="s">
        <v>26</v>
      </c>
      <c r="B15167" t="s">
        <v>91</v>
      </c>
      <c r="C15167" t="s">
        <v>117</v>
      </c>
      <c r="D15167" t="s">
        <v>118</v>
      </c>
      <c r="E15167">
        <v>2014</v>
      </c>
      <c r="F15167">
        <v>2014</v>
      </c>
      <c r="G15167" t="s">
        <v>125</v>
      </c>
      <c r="H15167" t="s">
        <v>122</v>
      </c>
      <c r="I15167" t="s">
        <v>15</v>
      </c>
      <c r="J15167" s="10">
        <v>23.856711499999999</v>
      </c>
    </row>
    <row r="15168" spans="1:10" x14ac:dyDescent="0.35">
      <c r="A15168" t="s">
        <v>26</v>
      </c>
      <c r="B15168" t="s">
        <v>91</v>
      </c>
      <c r="C15168" t="s">
        <v>117</v>
      </c>
      <c r="D15168" t="s">
        <v>118</v>
      </c>
      <c r="E15168">
        <v>2014</v>
      </c>
      <c r="F15168">
        <v>2014</v>
      </c>
      <c r="G15168" t="s">
        <v>125</v>
      </c>
      <c r="H15168" t="s">
        <v>123</v>
      </c>
      <c r="I15168" t="s">
        <v>15</v>
      </c>
      <c r="J15168" s="10">
        <v>18.36398573</v>
      </c>
    </row>
    <row r="15169" spans="1:10" x14ac:dyDescent="0.35">
      <c r="A15169" t="s">
        <v>26</v>
      </c>
      <c r="B15169" t="s">
        <v>91</v>
      </c>
      <c r="C15169" t="s">
        <v>117</v>
      </c>
      <c r="D15169" t="s">
        <v>118</v>
      </c>
      <c r="E15169">
        <v>2014</v>
      </c>
      <c r="F15169">
        <v>2014</v>
      </c>
      <c r="G15169" t="s">
        <v>125</v>
      </c>
      <c r="H15169" t="s">
        <v>124</v>
      </c>
      <c r="I15169" t="s">
        <v>15</v>
      </c>
      <c r="J15169" s="10">
        <v>1.6415042550000001</v>
      </c>
    </row>
    <row r="15170" spans="1:10" x14ac:dyDescent="0.35">
      <c r="A15170" t="s">
        <v>26</v>
      </c>
      <c r="B15170" t="s">
        <v>91</v>
      </c>
      <c r="C15170" t="s">
        <v>117</v>
      </c>
      <c r="D15170" t="s">
        <v>118</v>
      </c>
      <c r="E15170">
        <v>2014</v>
      </c>
      <c r="F15170">
        <v>2014</v>
      </c>
      <c r="G15170" t="s">
        <v>126</v>
      </c>
      <c r="H15170" t="s">
        <v>119</v>
      </c>
      <c r="I15170" t="s">
        <v>15</v>
      </c>
      <c r="J15170" s="10">
        <v>16.158936919999999</v>
      </c>
    </row>
    <row r="15171" spans="1:10" x14ac:dyDescent="0.35">
      <c r="A15171" t="s">
        <v>26</v>
      </c>
      <c r="B15171" t="s">
        <v>91</v>
      </c>
      <c r="C15171" t="s">
        <v>117</v>
      </c>
      <c r="D15171" t="s">
        <v>118</v>
      </c>
      <c r="E15171">
        <v>2014</v>
      </c>
      <c r="F15171">
        <v>2014</v>
      </c>
      <c r="G15171" t="s">
        <v>126</v>
      </c>
      <c r="H15171" t="s">
        <v>120</v>
      </c>
      <c r="I15171" t="s">
        <v>15</v>
      </c>
      <c r="J15171" s="10">
        <v>8.5062240659999997</v>
      </c>
    </row>
    <row r="15172" spans="1:10" x14ac:dyDescent="0.35">
      <c r="A15172" t="s">
        <v>26</v>
      </c>
      <c r="B15172" t="s">
        <v>91</v>
      </c>
      <c r="C15172" t="s">
        <v>117</v>
      </c>
      <c r="D15172" t="s">
        <v>118</v>
      </c>
      <c r="E15172">
        <v>2014</v>
      </c>
      <c r="F15172">
        <v>2014</v>
      </c>
      <c r="G15172" t="s">
        <v>126</v>
      </c>
      <c r="H15172" t="s">
        <v>121</v>
      </c>
      <c r="I15172" t="s">
        <v>15</v>
      </c>
      <c r="J15172" s="10">
        <v>29.552497509999998</v>
      </c>
    </row>
    <row r="15173" spans="1:10" x14ac:dyDescent="0.35">
      <c r="A15173" t="s">
        <v>26</v>
      </c>
      <c r="B15173" t="s">
        <v>91</v>
      </c>
      <c r="C15173" t="s">
        <v>117</v>
      </c>
      <c r="D15173" t="s">
        <v>118</v>
      </c>
      <c r="E15173">
        <v>2014</v>
      </c>
      <c r="F15173">
        <v>2014</v>
      </c>
      <c r="G15173" t="s">
        <v>126</v>
      </c>
      <c r="H15173" t="s">
        <v>122</v>
      </c>
      <c r="I15173" t="s">
        <v>15</v>
      </c>
      <c r="J15173" s="10">
        <v>23.52014286</v>
      </c>
    </row>
    <row r="15174" spans="1:10" x14ac:dyDescent="0.35">
      <c r="A15174" t="s">
        <v>26</v>
      </c>
      <c r="B15174" t="s">
        <v>91</v>
      </c>
      <c r="C15174" t="s">
        <v>117</v>
      </c>
      <c r="D15174" t="s">
        <v>118</v>
      </c>
      <c r="E15174">
        <v>2014</v>
      </c>
      <c r="F15174">
        <v>2014</v>
      </c>
      <c r="G15174" t="s">
        <v>126</v>
      </c>
      <c r="H15174" t="s">
        <v>123</v>
      </c>
      <c r="I15174" t="s">
        <v>15</v>
      </c>
      <c r="J15174" s="10">
        <v>19.43641998</v>
      </c>
    </row>
    <row r="15175" spans="1:10" x14ac:dyDescent="0.35">
      <c r="A15175" t="s">
        <v>26</v>
      </c>
      <c r="B15175" t="s">
        <v>91</v>
      </c>
      <c r="C15175" t="s">
        <v>117</v>
      </c>
      <c r="D15175" t="s">
        <v>118</v>
      </c>
      <c r="E15175">
        <v>2014</v>
      </c>
      <c r="F15175">
        <v>2014</v>
      </c>
      <c r="G15175" t="s">
        <v>126</v>
      </c>
      <c r="H15175" t="s">
        <v>124</v>
      </c>
      <c r="I15175" t="s">
        <v>15</v>
      </c>
      <c r="J15175" s="10">
        <v>2.8257786650000001</v>
      </c>
    </row>
    <row r="15176" spans="1:10" x14ac:dyDescent="0.35">
      <c r="A15176" t="s">
        <v>26</v>
      </c>
      <c r="B15176" t="s">
        <v>91</v>
      </c>
      <c r="C15176" t="s">
        <v>117</v>
      </c>
      <c r="D15176" t="s">
        <v>118</v>
      </c>
      <c r="E15176">
        <v>2013</v>
      </c>
      <c r="F15176">
        <v>2013</v>
      </c>
      <c r="G15176" t="s">
        <v>14</v>
      </c>
      <c r="H15176" t="s">
        <v>119</v>
      </c>
      <c r="I15176" t="s">
        <v>15</v>
      </c>
      <c r="J15176" s="10">
        <v>17.195195600000002</v>
      </c>
    </row>
    <row r="15177" spans="1:10" x14ac:dyDescent="0.35">
      <c r="A15177" t="s">
        <v>26</v>
      </c>
      <c r="B15177" t="s">
        <v>91</v>
      </c>
      <c r="C15177" t="s">
        <v>117</v>
      </c>
      <c r="D15177" t="s">
        <v>118</v>
      </c>
      <c r="E15177">
        <v>2013</v>
      </c>
      <c r="F15177">
        <v>2013</v>
      </c>
      <c r="G15177" t="s">
        <v>14</v>
      </c>
      <c r="H15177" t="s">
        <v>120</v>
      </c>
      <c r="I15177" t="s">
        <v>15</v>
      </c>
      <c r="J15177" s="10">
        <v>9.0545527749999994</v>
      </c>
    </row>
    <row r="15178" spans="1:10" x14ac:dyDescent="0.35">
      <c r="A15178" t="s">
        <v>26</v>
      </c>
      <c r="B15178" t="s">
        <v>91</v>
      </c>
      <c r="C15178" t="s">
        <v>117</v>
      </c>
      <c r="D15178" t="s">
        <v>118</v>
      </c>
      <c r="E15178">
        <v>2013</v>
      </c>
      <c r="F15178">
        <v>2013</v>
      </c>
      <c r="G15178" t="s">
        <v>14</v>
      </c>
      <c r="H15178" t="s">
        <v>121</v>
      </c>
      <c r="I15178" t="s">
        <v>15</v>
      </c>
      <c r="J15178" s="10">
        <v>29.79131718</v>
      </c>
    </row>
    <row r="15179" spans="1:10" x14ac:dyDescent="0.35">
      <c r="A15179" t="s">
        <v>26</v>
      </c>
      <c r="B15179" t="s">
        <v>91</v>
      </c>
      <c r="C15179" t="s">
        <v>117</v>
      </c>
      <c r="D15179" t="s">
        <v>118</v>
      </c>
      <c r="E15179">
        <v>2013</v>
      </c>
      <c r="F15179">
        <v>2013</v>
      </c>
      <c r="G15179" t="s">
        <v>14</v>
      </c>
      <c r="H15179" t="s">
        <v>122</v>
      </c>
      <c r="I15179" t="s">
        <v>15</v>
      </c>
      <c r="J15179" s="10">
        <v>23.499966449999999</v>
      </c>
    </row>
    <row r="15180" spans="1:10" x14ac:dyDescent="0.35">
      <c r="A15180" t="s">
        <v>26</v>
      </c>
      <c r="B15180" t="s">
        <v>91</v>
      </c>
      <c r="C15180" t="s">
        <v>117</v>
      </c>
      <c r="D15180" t="s">
        <v>118</v>
      </c>
      <c r="E15180">
        <v>2013</v>
      </c>
      <c r="F15180">
        <v>2013</v>
      </c>
      <c r="G15180" t="s">
        <v>14</v>
      </c>
      <c r="H15180" t="s">
        <v>123</v>
      </c>
      <c r="I15180" t="s">
        <v>15</v>
      </c>
      <c r="J15180" s="10">
        <v>18.343957589999999</v>
      </c>
    </row>
    <row r="15181" spans="1:10" x14ac:dyDescent="0.35">
      <c r="A15181" t="s">
        <v>26</v>
      </c>
      <c r="B15181" t="s">
        <v>91</v>
      </c>
      <c r="C15181" t="s">
        <v>117</v>
      </c>
      <c r="D15181" t="s">
        <v>118</v>
      </c>
      <c r="E15181">
        <v>2013</v>
      </c>
      <c r="F15181">
        <v>2013</v>
      </c>
      <c r="G15181" t="s">
        <v>14</v>
      </c>
      <c r="H15181" t="s">
        <v>124</v>
      </c>
      <c r="I15181" t="s">
        <v>15</v>
      </c>
      <c r="J15181" s="10">
        <v>2.1150104010000002</v>
      </c>
    </row>
    <row r="15182" spans="1:10" x14ac:dyDescent="0.35">
      <c r="A15182" t="s">
        <v>26</v>
      </c>
      <c r="B15182" t="s">
        <v>91</v>
      </c>
      <c r="C15182" t="s">
        <v>117</v>
      </c>
      <c r="D15182" t="s">
        <v>118</v>
      </c>
      <c r="E15182">
        <v>2013</v>
      </c>
      <c r="F15182">
        <v>2013</v>
      </c>
      <c r="G15182" t="s">
        <v>125</v>
      </c>
      <c r="H15182" t="s">
        <v>119</v>
      </c>
      <c r="I15182" t="s">
        <v>15</v>
      </c>
      <c r="J15182" s="10">
        <v>17.957166390000001</v>
      </c>
    </row>
    <row r="15183" spans="1:10" x14ac:dyDescent="0.35">
      <c r="A15183" t="s">
        <v>26</v>
      </c>
      <c r="B15183" t="s">
        <v>91</v>
      </c>
      <c r="C15183" t="s">
        <v>117</v>
      </c>
      <c r="D15183" t="s">
        <v>118</v>
      </c>
      <c r="E15183">
        <v>2013</v>
      </c>
      <c r="F15183">
        <v>2013</v>
      </c>
      <c r="G15183" t="s">
        <v>125</v>
      </c>
      <c r="H15183" t="s">
        <v>120</v>
      </c>
      <c r="I15183" t="s">
        <v>15</v>
      </c>
      <c r="J15183" s="10">
        <v>9.6842394289999998</v>
      </c>
    </row>
    <row r="15184" spans="1:10" x14ac:dyDescent="0.35">
      <c r="A15184" t="s">
        <v>26</v>
      </c>
      <c r="B15184" t="s">
        <v>91</v>
      </c>
      <c r="C15184" t="s">
        <v>117</v>
      </c>
      <c r="D15184" t="s">
        <v>118</v>
      </c>
      <c r="E15184">
        <v>2013</v>
      </c>
      <c r="F15184">
        <v>2013</v>
      </c>
      <c r="G15184" t="s">
        <v>125</v>
      </c>
      <c r="H15184" t="s">
        <v>121</v>
      </c>
      <c r="I15184" t="s">
        <v>15</v>
      </c>
      <c r="J15184" s="10">
        <v>29.332784180000001</v>
      </c>
    </row>
    <row r="15185" spans="1:10" x14ac:dyDescent="0.35">
      <c r="A15185" t="s">
        <v>26</v>
      </c>
      <c r="B15185" t="s">
        <v>91</v>
      </c>
      <c r="C15185" t="s">
        <v>117</v>
      </c>
      <c r="D15185" t="s">
        <v>118</v>
      </c>
      <c r="E15185">
        <v>2013</v>
      </c>
      <c r="F15185">
        <v>2013</v>
      </c>
      <c r="G15185" t="s">
        <v>125</v>
      </c>
      <c r="H15185" t="s">
        <v>122</v>
      </c>
      <c r="I15185" t="s">
        <v>15</v>
      </c>
      <c r="J15185" s="10">
        <v>23.742449199999999</v>
      </c>
    </row>
    <row r="15186" spans="1:10" x14ac:dyDescent="0.35">
      <c r="A15186" t="s">
        <v>26</v>
      </c>
      <c r="B15186" t="s">
        <v>91</v>
      </c>
      <c r="C15186" t="s">
        <v>117</v>
      </c>
      <c r="D15186" t="s">
        <v>118</v>
      </c>
      <c r="E15186">
        <v>2013</v>
      </c>
      <c r="F15186">
        <v>2013</v>
      </c>
      <c r="G15186" t="s">
        <v>125</v>
      </c>
      <c r="H15186" t="s">
        <v>123</v>
      </c>
      <c r="I15186" t="s">
        <v>15</v>
      </c>
      <c r="J15186" s="10">
        <v>17.806150469999999</v>
      </c>
    </row>
    <row r="15187" spans="1:10" x14ac:dyDescent="0.35">
      <c r="A15187" t="s">
        <v>26</v>
      </c>
      <c r="B15187" t="s">
        <v>91</v>
      </c>
      <c r="C15187" t="s">
        <v>117</v>
      </c>
      <c r="D15187" t="s">
        <v>118</v>
      </c>
      <c r="E15187">
        <v>2013</v>
      </c>
      <c r="F15187">
        <v>2013</v>
      </c>
      <c r="G15187" t="s">
        <v>125</v>
      </c>
      <c r="H15187" t="s">
        <v>124</v>
      </c>
      <c r="I15187" t="s">
        <v>15</v>
      </c>
      <c r="J15187" s="10">
        <v>1.4772103240000001</v>
      </c>
    </row>
    <row r="15188" spans="1:10" x14ac:dyDescent="0.35">
      <c r="A15188" t="s">
        <v>26</v>
      </c>
      <c r="B15188" t="s">
        <v>91</v>
      </c>
      <c r="C15188" t="s">
        <v>117</v>
      </c>
      <c r="D15188" t="s">
        <v>118</v>
      </c>
      <c r="E15188">
        <v>2013</v>
      </c>
      <c r="F15188">
        <v>2013</v>
      </c>
      <c r="G15188" t="s">
        <v>126</v>
      </c>
      <c r="H15188" t="s">
        <v>119</v>
      </c>
      <c r="I15188" t="s">
        <v>15</v>
      </c>
      <c r="J15188" s="10">
        <v>16.46672792</v>
      </c>
    </row>
    <row r="15189" spans="1:10" x14ac:dyDescent="0.35">
      <c r="A15189" t="s">
        <v>26</v>
      </c>
      <c r="B15189" t="s">
        <v>91</v>
      </c>
      <c r="C15189" t="s">
        <v>117</v>
      </c>
      <c r="D15189" t="s">
        <v>118</v>
      </c>
      <c r="E15189">
        <v>2013</v>
      </c>
      <c r="F15189">
        <v>2013</v>
      </c>
      <c r="G15189" t="s">
        <v>126</v>
      </c>
      <c r="H15189" t="s">
        <v>120</v>
      </c>
      <c r="I15189" t="s">
        <v>15</v>
      </c>
      <c r="J15189" s="10">
        <v>8.452552828</v>
      </c>
    </row>
    <row r="15190" spans="1:10" x14ac:dyDescent="0.35">
      <c r="A15190" t="s">
        <v>26</v>
      </c>
      <c r="B15190" t="s">
        <v>91</v>
      </c>
      <c r="C15190" t="s">
        <v>117</v>
      </c>
      <c r="D15190" t="s">
        <v>118</v>
      </c>
      <c r="E15190">
        <v>2013</v>
      </c>
      <c r="F15190">
        <v>2013</v>
      </c>
      <c r="G15190" t="s">
        <v>126</v>
      </c>
      <c r="H15190" t="s">
        <v>121</v>
      </c>
      <c r="I15190" t="s">
        <v>15</v>
      </c>
      <c r="J15190" s="10">
        <v>30.229688939999999</v>
      </c>
    </row>
    <row r="15191" spans="1:10" x14ac:dyDescent="0.35">
      <c r="A15191" t="s">
        <v>26</v>
      </c>
      <c r="B15191" t="s">
        <v>91</v>
      </c>
      <c r="C15191" t="s">
        <v>117</v>
      </c>
      <c r="D15191" t="s">
        <v>118</v>
      </c>
      <c r="E15191">
        <v>2013</v>
      </c>
      <c r="F15191">
        <v>2013</v>
      </c>
      <c r="G15191" t="s">
        <v>126</v>
      </c>
      <c r="H15191" t="s">
        <v>122</v>
      </c>
      <c r="I15191" t="s">
        <v>15</v>
      </c>
      <c r="J15191" s="10">
        <v>23.268145430000001</v>
      </c>
    </row>
    <row r="15192" spans="1:10" x14ac:dyDescent="0.35">
      <c r="A15192" t="s">
        <v>26</v>
      </c>
      <c r="B15192" t="s">
        <v>91</v>
      </c>
      <c r="C15192" t="s">
        <v>117</v>
      </c>
      <c r="D15192" t="s">
        <v>118</v>
      </c>
      <c r="E15192">
        <v>2013</v>
      </c>
      <c r="F15192">
        <v>2013</v>
      </c>
      <c r="G15192" t="s">
        <v>126</v>
      </c>
      <c r="H15192" t="s">
        <v>123</v>
      </c>
      <c r="I15192" t="s">
        <v>15</v>
      </c>
      <c r="J15192" s="10">
        <v>18.85811786</v>
      </c>
    </row>
    <row r="15193" spans="1:10" x14ac:dyDescent="0.35">
      <c r="A15193" t="s">
        <v>26</v>
      </c>
      <c r="B15193" t="s">
        <v>91</v>
      </c>
      <c r="C15193" t="s">
        <v>117</v>
      </c>
      <c r="D15193" t="s">
        <v>118</v>
      </c>
      <c r="E15193">
        <v>2013</v>
      </c>
      <c r="F15193">
        <v>2013</v>
      </c>
      <c r="G15193" t="s">
        <v>126</v>
      </c>
      <c r="H15193" t="s">
        <v>124</v>
      </c>
      <c r="I15193" t="s">
        <v>15</v>
      </c>
      <c r="J15193" s="10">
        <v>2.7247670300000002</v>
      </c>
    </row>
    <row r="15194" spans="1:10" x14ac:dyDescent="0.35">
      <c r="A15194" t="s">
        <v>26</v>
      </c>
      <c r="B15194" t="s">
        <v>91</v>
      </c>
      <c r="C15194" t="s">
        <v>117</v>
      </c>
      <c r="D15194" t="s">
        <v>118</v>
      </c>
      <c r="E15194">
        <v>2012</v>
      </c>
      <c r="F15194">
        <v>2012</v>
      </c>
      <c r="G15194" t="s">
        <v>14</v>
      </c>
      <c r="H15194" t="s">
        <v>119</v>
      </c>
      <c r="I15194" t="s">
        <v>15</v>
      </c>
      <c r="J15194" s="10">
        <v>17.428440760000001</v>
      </c>
    </row>
    <row r="15195" spans="1:10" x14ac:dyDescent="0.35">
      <c r="A15195" t="s">
        <v>26</v>
      </c>
      <c r="B15195" t="s">
        <v>91</v>
      </c>
      <c r="C15195" t="s">
        <v>117</v>
      </c>
      <c r="D15195" t="s">
        <v>118</v>
      </c>
      <c r="E15195">
        <v>2012</v>
      </c>
      <c r="F15195">
        <v>2012</v>
      </c>
      <c r="G15195" t="s">
        <v>14</v>
      </c>
      <c r="H15195" t="s">
        <v>120</v>
      </c>
      <c r="I15195" t="s">
        <v>15</v>
      </c>
      <c r="J15195" s="10">
        <v>9.0484773490000006</v>
      </c>
    </row>
    <row r="15196" spans="1:10" x14ac:dyDescent="0.35">
      <c r="A15196" t="s">
        <v>26</v>
      </c>
      <c r="B15196" t="s">
        <v>91</v>
      </c>
      <c r="C15196" t="s">
        <v>117</v>
      </c>
      <c r="D15196" t="s">
        <v>118</v>
      </c>
      <c r="E15196">
        <v>2012</v>
      </c>
      <c r="F15196">
        <v>2012</v>
      </c>
      <c r="G15196" t="s">
        <v>14</v>
      </c>
      <c r="H15196" t="s">
        <v>121</v>
      </c>
      <c r="I15196" t="s">
        <v>15</v>
      </c>
      <c r="J15196" s="10">
        <v>30.159797699999999</v>
      </c>
    </row>
    <row r="15197" spans="1:10" x14ac:dyDescent="0.35">
      <c r="A15197" t="s">
        <v>26</v>
      </c>
      <c r="B15197" t="s">
        <v>91</v>
      </c>
      <c r="C15197" t="s">
        <v>117</v>
      </c>
      <c r="D15197" t="s">
        <v>118</v>
      </c>
      <c r="E15197">
        <v>2012</v>
      </c>
      <c r="F15197">
        <v>2012</v>
      </c>
      <c r="G15197" t="s">
        <v>14</v>
      </c>
      <c r="H15197" t="s">
        <v>122</v>
      </c>
      <c r="I15197" t="s">
        <v>15</v>
      </c>
      <c r="J15197" s="10">
        <v>23.53787797</v>
      </c>
    </row>
    <row r="15198" spans="1:10" x14ac:dyDescent="0.35">
      <c r="A15198" t="s">
        <v>26</v>
      </c>
      <c r="B15198" t="s">
        <v>91</v>
      </c>
      <c r="C15198" t="s">
        <v>117</v>
      </c>
      <c r="D15198" t="s">
        <v>118</v>
      </c>
      <c r="E15198">
        <v>2012</v>
      </c>
      <c r="F15198">
        <v>2012</v>
      </c>
      <c r="G15198" t="s">
        <v>14</v>
      </c>
      <c r="H15198" t="s">
        <v>123</v>
      </c>
      <c r="I15198" t="s">
        <v>15</v>
      </c>
      <c r="J15198" s="10">
        <v>17.700150650000001</v>
      </c>
    </row>
    <row r="15199" spans="1:10" x14ac:dyDescent="0.35">
      <c r="A15199" t="s">
        <v>26</v>
      </c>
      <c r="B15199" t="s">
        <v>91</v>
      </c>
      <c r="C15199" t="s">
        <v>117</v>
      </c>
      <c r="D15199" t="s">
        <v>118</v>
      </c>
      <c r="E15199">
        <v>2012</v>
      </c>
      <c r="F15199">
        <v>2012</v>
      </c>
      <c r="G15199" t="s">
        <v>14</v>
      </c>
      <c r="H15199" t="s">
        <v>124</v>
      </c>
      <c r="I15199" t="s">
        <v>15</v>
      </c>
      <c r="J15199" s="10">
        <v>2.1252555690000001</v>
      </c>
    </row>
    <row r="15200" spans="1:10" x14ac:dyDescent="0.35">
      <c r="A15200" t="s">
        <v>26</v>
      </c>
      <c r="B15200" t="s">
        <v>91</v>
      </c>
      <c r="C15200" t="s">
        <v>117</v>
      </c>
      <c r="D15200" t="s">
        <v>118</v>
      </c>
      <c r="E15200">
        <v>2012</v>
      </c>
      <c r="F15200">
        <v>2012</v>
      </c>
      <c r="G15200" t="s">
        <v>125</v>
      </c>
      <c r="H15200" t="s">
        <v>119</v>
      </c>
      <c r="I15200" t="s">
        <v>15</v>
      </c>
      <c r="J15200" s="10">
        <v>18.263333060000001</v>
      </c>
    </row>
    <row r="15201" spans="1:10" x14ac:dyDescent="0.35">
      <c r="A15201" t="s">
        <v>26</v>
      </c>
      <c r="B15201" t="s">
        <v>91</v>
      </c>
      <c r="C15201" t="s">
        <v>117</v>
      </c>
      <c r="D15201" t="s">
        <v>118</v>
      </c>
      <c r="E15201">
        <v>2012</v>
      </c>
      <c r="F15201">
        <v>2012</v>
      </c>
      <c r="G15201" t="s">
        <v>125</v>
      </c>
      <c r="H15201" t="s">
        <v>120</v>
      </c>
      <c r="I15201" t="s">
        <v>15</v>
      </c>
      <c r="J15201" s="10">
        <v>9.6432598949999999</v>
      </c>
    </row>
    <row r="15202" spans="1:10" x14ac:dyDescent="0.35">
      <c r="A15202" t="s">
        <v>26</v>
      </c>
      <c r="B15202" t="s">
        <v>91</v>
      </c>
      <c r="C15202" t="s">
        <v>117</v>
      </c>
      <c r="D15202" t="s">
        <v>118</v>
      </c>
      <c r="E15202">
        <v>2012</v>
      </c>
      <c r="F15202">
        <v>2012</v>
      </c>
      <c r="G15202" t="s">
        <v>125</v>
      </c>
      <c r="H15202" t="s">
        <v>121</v>
      </c>
      <c r="I15202" t="s">
        <v>15</v>
      </c>
      <c r="J15202" s="10">
        <v>29.672415220000001</v>
      </c>
    </row>
    <row r="15203" spans="1:10" x14ac:dyDescent="0.35">
      <c r="A15203" t="s">
        <v>26</v>
      </c>
      <c r="B15203" t="s">
        <v>91</v>
      </c>
      <c r="C15203" t="s">
        <v>117</v>
      </c>
      <c r="D15203" t="s">
        <v>118</v>
      </c>
      <c r="E15203">
        <v>2012</v>
      </c>
      <c r="F15203">
        <v>2012</v>
      </c>
      <c r="G15203" t="s">
        <v>125</v>
      </c>
      <c r="H15203" t="s">
        <v>122</v>
      </c>
      <c r="I15203" t="s">
        <v>15</v>
      </c>
      <c r="J15203" s="10">
        <v>23.753334980000002</v>
      </c>
    </row>
    <row r="15204" spans="1:10" x14ac:dyDescent="0.35">
      <c r="A15204" t="s">
        <v>26</v>
      </c>
      <c r="B15204" t="s">
        <v>91</v>
      </c>
      <c r="C15204" t="s">
        <v>117</v>
      </c>
      <c r="D15204" t="s">
        <v>118</v>
      </c>
      <c r="E15204">
        <v>2012</v>
      </c>
      <c r="F15204">
        <v>2012</v>
      </c>
      <c r="G15204" t="s">
        <v>125</v>
      </c>
      <c r="H15204" t="s">
        <v>123</v>
      </c>
      <c r="I15204" t="s">
        <v>15</v>
      </c>
      <c r="J15204" s="10">
        <v>17.179635279999999</v>
      </c>
    </row>
    <row r="15205" spans="1:10" x14ac:dyDescent="0.35">
      <c r="A15205" t="s">
        <v>26</v>
      </c>
      <c r="B15205" t="s">
        <v>91</v>
      </c>
      <c r="C15205" t="s">
        <v>117</v>
      </c>
      <c r="D15205" t="s">
        <v>118</v>
      </c>
      <c r="E15205">
        <v>2012</v>
      </c>
      <c r="F15205">
        <v>2012</v>
      </c>
      <c r="G15205" t="s">
        <v>125</v>
      </c>
      <c r="H15205" t="s">
        <v>124</v>
      </c>
      <c r="I15205" t="s">
        <v>15</v>
      </c>
      <c r="J15205" s="10">
        <v>1.4880215640000001</v>
      </c>
    </row>
    <row r="15206" spans="1:10" x14ac:dyDescent="0.35">
      <c r="A15206" t="s">
        <v>26</v>
      </c>
      <c r="B15206" t="s">
        <v>91</v>
      </c>
      <c r="C15206" t="s">
        <v>117</v>
      </c>
      <c r="D15206" t="s">
        <v>118</v>
      </c>
      <c r="E15206">
        <v>2012</v>
      </c>
      <c r="F15206">
        <v>2012</v>
      </c>
      <c r="G15206" t="s">
        <v>126</v>
      </c>
      <c r="H15206" t="s">
        <v>119</v>
      </c>
      <c r="I15206" t="s">
        <v>15</v>
      </c>
      <c r="J15206" s="10">
        <v>16.629373210000001</v>
      </c>
    </row>
    <row r="15207" spans="1:10" x14ac:dyDescent="0.35">
      <c r="A15207" t="s">
        <v>26</v>
      </c>
      <c r="B15207" t="s">
        <v>91</v>
      </c>
      <c r="C15207" t="s">
        <v>117</v>
      </c>
      <c r="D15207" t="s">
        <v>118</v>
      </c>
      <c r="E15207">
        <v>2012</v>
      </c>
      <c r="F15207">
        <v>2012</v>
      </c>
      <c r="G15207" t="s">
        <v>126</v>
      </c>
      <c r="H15207" t="s">
        <v>120</v>
      </c>
      <c r="I15207" t="s">
        <v>15</v>
      </c>
      <c r="J15207" s="10">
        <v>8.4792165740000005</v>
      </c>
    </row>
    <row r="15208" spans="1:10" x14ac:dyDescent="0.35">
      <c r="A15208" t="s">
        <v>26</v>
      </c>
      <c r="B15208" t="s">
        <v>91</v>
      </c>
      <c r="C15208" t="s">
        <v>117</v>
      </c>
      <c r="D15208" t="s">
        <v>118</v>
      </c>
      <c r="E15208">
        <v>2012</v>
      </c>
      <c r="F15208">
        <v>2012</v>
      </c>
      <c r="G15208" t="s">
        <v>126</v>
      </c>
      <c r="H15208" t="s">
        <v>121</v>
      </c>
      <c r="I15208" t="s">
        <v>15</v>
      </c>
      <c r="J15208" s="10">
        <v>30.626266879999999</v>
      </c>
    </row>
    <row r="15209" spans="1:10" x14ac:dyDescent="0.35">
      <c r="A15209" t="s">
        <v>26</v>
      </c>
      <c r="B15209" t="s">
        <v>91</v>
      </c>
      <c r="C15209" t="s">
        <v>117</v>
      </c>
      <c r="D15209" t="s">
        <v>118</v>
      </c>
      <c r="E15209">
        <v>2012</v>
      </c>
      <c r="F15209">
        <v>2012</v>
      </c>
      <c r="G15209" t="s">
        <v>126</v>
      </c>
      <c r="H15209" t="s">
        <v>122</v>
      </c>
      <c r="I15209" t="s">
        <v>15</v>
      </c>
      <c r="J15209" s="10">
        <v>23.3316661</v>
      </c>
    </row>
    <row r="15210" spans="1:10" x14ac:dyDescent="0.35">
      <c r="A15210" t="s">
        <v>26</v>
      </c>
      <c r="B15210" t="s">
        <v>91</v>
      </c>
      <c r="C15210" t="s">
        <v>117</v>
      </c>
      <c r="D15210" t="s">
        <v>118</v>
      </c>
      <c r="E15210">
        <v>2012</v>
      </c>
      <c r="F15210">
        <v>2012</v>
      </c>
      <c r="G15210" t="s">
        <v>126</v>
      </c>
      <c r="H15210" t="s">
        <v>123</v>
      </c>
      <c r="I15210" t="s">
        <v>15</v>
      </c>
      <c r="J15210" s="10">
        <v>18.19833101</v>
      </c>
    </row>
    <row r="15211" spans="1:10" x14ac:dyDescent="0.35">
      <c r="A15211" t="s">
        <v>26</v>
      </c>
      <c r="B15211" t="s">
        <v>91</v>
      </c>
      <c r="C15211" t="s">
        <v>117</v>
      </c>
      <c r="D15211" t="s">
        <v>118</v>
      </c>
      <c r="E15211">
        <v>2012</v>
      </c>
      <c r="F15211">
        <v>2012</v>
      </c>
      <c r="G15211" t="s">
        <v>126</v>
      </c>
      <c r="H15211" t="s">
        <v>124</v>
      </c>
      <c r="I15211" t="s">
        <v>15</v>
      </c>
      <c r="J15211" s="10">
        <v>2.7351462340000001</v>
      </c>
    </row>
    <row r="15212" spans="1:10" x14ac:dyDescent="0.35">
      <c r="A15212" t="s">
        <v>26</v>
      </c>
      <c r="B15212" t="s">
        <v>91</v>
      </c>
      <c r="C15212" t="s">
        <v>117</v>
      </c>
      <c r="D15212" t="s">
        <v>118</v>
      </c>
      <c r="E15212">
        <v>2011</v>
      </c>
      <c r="F15212">
        <v>2011</v>
      </c>
      <c r="G15212" t="s">
        <v>14</v>
      </c>
      <c r="H15212" t="s">
        <v>119</v>
      </c>
      <c r="I15212" t="s">
        <v>15</v>
      </c>
      <c r="J15212" s="10">
        <v>17.675991809999999</v>
      </c>
    </row>
    <row r="15213" spans="1:10" x14ac:dyDescent="0.35">
      <c r="A15213" t="s">
        <v>26</v>
      </c>
      <c r="B15213" t="s">
        <v>91</v>
      </c>
      <c r="C15213" t="s">
        <v>117</v>
      </c>
      <c r="D15213" t="s">
        <v>118</v>
      </c>
      <c r="E15213">
        <v>2011</v>
      </c>
      <c r="F15213">
        <v>2011</v>
      </c>
      <c r="G15213" t="s">
        <v>14</v>
      </c>
      <c r="H15213" t="s">
        <v>120</v>
      </c>
      <c r="I15213" t="s">
        <v>15</v>
      </c>
      <c r="J15213" s="10">
        <v>9.0071151359999995</v>
      </c>
    </row>
    <row r="15214" spans="1:10" x14ac:dyDescent="0.35">
      <c r="A15214" t="s">
        <v>26</v>
      </c>
      <c r="B15214" t="s">
        <v>91</v>
      </c>
      <c r="C15214" t="s">
        <v>117</v>
      </c>
      <c r="D15214" t="s">
        <v>118</v>
      </c>
      <c r="E15214">
        <v>2011</v>
      </c>
      <c r="F15214">
        <v>2011</v>
      </c>
      <c r="G15214" t="s">
        <v>14</v>
      </c>
      <c r="H15214" t="s">
        <v>121</v>
      </c>
      <c r="I15214" t="s">
        <v>15</v>
      </c>
      <c r="J15214" s="10">
        <v>30.655724450000001</v>
      </c>
    </row>
    <row r="15215" spans="1:10" x14ac:dyDescent="0.35">
      <c r="A15215" t="s">
        <v>26</v>
      </c>
      <c r="B15215" t="s">
        <v>91</v>
      </c>
      <c r="C15215" t="s">
        <v>117</v>
      </c>
      <c r="D15215" t="s">
        <v>118</v>
      </c>
      <c r="E15215">
        <v>2011</v>
      </c>
      <c r="F15215">
        <v>2011</v>
      </c>
      <c r="G15215" t="s">
        <v>14</v>
      </c>
      <c r="H15215" t="s">
        <v>122</v>
      </c>
      <c r="I15215" t="s">
        <v>15</v>
      </c>
      <c r="J15215" s="10">
        <v>23.602576540000001</v>
      </c>
    </row>
    <row r="15216" spans="1:10" x14ac:dyDescent="0.35">
      <c r="A15216" t="s">
        <v>26</v>
      </c>
      <c r="B15216" t="s">
        <v>91</v>
      </c>
      <c r="C15216" t="s">
        <v>117</v>
      </c>
      <c r="D15216" t="s">
        <v>118</v>
      </c>
      <c r="E15216">
        <v>2011</v>
      </c>
      <c r="F15216">
        <v>2011</v>
      </c>
      <c r="G15216" t="s">
        <v>14</v>
      </c>
      <c r="H15216" t="s">
        <v>123</v>
      </c>
      <c r="I15216" t="s">
        <v>15</v>
      </c>
      <c r="J15216" s="10">
        <v>16.959087969999999</v>
      </c>
    </row>
    <row r="15217" spans="1:10" x14ac:dyDescent="0.35">
      <c r="A15217" t="s">
        <v>26</v>
      </c>
      <c r="B15217" t="s">
        <v>91</v>
      </c>
      <c r="C15217" t="s">
        <v>117</v>
      </c>
      <c r="D15217" t="s">
        <v>118</v>
      </c>
      <c r="E15217">
        <v>2011</v>
      </c>
      <c r="F15217">
        <v>2011</v>
      </c>
      <c r="G15217" t="s">
        <v>14</v>
      </c>
      <c r="H15217" t="s">
        <v>124</v>
      </c>
      <c r="I15217" t="s">
        <v>15</v>
      </c>
      <c r="J15217" s="10">
        <v>2.0995040970000001</v>
      </c>
    </row>
    <row r="15218" spans="1:10" x14ac:dyDescent="0.35">
      <c r="A15218" t="s">
        <v>26</v>
      </c>
      <c r="B15218" t="s">
        <v>91</v>
      </c>
      <c r="C15218" t="s">
        <v>117</v>
      </c>
      <c r="D15218" t="s">
        <v>118</v>
      </c>
      <c r="E15218">
        <v>2011</v>
      </c>
      <c r="F15218">
        <v>2011</v>
      </c>
      <c r="G15218" t="s">
        <v>125</v>
      </c>
      <c r="H15218" t="s">
        <v>119</v>
      </c>
      <c r="I15218" t="s">
        <v>15</v>
      </c>
      <c r="J15218" s="10">
        <v>18.528753420000001</v>
      </c>
    </row>
    <row r="15219" spans="1:10" x14ac:dyDescent="0.35">
      <c r="A15219" t="s">
        <v>26</v>
      </c>
      <c r="B15219" t="s">
        <v>91</v>
      </c>
      <c r="C15219" t="s">
        <v>117</v>
      </c>
      <c r="D15219" t="s">
        <v>118</v>
      </c>
      <c r="E15219">
        <v>2011</v>
      </c>
      <c r="F15219">
        <v>2011</v>
      </c>
      <c r="G15219" t="s">
        <v>125</v>
      </c>
      <c r="H15219" t="s">
        <v>120</v>
      </c>
      <c r="I15219" t="s">
        <v>15</v>
      </c>
      <c r="J15219" s="10">
        <v>9.5752618340000009</v>
      </c>
    </row>
    <row r="15220" spans="1:10" x14ac:dyDescent="0.35">
      <c r="A15220" t="s">
        <v>26</v>
      </c>
      <c r="B15220" t="s">
        <v>91</v>
      </c>
      <c r="C15220" t="s">
        <v>117</v>
      </c>
      <c r="D15220" t="s">
        <v>118</v>
      </c>
      <c r="E15220">
        <v>2011</v>
      </c>
      <c r="F15220">
        <v>2011</v>
      </c>
      <c r="G15220" t="s">
        <v>125</v>
      </c>
      <c r="H15220" t="s">
        <v>121</v>
      </c>
      <c r="I15220" t="s">
        <v>15</v>
      </c>
      <c r="J15220" s="10">
        <v>30.187636439999999</v>
      </c>
    </row>
    <row r="15221" spans="1:10" x14ac:dyDescent="0.35">
      <c r="A15221" t="s">
        <v>26</v>
      </c>
      <c r="B15221" t="s">
        <v>91</v>
      </c>
      <c r="C15221" t="s">
        <v>117</v>
      </c>
      <c r="D15221" t="s">
        <v>118</v>
      </c>
      <c r="E15221">
        <v>2011</v>
      </c>
      <c r="F15221">
        <v>2011</v>
      </c>
      <c r="G15221" t="s">
        <v>125</v>
      </c>
      <c r="H15221" t="s">
        <v>122</v>
      </c>
      <c r="I15221" t="s">
        <v>15</v>
      </c>
      <c r="J15221" s="10">
        <v>23.925719180000002</v>
      </c>
    </row>
    <row r="15222" spans="1:10" x14ac:dyDescent="0.35">
      <c r="A15222" t="s">
        <v>26</v>
      </c>
      <c r="B15222" t="s">
        <v>91</v>
      </c>
      <c r="C15222" t="s">
        <v>117</v>
      </c>
      <c r="D15222" t="s">
        <v>118</v>
      </c>
      <c r="E15222">
        <v>2011</v>
      </c>
      <c r="F15222">
        <v>2011</v>
      </c>
      <c r="G15222" t="s">
        <v>125</v>
      </c>
      <c r="H15222" t="s">
        <v>123</v>
      </c>
      <c r="I15222" t="s">
        <v>15</v>
      </c>
      <c r="J15222" s="10">
        <v>16.35117584</v>
      </c>
    </row>
    <row r="15223" spans="1:10" x14ac:dyDescent="0.35">
      <c r="A15223" t="s">
        <v>26</v>
      </c>
      <c r="B15223" t="s">
        <v>91</v>
      </c>
      <c r="C15223" t="s">
        <v>117</v>
      </c>
      <c r="D15223" t="s">
        <v>118</v>
      </c>
      <c r="E15223">
        <v>2011</v>
      </c>
      <c r="F15223">
        <v>2011</v>
      </c>
      <c r="G15223" t="s">
        <v>125</v>
      </c>
      <c r="H15223" t="s">
        <v>124</v>
      </c>
      <c r="I15223" t="s">
        <v>15</v>
      </c>
      <c r="J15223" s="10">
        <v>1.431453284</v>
      </c>
    </row>
    <row r="15224" spans="1:10" x14ac:dyDescent="0.35">
      <c r="A15224" t="s">
        <v>26</v>
      </c>
      <c r="B15224" t="s">
        <v>91</v>
      </c>
      <c r="C15224" t="s">
        <v>117</v>
      </c>
      <c r="D15224" t="s">
        <v>118</v>
      </c>
      <c r="E15224">
        <v>2011</v>
      </c>
      <c r="F15224">
        <v>2011</v>
      </c>
      <c r="G15224" t="s">
        <v>126</v>
      </c>
      <c r="H15224" t="s">
        <v>119</v>
      </c>
      <c r="I15224" t="s">
        <v>15</v>
      </c>
      <c r="J15224" s="10">
        <v>16.864364429999998</v>
      </c>
    </row>
    <row r="15225" spans="1:10" x14ac:dyDescent="0.35">
      <c r="A15225" t="s">
        <v>26</v>
      </c>
      <c r="B15225" t="s">
        <v>91</v>
      </c>
      <c r="C15225" t="s">
        <v>117</v>
      </c>
      <c r="D15225" t="s">
        <v>118</v>
      </c>
      <c r="E15225">
        <v>2011</v>
      </c>
      <c r="F15225">
        <v>2011</v>
      </c>
      <c r="G15225" t="s">
        <v>126</v>
      </c>
      <c r="H15225" t="s">
        <v>120</v>
      </c>
      <c r="I15225" t="s">
        <v>15</v>
      </c>
      <c r="J15225" s="10">
        <v>8.4663738459999998</v>
      </c>
    </row>
    <row r="15226" spans="1:10" x14ac:dyDescent="0.35">
      <c r="A15226" t="s">
        <v>26</v>
      </c>
      <c r="B15226" t="s">
        <v>91</v>
      </c>
      <c r="C15226" t="s">
        <v>117</v>
      </c>
      <c r="D15226" t="s">
        <v>118</v>
      </c>
      <c r="E15226">
        <v>2011</v>
      </c>
      <c r="F15226">
        <v>2011</v>
      </c>
      <c r="G15226" t="s">
        <v>126</v>
      </c>
      <c r="H15226" t="s">
        <v>121</v>
      </c>
      <c r="I15226" t="s">
        <v>15</v>
      </c>
      <c r="J15226" s="10">
        <v>31.101233529999998</v>
      </c>
    </row>
    <row r="15227" spans="1:10" x14ac:dyDescent="0.35">
      <c r="A15227" t="s">
        <v>26</v>
      </c>
      <c r="B15227" t="s">
        <v>91</v>
      </c>
      <c r="C15227" t="s">
        <v>117</v>
      </c>
      <c r="D15227" t="s">
        <v>118</v>
      </c>
      <c r="E15227">
        <v>2011</v>
      </c>
      <c r="F15227">
        <v>2011</v>
      </c>
      <c r="G15227" t="s">
        <v>126</v>
      </c>
      <c r="H15227" t="s">
        <v>122</v>
      </c>
      <c r="I15227" t="s">
        <v>15</v>
      </c>
      <c r="J15227" s="10">
        <v>23.295021169999998</v>
      </c>
    </row>
    <row r="15228" spans="1:10" x14ac:dyDescent="0.35">
      <c r="A15228" t="s">
        <v>26</v>
      </c>
      <c r="B15228" t="s">
        <v>91</v>
      </c>
      <c r="C15228" t="s">
        <v>117</v>
      </c>
      <c r="D15228" t="s">
        <v>118</v>
      </c>
      <c r="E15228">
        <v>2011</v>
      </c>
      <c r="F15228">
        <v>2011</v>
      </c>
      <c r="G15228" t="s">
        <v>126</v>
      </c>
      <c r="H15228" t="s">
        <v>123</v>
      </c>
      <c r="I15228" t="s">
        <v>15</v>
      </c>
      <c r="J15228" s="10">
        <v>17.53767655</v>
      </c>
    </row>
    <row r="15229" spans="1:10" x14ac:dyDescent="0.35">
      <c r="A15229" t="s">
        <v>26</v>
      </c>
      <c r="B15229" t="s">
        <v>91</v>
      </c>
      <c r="C15229" t="s">
        <v>117</v>
      </c>
      <c r="D15229" t="s">
        <v>118</v>
      </c>
      <c r="E15229">
        <v>2011</v>
      </c>
      <c r="F15229">
        <v>2011</v>
      </c>
      <c r="G15229" t="s">
        <v>126</v>
      </c>
      <c r="H15229" t="s">
        <v>124</v>
      </c>
      <c r="I15229" t="s">
        <v>15</v>
      </c>
      <c r="J15229" s="10">
        <v>2.735330475</v>
      </c>
    </row>
    <row r="15230" spans="1:10" x14ac:dyDescent="0.35">
      <c r="A15230" t="s">
        <v>33</v>
      </c>
      <c r="B15230" t="s">
        <v>92</v>
      </c>
      <c r="C15230" t="s">
        <v>117</v>
      </c>
      <c r="D15230" t="s">
        <v>118</v>
      </c>
      <c r="E15230">
        <v>2020</v>
      </c>
      <c r="F15230">
        <v>2020</v>
      </c>
      <c r="G15230" t="s">
        <v>14</v>
      </c>
      <c r="H15230" t="s">
        <v>119</v>
      </c>
      <c r="I15230" t="s">
        <v>15</v>
      </c>
      <c r="J15230" s="10">
        <v>16.271160040000002</v>
      </c>
    </row>
    <row r="15231" spans="1:10" x14ac:dyDescent="0.35">
      <c r="A15231" t="s">
        <v>33</v>
      </c>
      <c r="B15231" t="s">
        <v>92</v>
      </c>
      <c r="C15231" t="s">
        <v>117</v>
      </c>
      <c r="D15231" t="s">
        <v>118</v>
      </c>
      <c r="E15231">
        <v>2020</v>
      </c>
      <c r="F15231">
        <v>2020</v>
      </c>
      <c r="G15231" t="s">
        <v>14</v>
      </c>
      <c r="H15231" t="s">
        <v>120</v>
      </c>
      <c r="I15231" t="s">
        <v>15</v>
      </c>
      <c r="J15231" s="10">
        <v>11.980735279999999</v>
      </c>
    </row>
    <row r="15232" spans="1:10" x14ac:dyDescent="0.35">
      <c r="A15232" t="s">
        <v>33</v>
      </c>
      <c r="B15232" t="s">
        <v>92</v>
      </c>
      <c r="C15232" t="s">
        <v>117</v>
      </c>
      <c r="D15232" t="s">
        <v>118</v>
      </c>
      <c r="E15232">
        <v>2020</v>
      </c>
      <c r="F15232">
        <v>2020</v>
      </c>
      <c r="G15232" t="s">
        <v>14</v>
      </c>
      <c r="H15232" t="s">
        <v>121</v>
      </c>
      <c r="I15232" t="s">
        <v>15</v>
      </c>
      <c r="J15232" s="10">
        <v>30.88586561</v>
      </c>
    </row>
    <row r="15233" spans="1:10" x14ac:dyDescent="0.35">
      <c r="A15233" t="s">
        <v>33</v>
      </c>
      <c r="B15233" t="s">
        <v>92</v>
      </c>
      <c r="C15233" t="s">
        <v>117</v>
      </c>
      <c r="D15233" t="s">
        <v>118</v>
      </c>
      <c r="E15233">
        <v>2020</v>
      </c>
      <c r="F15233">
        <v>2020</v>
      </c>
      <c r="G15233" t="s">
        <v>14</v>
      </c>
      <c r="H15233" t="s">
        <v>122</v>
      </c>
      <c r="I15233" t="s">
        <v>15</v>
      </c>
      <c r="J15233" s="10">
        <v>21.463807249999999</v>
      </c>
    </row>
    <row r="15234" spans="1:10" x14ac:dyDescent="0.35">
      <c r="A15234" t="s">
        <v>33</v>
      </c>
      <c r="B15234" t="s">
        <v>92</v>
      </c>
      <c r="C15234" t="s">
        <v>117</v>
      </c>
      <c r="D15234" t="s">
        <v>118</v>
      </c>
      <c r="E15234">
        <v>2020</v>
      </c>
      <c r="F15234">
        <v>2020</v>
      </c>
      <c r="G15234" t="s">
        <v>14</v>
      </c>
      <c r="H15234" t="s">
        <v>123</v>
      </c>
      <c r="I15234" t="s">
        <v>15</v>
      </c>
      <c r="J15234" s="10">
        <v>17.104579910000002</v>
      </c>
    </row>
    <row r="15235" spans="1:10" x14ac:dyDescent="0.35">
      <c r="A15235" t="s">
        <v>33</v>
      </c>
      <c r="B15235" t="s">
        <v>92</v>
      </c>
      <c r="C15235" t="s">
        <v>117</v>
      </c>
      <c r="D15235" t="s">
        <v>118</v>
      </c>
      <c r="E15235">
        <v>2020</v>
      </c>
      <c r="F15235">
        <v>2020</v>
      </c>
      <c r="G15235" t="s">
        <v>14</v>
      </c>
      <c r="H15235" t="s">
        <v>124</v>
      </c>
      <c r="I15235" t="s">
        <v>15</v>
      </c>
      <c r="J15235" s="10">
        <v>2.293851906</v>
      </c>
    </row>
    <row r="15236" spans="1:10" x14ac:dyDescent="0.35">
      <c r="A15236" t="s">
        <v>33</v>
      </c>
      <c r="B15236" t="s">
        <v>92</v>
      </c>
      <c r="C15236" t="s">
        <v>117</v>
      </c>
      <c r="D15236" t="s">
        <v>118</v>
      </c>
      <c r="E15236">
        <v>2020</v>
      </c>
      <c r="F15236">
        <v>2020</v>
      </c>
      <c r="G15236" t="s">
        <v>125</v>
      </c>
      <c r="H15236" t="s">
        <v>119</v>
      </c>
      <c r="I15236" t="s">
        <v>15</v>
      </c>
      <c r="J15236" s="10">
        <v>17.268200780000001</v>
      </c>
    </row>
    <row r="15237" spans="1:10" x14ac:dyDescent="0.35">
      <c r="A15237" t="s">
        <v>33</v>
      </c>
      <c r="B15237" t="s">
        <v>92</v>
      </c>
      <c r="C15237" t="s">
        <v>117</v>
      </c>
      <c r="D15237" t="s">
        <v>118</v>
      </c>
      <c r="E15237">
        <v>2020</v>
      </c>
      <c r="F15237">
        <v>2020</v>
      </c>
      <c r="G15237" t="s">
        <v>125</v>
      </c>
      <c r="H15237" t="s">
        <v>120</v>
      </c>
      <c r="I15237" t="s">
        <v>15</v>
      </c>
      <c r="J15237" s="10">
        <v>12.32135648</v>
      </c>
    </row>
    <row r="15238" spans="1:10" x14ac:dyDescent="0.35">
      <c r="A15238" t="s">
        <v>33</v>
      </c>
      <c r="B15238" t="s">
        <v>92</v>
      </c>
      <c r="C15238" t="s">
        <v>117</v>
      </c>
      <c r="D15238" t="s">
        <v>118</v>
      </c>
      <c r="E15238">
        <v>2020</v>
      </c>
      <c r="F15238">
        <v>2020</v>
      </c>
      <c r="G15238" t="s">
        <v>125</v>
      </c>
      <c r="H15238" t="s">
        <v>121</v>
      </c>
      <c r="I15238" t="s">
        <v>15</v>
      </c>
      <c r="J15238" s="10">
        <v>30.596151259999999</v>
      </c>
    </row>
    <row r="15239" spans="1:10" x14ac:dyDescent="0.35">
      <c r="A15239" t="s">
        <v>33</v>
      </c>
      <c r="B15239" t="s">
        <v>92</v>
      </c>
      <c r="C15239" t="s">
        <v>117</v>
      </c>
      <c r="D15239" t="s">
        <v>118</v>
      </c>
      <c r="E15239">
        <v>2020</v>
      </c>
      <c r="F15239">
        <v>2020</v>
      </c>
      <c r="G15239" t="s">
        <v>125</v>
      </c>
      <c r="H15239" t="s">
        <v>122</v>
      </c>
      <c r="I15239" t="s">
        <v>15</v>
      </c>
      <c r="J15239" s="10">
        <v>21.555645269999999</v>
      </c>
    </row>
    <row r="15240" spans="1:10" x14ac:dyDescent="0.35">
      <c r="A15240" t="s">
        <v>33</v>
      </c>
      <c r="B15240" t="s">
        <v>92</v>
      </c>
      <c r="C15240" t="s">
        <v>117</v>
      </c>
      <c r="D15240" t="s">
        <v>118</v>
      </c>
      <c r="E15240">
        <v>2020</v>
      </c>
      <c r="F15240">
        <v>2020</v>
      </c>
      <c r="G15240" t="s">
        <v>125</v>
      </c>
      <c r="H15240" t="s">
        <v>123</v>
      </c>
      <c r="I15240" t="s">
        <v>15</v>
      </c>
      <c r="J15240" s="10">
        <v>16.595343830000001</v>
      </c>
    </row>
    <row r="15241" spans="1:10" x14ac:dyDescent="0.35">
      <c r="A15241" t="s">
        <v>33</v>
      </c>
      <c r="B15241" t="s">
        <v>92</v>
      </c>
      <c r="C15241" t="s">
        <v>117</v>
      </c>
      <c r="D15241" t="s">
        <v>118</v>
      </c>
      <c r="E15241">
        <v>2020</v>
      </c>
      <c r="F15241">
        <v>2020</v>
      </c>
      <c r="G15241" t="s">
        <v>125</v>
      </c>
      <c r="H15241" t="s">
        <v>124</v>
      </c>
      <c r="I15241" t="s">
        <v>15</v>
      </c>
      <c r="J15241" s="10">
        <v>1.6633023819999999</v>
      </c>
    </row>
    <row r="15242" spans="1:10" x14ac:dyDescent="0.35">
      <c r="A15242" t="s">
        <v>33</v>
      </c>
      <c r="B15242" t="s">
        <v>92</v>
      </c>
      <c r="C15242" t="s">
        <v>117</v>
      </c>
      <c r="D15242" t="s">
        <v>118</v>
      </c>
      <c r="E15242">
        <v>2020</v>
      </c>
      <c r="F15242">
        <v>2020</v>
      </c>
      <c r="G15242" t="s">
        <v>126</v>
      </c>
      <c r="H15242" t="s">
        <v>119</v>
      </c>
      <c r="I15242" t="s">
        <v>15</v>
      </c>
      <c r="J15242" s="10">
        <v>15.342177189999999</v>
      </c>
    </row>
    <row r="15243" spans="1:10" x14ac:dyDescent="0.35">
      <c r="A15243" t="s">
        <v>33</v>
      </c>
      <c r="B15243" t="s">
        <v>92</v>
      </c>
      <c r="C15243" t="s">
        <v>117</v>
      </c>
      <c r="D15243" t="s">
        <v>118</v>
      </c>
      <c r="E15243">
        <v>2020</v>
      </c>
      <c r="F15243">
        <v>2020</v>
      </c>
      <c r="G15243" t="s">
        <v>126</v>
      </c>
      <c r="H15243" t="s">
        <v>120</v>
      </c>
      <c r="I15243" t="s">
        <v>15</v>
      </c>
      <c r="J15243" s="10">
        <v>11.663364850000001</v>
      </c>
    </row>
    <row r="15244" spans="1:10" x14ac:dyDescent="0.35">
      <c r="A15244" t="s">
        <v>33</v>
      </c>
      <c r="B15244" t="s">
        <v>92</v>
      </c>
      <c r="C15244" t="s">
        <v>117</v>
      </c>
      <c r="D15244" t="s">
        <v>118</v>
      </c>
      <c r="E15244">
        <v>2020</v>
      </c>
      <c r="F15244">
        <v>2020</v>
      </c>
      <c r="G15244" t="s">
        <v>126</v>
      </c>
      <c r="H15244" t="s">
        <v>121</v>
      </c>
      <c r="I15244" t="s">
        <v>15</v>
      </c>
      <c r="J15244" s="10">
        <v>31.155804100000001</v>
      </c>
    </row>
    <row r="15245" spans="1:10" x14ac:dyDescent="0.35">
      <c r="A15245" t="s">
        <v>33</v>
      </c>
      <c r="B15245" t="s">
        <v>92</v>
      </c>
      <c r="C15245" t="s">
        <v>117</v>
      </c>
      <c r="D15245" t="s">
        <v>118</v>
      </c>
      <c r="E15245">
        <v>2020</v>
      </c>
      <c r="F15245">
        <v>2020</v>
      </c>
      <c r="G15245" t="s">
        <v>126</v>
      </c>
      <c r="H15245" t="s">
        <v>122</v>
      </c>
      <c r="I15245" t="s">
        <v>15</v>
      </c>
      <c r="J15245" s="10">
        <v>21.378238079999999</v>
      </c>
    </row>
    <row r="15246" spans="1:10" x14ac:dyDescent="0.35">
      <c r="A15246" t="s">
        <v>33</v>
      </c>
      <c r="B15246" t="s">
        <v>92</v>
      </c>
      <c r="C15246" t="s">
        <v>117</v>
      </c>
      <c r="D15246" t="s">
        <v>118</v>
      </c>
      <c r="E15246">
        <v>2020</v>
      </c>
      <c r="F15246">
        <v>2020</v>
      </c>
      <c r="G15246" t="s">
        <v>126</v>
      </c>
      <c r="H15246" t="s">
        <v>123</v>
      </c>
      <c r="I15246" t="s">
        <v>15</v>
      </c>
      <c r="J15246" s="10">
        <v>17.5790556</v>
      </c>
    </row>
    <row r="15247" spans="1:10" x14ac:dyDescent="0.35">
      <c r="A15247" t="s">
        <v>33</v>
      </c>
      <c r="B15247" t="s">
        <v>92</v>
      </c>
      <c r="C15247" t="s">
        <v>117</v>
      </c>
      <c r="D15247" t="s">
        <v>118</v>
      </c>
      <c r="E15247">
        <v>2020</v>
      </c>
      <c r="F15247">
        <v>2020</v>
      </c>
      <c r="G15247" t="s">
        <v>126</v>
      </c>
      <c r="H15247" t="s">
        <v>124</v>
      </c>
      <c r="I15247" t="s">
        <v>15</v>
      </c>
      <c r="J15247" s="10">
        <v>2.881360183</v>
      </c>
    </row>
    <row r="15248" spans="1:10" x14ac:dyDescent="0.35">
      <c r="A15248" t="s">
        <v>33</v>
      </c>
      <c r="B15248" t="s">
        <v>92</v>
      </c>
      <c r="C15248" t="s">
        <v>117</v>
      </c>
      <c r="D15248" t="s">
        <v>118</v>
      </c>
      <c r="E15248">
        <v>2019</v>
      </c>
      <c r="F15248">
        <v>2019</v>
      </c>
      <c r="G15248" t="s">
        <v>14</v>
      </c>
      <c r="H15248" t="s">
        <v>119</v>
      </c>
      <c r="I15248" t="s">
        <v>15</v>
      </c>
      <c r="J15248" s="10">
        <v>16.500292080000001</v>
      </c>
    </row>
    <row r="15249" spans="1:10" x14ac:dyDescent="0.35">
      <c r="A15249" t="s">
        <v>33</v>
      </c>
      <c r="B15249" t="s">
        <v>92</v>
      </c>
      <c r="C15249" t="s">
        <v>117</v>
      </c>
      <c r="D15249" t="s">
        <v>118</v>
      </c>
      <c r="E15249">
        <v>2019</v>
      </c>
      <c r="F15249">
        <v>2019</v>
      </c>
      <c r="G15249" t="s">
        <v>14</v>
      </c>
      <c r="H15249" t="s">
        <v>120</v>
      </c>
      <c r="I15249" t="s">
        <v>15</v>
      </c>
      <c r="J15249" s="10">
        <v>12.13214773</v>
      </c>
    </row>
    <row r="15250" spans="1:10" x14ac:dyDescent="0.35">
      <c r="A15250" t="s">
        <v>33</v>
      </c>
      <c r="B15250" t="s">
        <v>92</v>
      </c>
      <c r="C15250" t="s">
        <v>117</v>
      </c>
      <c r="D15250" t="s">
        <v>118</v>
      </c>
      <c r="E15250">
        <v>2019</v>
      </c>
      <c r="F15250">
        <v>2019</v>
      </c>
      <c r="G15250" t="s">
        <v>14</v>
      </c>
      <c r="H15250" t="s">
        <v>121</v>
      </c>
      <c r="I15250" t="s">
        <v>15</v>
      </c>
      <c r="J15250" s="10">
        <v>31.08197573</v>
      </c>
    </row>
    <row r="15251" spans="1:10" x14ac:dyDescent="0.35">
      <c r="A15251" t="s">
        <v>33</v>
      </c>
      <c r="B15251" t="s">
        <v>92</v>
      </c>
      <c r="C15251" t="s">
        <v>117</v>
      </c>
      <c r="D15251" t="s">
        <v>118</v>
      </c>
      <c r="E15251">
        <v>2019</v>
      </c>
      <c r="F15251">
        <v>2019</v>
      </c>
      <c r="G15251" t="s">
        <v>14</v>
      </c>
      <c r="H15251" t="s">
        <v>122</v>
      </c>
      <c r="I15251" t="s">
        <v>15</v>
      </c>
      <c r="J15251" s="10">
        <v>21.13195301</v>
      </c>
    </row>
    <row r="15252" spans="1:10" x14ac:dyDescent="0.35">
      <c r="A15252" t="s">
        <v>33</v>
      </c>
      <c r="B15252" t="s">
        <v>92</v>
      </c>
      <c r="C15252" t="s">
        <v>117</v>
      </c>
      <c r="D15252" t="s">
        <v>118</v>
      </c>
      <c r="E15252">
        <v>2019</v>
      </c>
      <c r="F15252">
        <v>2019</v>
      </c>
      <c r="G15252" t="s">
        <v>14</v>
      </c>
      <c r="H15252" t="s">
        <v>123</v>
      </c>
      <c r="I15252" t="s">
        <v>15</v>
      </c>
      <c r="J15252" s="10">
        <v>16.91309145</v>
      </c>
    </row>
    <row r="15253" spans="1:10" x14ac:dyDescent="0.35">
      <c r="A15253" t="s">
        <v>33</v>
      </c>
      <c r="B15253" t="s">
        <v>92</v>
      </c>
      <c r="C15253" t="s">
        <v>117</v>
      </c>
      <c r="D15253" t="s">
        <v>118</v>
      </c>
      <c r="E15253">
        <v>2019</v>
      </c>
      <c r="F15253">
        <v>2019</v>
      </c>
      <c r="G15253" t="s">
        <v>14</v>
      </c>
      <c r="H15253" t="s">
        <v>124</v>
      </c>
      <c r="I15253" t="s">
        <v>15</v>
      </c>
      <c r="J15253" s="10">
        <v>2.240540014</v>
      </c>
    </row>
    <row r="15254" spans="1:10" x14ac:dyDescent="0.35">
      <c r="A15254" t="s">
        <v>33</v>
      </c>
      <c r="B15254" t="s">
        <v>92</v>
      </c>
      <c r="C15254" t="s">
        <v>117</v>
      </c>
      <c r="D15254" t="s">
        <v>118</v>
      </c>
      <c r="E15254">
        <v>2019</v>
      </c>
      <c r="F15254">
        <v>2019</v>
      </c>
      <c r="G15254" t="s">
        <v>125</v>
      </c>
      <c r="H15254" t="s">
        <v>119</v>
      </c>
      <c r="I15254" t="s">
        <v>15</v>
      </c>
      <c r="J15254" s="10">
        <v>17.53756508</v>
      </c>
    </row>
    <row r="15255" spans="1:10" x14ac:dyDescent="0.35">
      <c r="A15255" t="s">
        <v>33</v>
      </c>
      <c r="B15255" t="s">
        <v>92</v>
      </c>
      <c r="C15255" t="s">
        <v>117</v>
      </c>
      <c r="D15255" t="s">
        <v>118</v>
      </c>
      <c r="E15255">
        <v>2019</v>
      </c>
      <c r="F15255">
        <v>2019</v>
      </c>
      <c r="G15255" t="s">
        <v>125</v>
      </c>
      <c r="H15255" t="s">
        <v>120</v>
      </c>
      <c r="I15255" t="s">
        <v>15</v>
      </c>
      <c r="J15255" s="10">
        <v>12.29059322</v>
      </c>
    </row>
    <row r="15256" spans="1:10" x14ac:dyDescent="0.35">
      <c r="A15256" t="s">
        <v>33</v>
      </c>
      <c r="B15256" t="s">
        <v>92</v>
      </c>
      <c r="C15256" t="s">
        <v>117</v>
      </c>
      <c r="D15256" t="s">
        <v>118</v>
      </c>
      <c r="E15256">
        <v>2019</v>
      </c>
      <c r="F15256">
        <v>2019</v>
      </c>
      <c r="G15256" t="s">
        <v>125</v>
      </c>
      <c r="H15256" t="s">
        <v>121</v>
      </c>
      <c r="I15256" t="s">
        <v>15</v>
      </c>
      <c r="J15256" s="10">
        <v>30.686017970000002</v>
      </c>
    </row>
    <row r="15257" spans="1:10" x14ac:dyDescent="0.35">
      <c r="A15257" t="s">
        <v>33</v>
      </c>
      <c r="B15257" t="s">
        <v>92</v>
      </c>
      <c r="C15257" t="s">
        <v>117</v>
      </c>
      <c r="D15257" t="s">
        <v>118</v>
      </c>
      <c r="E15257">
        <v>2019</v>
      </c>
      <c r="F15257">
        <v>2019</v>
      </c>
      <c r="G15257" t="s">
        <v>125</v>
      </c>
      <c r="H15257" t="s">
        <v>122</v>
      </c>
      <c r="I15257" t="s">
        <v>15</v>
      </c>
      <c r="J15257" s="10">
        <v>21.481561410000001</v>
      </c>
    </row>
    <row r="15258" spans="1:10" x14ac:dyDescent="0.35">
      <c r="A15258" t="s">
        <v>33</v>
      </c>
      <c r="B15258" t="s">
        <v>92</v>
      </c>
      <c r="C15258" t="s">
        <v>117</v>
      </c>
      <c r="D15258" t="s">
        <v>118</v>
      </c>
      <c r="E15258">
        <v>2019</v>
      </c>
      <c r="F15258">
        <v>2019</v>
      </c>
      <c r="G15258" t="s">
        <v>125</v>
      </c>
      <c r="H15258" t="s">
        <v>123</v>
      </c>
      <c r="I15258" t="s">
        <v>15</v>
      </c>
      <c r="J15258" s="10">
        <v>16.393752190000001</v>
      </c>
    </row>
    <row r="15259" spans="1:10" x14ac:dyDescent="0.35">
      <c r="A15259" t="s">
        <v>33</v>
      </c>
      <c r="B15259" t="s">
        <v>92</v>
      </c>
      <c r="C15259" t="s">
        <v>117</v>
      </c>
      <c r="D15259" t="s">
        <v>118</v>
      </c>
      <c r="E15259">
        <v>2019</v>
      </c>
      <c r="F15259">
        <v>2019</v>
      </c>
      <c r="G15259" t="s">
        <v>125</v>
      </c>
      <c r="H15259" t="s">
        <v>124</v>
      </c>
      <c r="I15259" t="s">
        <v>15</v>
      </c>
      <c r="J15259" s="10">
        <v>1.61051013</v>
      </c>
    </row>
    <row r="15260" spans="1:10" x14ac:dyDescent="0.35">
      <c r="A15260" t="s">
        <v>33</v>
      </c>
      <c r="B15260" t="s">
        <v>92</v>
      </c>
      <c r="C15260" t="s">
        <v>117</v>
      </c>
      <c r="D15260" t="s">
        <v>118</v>
      </c>
      <c r="E15260">
        <v>2019</v>
      </c>
      <c r="F15260">
        <v>2019</v>
      </c>
      <c r="G15260" t="s">
        <v>126</v>
      </c>
      <c r="H15260" t="s">
        <v>119</v>
      </c>
      <c r="I15260" t="s">
        <v>15</v>
      </c>
      <c r="J15260" s="10">
        <v>15.538207480000001</v>
      </c>
    </row>
    <row r="15261" spans="1:10" x14ac:dyDescent="0.35">
      <c r="A15261" t="s">
        <v>33</v>
      </c>
      <c r="B15261" t="s">
        <v>92</v>
      </c>
      <c r="C15261" t="s">
        <v>117</v>
      </c>
      <c r="D15261" t="s">
        <v>118</v>
      </c>
      <c r="E15261">
        <v>2019</v>
      </c>
      <c r="F15261">
        <v>2019</v>
      </c>
      <c r="G15261" t="s">
        <v>126</v>
      </c>
      <c r="H15261" t="s">
        <v>120</v>
      </c>
      <c r="I15261" t="s">
        <v>15</v>
      </c>
      <c r="J15261" s="10">
        <v>11.98518741</v>
      </c>
    </row>
    <row r="15262" spans="1:10" x14ac:dyDescent="0.35">
      <c r="A15262" t="s">
        <v>33</v>
      </c>
      <c r="B15262" t="s">
        <v>92</v>
      </c>
      <c r="C15262" t="s">
        <v>117</v>
      </c>
      <c r="D15262" t="s">
        <v>118</v>
      </c>
      <c r="E15262">
        <v>2019</v>
      </c>
      <c r="F15262">
        <v>2019</v>
      </c>
      <c r="G15262" t="s">
        <v>126</v>
      </c>
      <c r="H15262" t="s">
        <v>121</v>
      </c>
      <c r="I15262" t="s">
        <v>15</v>
      </c>
      <c r="J15262" s="10">
        <v>31.44923185</v>
      </c>
    </row>
    <row r="15263" spans="1:10" x14ac:dyDescent="0.35">
      <c r="A15263" t="s">
        <v>33</v>
      </c>
      <c r="B15263" t="s">
        <v>92</v>
      </c>
      <c r="C15263" t="s">
        <v>117</v>
      </c>
      <c r="D15263" t="s">
        <v>118</v>
      </c>
      <c r="E15263">
        <v>2019</v>
      </c>
      <c r="F15263">
        <v>2019</v>
      </c>
      <c r="G15263" t="s">
        <v>126</v>
      </c>
      <c r="H15263" t="s">
        <v>122</v>
      </c>
      <c r="I15263" t="s">
        <v>15</v>
      </c>
      <c r="J15263" s="10">
        <v>20.807686530000002</v>
      </c>
    </row>
    <row r="15264" spans="1:10" x14ac:dyDescent="0.35">
      <c r="A15264" t="s">
        <v>33</v>
      </c>
      <c r="B15264" t="s">
        <v>92</v>
      </c>
      <c r="C15264" t="s">
        <v>117</v>
      </c>
      <c r="D15264" t="s">
        <v>118</v>
      </c>
      <c r="E15264">
        <v>2019</v>
      </c>
      <c r="F15264">
        <v>2019</v>
      </c>
      <c r="G15264" t="s">
        <v>126</v>
      </c>
      <c r="H15264" t="s">
        <v>123</v>
      </c>
      <c r="I15264" t="s">
        <v>15</v>
      </c>
      <c r="J15264" s="10">
        <v>17.39478557</v>
      </c>
    </row>
    <row r="15265" spans="1:10" x14ac:dyDescent="0.35">
      <c r="A15265" t="s">
        <v>33</v>
      </c>
      <c r="B15265" t="s">
        <v>92</v>
      </c>
      <c r="C15265" t="s">
        <v>117</v>
      </c>
      <c r="D15265" t="s">
        <v>118</v>
      </c>
      <c r="E15265">
        <v>2019</v>
      </c>
      <c r="F15265">
        <v>2019</v>
      </c>
      <c r="G15265" t="s">
        <v>126</v>
      </c>
      <c r="H15265" t="s">
        <v>124</v>
      </c>
      <c r="I15265" t="s">
        <v>15</v>
      </c>
      <c r="J15265" s="10">
        <v>2.8249011660000001</v>
      </c>
    </row>
    <row r="15266" spans="1:10" x14ac:dyDescent="0.35">
      <c r="A15266" t="s">
        <v>33</v>
      </c>
      <c r="B15266" t="s">
        <v>92</v>
      </c>
      <c r="C15266" t="s">
        <v>117</v>
      </c>
      <c r="D15266" t="s">
        <v>118</v>
      </c>
      <c r="E15266">
        <v>2018</v>
      </c>
      <c r="F15266">
        <v>2018</v>
      </c>
      <c r="G15266" t="s">
        <v>14</v>
      </c>
      <c r="H15266" t="s">
        <v>119</v>
      </c>
      <c r="I15266" t="s">
        <v>15</v>
      </c>
      <c r="J15266" s="10">
        <v>16.495675439999999</v>
      </c>
    </row>
    <row r="15267" spans="1:10" x14ac:dyDescent="0.35">
      <c r="A15267" t="s">
        <v>33</v>
      </c>
      <c r="B15267" t="s">
        <v>92</v>
      </c>
      <c r="C15267" t="s">
        <v>117</v>
      </c>
      <c r="D15267" t="s">
        <v>118</v>
      </c>
      <c r="E15267">
        <v>2018</v>
      </c>
      <c r="F15267">
        <v>2018</v>
      </c>
      <c r="G15267" t="s">
        <v>14</v>
      </c>
      <c r="H15267" t="s">
        <v>120</v>
      </c>
      <c r="I15267" t="s">
        <v>15</v>
      </c>
      <c r="J15267" s="10">
        <v>12.577595390000001</v>
      </c>
    </row>
    <row r="15268" spans="1:10" x14ac:dyDescent="0.35">
      <c r="A15268" t="s">
        <v>33</v>
      </c>
      <c r="B15268" t="s">
        <v>92</v>
      </c>
      <c r="C15268" t="s">
        <v>117</v>
      </c>
      <c r="D15268" t="s">
        <v>118</v>
      </c>
      <c r="E15268">
        <v>2018</v>
      </c>
      <c r="F15268">
        <v>2018</v>
      </c>
      <c r="G15268" t="s">
        <v>14</v>
      </c>
      <c r="H15268" t="s">
        <v>121</v>
      </c>
      <c r="I15268" t="s">
        <v>15</v>
      </c>
      <c r="J15268" s="10">
        <v>31.165424269999999</v>
      </c>
    </row>
    <row r="15269" spans="1:10" x14ac:dyDescent="0.35">
      <c r="A15269" t="s">
        <v>33</v>
      </c>
      <c r="B15269" t="s">
        <v>92</v>
      </c>
      <c r="C15269" t="s">
        <v>117</v>
      </c>
      <c r="D15269" t="s">
        <v>118</v>
      </c>
      <c r="E15269">
        <v>2018</v>
      </c>
      <c r="F15269">
        <v>2018</v>
      </c>
      <c r="G15269" t="s">
        <v>14</v>
      </c>
      <c r="H15269" t="s">
        <v>122</v>
      </c>
      <c r="I15269" t="s">
        <v>15</v>
      </c>
      <c r="J15269" s="10">
        <v>20.855302460000001</v>
      </c>
    </row>
    <row r="15270" spans="1:10" x14ac:dyDescent="0.35">
      <c r="A15270" t="s">
        <v>33</v>
      </c>
      <c r="B15270" t="s">
        <v>92</v>
      </c>
      <c r="C15270" t="s">
        <v>117</v>
      </c>
      <c r="D15270" t="s">
        <v>118</v>
      </c>
      <c r="E15270">
        <v>2018</v>
      </c>
      <c r="F15270">
        <v>2018</v>
      </c>
      <c r="G15270" t="s">
        <v>14</v>
      </c>
      <c r="H15270" t="s">
        <v>123</v>
      </c>
      <c r="I15270" t="s">
        <v>15</v>
      </c>
      <c r="J15270" s="10">
        <v>16.73463027</v>
      </c>
    </row>
    <row r="15271" spans="1:10" x14ac:dyDescent="0.35">
      <c r="A15271" t="s">
        <v>33</v>
      </c>
      <c r="B15271" t="s">
        <v>92</v>
      </c>
      <c r="C15271" t="s">
        <v>117</v>
      </c>
      <c r="D15271" t="s">
        <v>118</v>
      </c>
      <c r="E15271">
        <v>2018</v>
      </c>
      <c r="F15271">
        <v>2018</v>
      </c>
      <c r="G15271" t="s">
        <v>14</v>
      </c>
      <c r="H15271" t="s">
        <v>124</v>
      </c>
      <c r="I15271" t="s">
        <v>15</v>
      </c>
      <c r="J15271" s="10">
        <v>2.1713721719999999</v>
      </c>
    </row>
    <row r="15272" spans="1:10" x14ac:dyDescent="0.35">
      <c r="A15272" t="s">
        <v>33</v>
      </c>
      <c r="B15272" t="s">
        <v>92</v>
      </c>
      <c r="C15272" t="s">
        <v>117</v>
      </c>
      <c r="D15272" t="s">
        <v>118</v>
      </c>
      <c r="E15272">
        <v>2018</v>
      </c>
      <c r="F15272">
        <v>2018</v>
      </c>
      <c r="G15272" t="s">
        <v>125</v>
      </c>
      <c r="H15272" t="s">
        <v>119</v>
      </c>
      <c r="I15272" t="s">
        <v>15</v>
      </c>
      <c r="J15272" s="10">
        <v>17.538793689999999</v>
      </c>
    </row>
    <row r="15273" spans="1:10" x14ac:dyDescent="0.35">
      <c r="A15273" t="s">
        <v>33</v>
      </c>
      <c r="B15273" t="s">
        <v>92</v>
      </c>
      <c r="C15273" t="s">
        <v>117</v>
      </c>
      <c r="D15273" t="s">
        <v>118</v>
      </c>
      <c r="E15273">
        <v>2018</v>
      </c>
      <c r="F15273">
        <v>2018</v>
      </c>
      <c r="G15273" t="s">
        <v>125</v>
      </c>
      <c r="H15273" t="s">
        <v>120</v>
      </c>
      <c r="I15273" t="s">
        <v>15</v>
      </c>
      <c r="J15273" s="10">
        <v>12.667656190000001</v>
      </c>
    </row>
    <row r="15274" spans="1:10" x14ac:dyDescent="0.35">
      <c r="A15274" t="s">
        <v>33</v>
      </c>
      <c r="B15274" t="s">
        <v>92</v>
      </c>
      <c r="C15274" t="s">
        <v>117</v>
      </c>
      <c r="D15274" t="s">
        <v>118</v>
      </c>
      <c r="E15274">
        <v>2018</v>
      </c>
      <c r="F15274">
        <v>2018</v>
      </c>
      <c r="G15274" t="s">
        <v>125</v>
      </c>
      <c r="H15274" t="s">
        <v>121</v>
      </c>
      <c r="I15274" t="s">
        <v>15</v>
      </c>
      <c r="J15274" s="10">
        <v>30.843340980000001</v>
      </c>
    </row>
    <row r="15275" spans="1:10" x14ac:dyDescent="0.35">
      <c r="A15275" t="s">
        <v>33</v>
      </c>
      <c r="B15275" t="s">
        <v>92</v>
      </c>
      <c r="C15275" t="s">
        <v>117</v>
      </c>
      <c r="D15275" t="s">
        <v>118</v>
      </c>
      <c r="E15275">
        <v>2018</v>
      </c>
      <c r="F15275">
        <v>2018</v>
      </c>
      <c r="G15275" t="s">
        <v>125</v>
      </c>
      <c r="H15275" t="s">
        <v>122</v>
      </c>
      <c r="I15275" t="s">
        <v>15</v>
      </c>
      <c r="J15275" s="10">
        <v>21.0956686</v>
      </c>
    </row>
    <row r="15276" spans="1:10" x14ac:dyDescent="0.35">
      <c r="A15276" t="s">
        <v>33</v>
      </c>
      <c r="B15276" t="s">
        <v>92</v>
      </c>
      <c r="C15276" t="s">
        <v>117</v>
      </c>
      <c r="D15276" t="s">
        <v>118</v>
      </c>
      <c r="E15276">
        <v>2018</v>
      </c>
      <c r="F15276">
        <v>2018</v>
      </c>
      <c r="G15276" t="s">
        <v>125</v>
      </c>
      <c r="H15276" t="s">
        <v>123</v>
      </c>
      <c r="I15276" t="s">
        <v>15</v>
      </c>
      <c r="J15276" s="10">
        <v>16.259614089999999</v>
      </c>
    </row>
    <row r="15277" spans="1:10" x14ac:dyDescent="0.35">
      <c r="A15277" t="s">
        <v>33</v>
      </c>
      <c r="B15277" t="s">
        <v>92</v>
      </c>
      <c r="C15277" t="s">
        <v>117</v>
      </c>
      <c r="D15277" t="s">
        <v>118</v>
      </c>
      <c r="E15277">
        <v>2018</v>
      </c>
      <c r="F15277">
        <v>2018</v>
      </c>
      <c r="G15277" t="s">
        <v>125</v>
      </c>
      <c r="H15277" t="s">
        <v>124</v>
      </c>
      <c r="I15277" t="s">
        <v>15</v>
      </c>
      <c r="J15277" s="10">
        <v>1.594926461</v>
      </c>
    </row>
    <row r="15278" spans="1:10" x14ac:dyDescent="0.35">
      <c r="A15278" t="s">
        <v>33</v>
      </c>
      <c r="B15278" t="s">
        <v>92</v>
      </c>
      <c r="C15278" t="s">
        <v>117</v>
      </c>
      <c r="D15278" t="s">
        <v>118</v>
      </c>
      <c r="E15278">
        <v>2018</v>
      </c>
      <c r="F15278">
        <v>2018</v>
      </c>
      <c r="G15278" t="s">
        <v>126</v>
      </c>
      <c r="H15278" t="s">
        <v>119</v>
      </c>
      <c r="I15278" t="s">
        <v>15</v>
      </c>
      <c r="J15278" s="10">
        <v>15.528074699999999</v>
      </c>
    </row>
    <row r="15279" spans="1:10" x14ac:dyDescent="0.35">
      <c r="A15279" t="s">
        <v>33</v>
      </c>
      <c r="B15279" t="s">
        <v>92</v>
      </c>
      <c r="C15279" t="s">
        <v>117</v>
      </c>
      <c r="D15279" t="s">
        <v>118</v>
      </c>
      <c r="E15279">
        <v>2018</v>
      </c>
      <c r="F15279">
        <v>2018</v>
      </c>
      <c r="G15279" t="s">
        <v>126</v>
      </c>
      <c r="H15279" t="s">
        <v>120</v>
      </c>
      <c r="I15279" t="s">
        <v>15</v>
      </c>
      <c r="J15279" s="10">
        <v>12.49405462</v>
      </c>
    </row>
    <row r="15280" spans="1:10" x14ac:dyDescent="0.35">
      <c r="A15280" t="s">
        <v>33</v>
      </c>
      <c r="B15280" t="s">
        <v>92</v>
      </c>
      <c r="C15280" t="s">
        <v>117</v>
      </c>
      <c r="D15280" t="s">
        <v>118</v>
      </c>
      <c r="E15280">
        <v>2018</v>
      </c>
      <c r="F15280">
        <v>2018</v>
      </c>
      <c r="G15280" t="s">
        <v>126</v>
      </c>
      <c r="H15280" t="s">
        <v>121</v>
      </c>
      <c r="I15280" t="s">
        <v>15</v>
      </c>
      <c r="J15280" s="10">
        <v>31.464190049999999</v>
      </c>
    </row>
    <row r="15281" spans="1:10" x14ac:dyDescent="0.35">
      <c r="A15281" t="s">
        <v>33</v>
      </c>
      <c r="B15281" t="s">
        <v>92</v>
      </c>
      <c r="C15281" t="s">
        <v>117</v>
      </c>
      <c r="D15281" t="s">
        <v>118</v>
      </c>
      <c r="E15281">
        <v>2018</v>
      </c>
      <c r="F15281">
        <v>2018</v>
      </c>
      <c r="G15281" t="s">
        <v>126</v>
      </c>
      <c r="H15281" t="s">
        <v>122</v>
      </c>
      <c r="I15281" t="s">
        <v>15</v>
      </c>
      <c r="J15281" s="10">
        <v>20.632337849999999</v>
      </c>
    </row>
    <row r="15282" spans="1:10" x14ac:dyDescent="0.35">
      <c r="A15282" t="s">
        <v>33</v>
      </c>
      <c r="B15282" t="s">
        <v>92</v>
      </c>
      <c r="C15282" t="s">
        <v>117</v>
      </c>
      <c r="D15282" t="s">
        <v>118</v>
      </c>
      <c r="E15282">
        <v>2018</v>
      </c>
      <c r="F15282">
        <v>2018</v>
      </c>
      <c r="G15282" t="s">
        <v>126</v>
      </c>
      <c r="H15282" t="s">
        <v>123</v>
      </c>
      <c r="I15282" t="s">
        <v>15</v>
      </c>
      <c r="J15282" s="10">
        <v>17.175257219999999</v>
      </c>
    </row>
    <row r="15283" spans="1:10" x14ac:dyDescent="0.35">
      <c r="A15283" t="s">
        <v>33</v>
      </c>
      <c r="B15283" t="s">
        <v>92</v>
      </c>
      <c r="C15283" t="s">
        <v>117</v>
      </c>
      <c r="D15283" t="s">
        <v>118</v>
      </c>
      <c r="E15283">
        <v>2018</v>
      </c>
      <c r="F15283">
        <v>2018</v>
      </c>
      <c r="G15283" t="s">
        <v>126</v>
      </c>
      <c r="H15283" t="s">
        <v>124</v>
      </c>
      <c r="I15283" t="s">
        <v>15</v>
      </c>
      <c r="J15283" s="10">
        <v>2.7060855629999998</v>
      </c>
    </row>
    <row r="15284" spans="1:10" x14ac:dyDescent="0.35">
      <c r="A15284" t="s">
        <v>33</v>
      </c>
      <c r="B15284" t="s">
        <v>92</v>
      </c>
      <c r="C15284" t="s">
        <v>117</v>
      </c>
      <c r="D15284" t="s">
        <v>118</v>
      </c>
      <c r="E15284">
        <v>2017</v>
      </c>
      <c r="F15284">
        <v>2017</v>
      </c>
      <c r="G15284" t="s">
        <v>14</v>
      </c>
      <c r="H15284" t="s">
        <v>119</v>
      </c>
      <c r="I15284" t="s">
        <v>15</v>
      </c>
      <c r="J15284" s="10">
        <v>16.382948150000001</v>
      </c>
    </row>
    <row r="15285" spans="1:10" x14ac:dyDescent="0.35">
      <c r="A15285" t="s">
        <v>33</v>
      </c>
      <c r="B15285" t="s">
        <v>92</v>
      </c>
      <c r="C15285" t="s">
        <v>117</v>
      </c>
      <c r="D15285" t="s">
        <v>118</v>
      </c>
      <c r="E15285">
        <v>2017</v>
      </c>
      <c r="F15285">
        <v>2017</v>
      </c>
      <c r="G15285" t="s">
        <v>14</v>
      </c>
      <c r="H15285" t="s">
        <v>120</v>
      </c>
      <c r="I15285" t="s">
        <v>15</v>
      </c>
      <c r="J15285" s="10">
        <v>12.82939002</v>
      </c>
    </row>
    <row r="15286" spans="1:10" x14ac:dyDescent="0.35">
      <c r="A15286" t="s">
        <v>33</v>
      </c>
      <c r="B15286" t="s">
        <v>92</v>
      </c>
      <c r="C15286" t="s">
        <v>117</v>
      </c>
      <c r="D15286" t="s">
        <v>118</v>
      </c>
      <c r="E15286">
        <v>2017</v>
      </c>
      <c r="F15286">
        <v>2017</v>
      </c>
      <c r="G15286" t="s">
        <v>14</v>
      </c>
      <c r="H15286" t="s">
        <v>121</v>
      </c>
      <c r="I15286" t="s">
        <v>15</v>
      </c>
      <c r="J15286" s="10">
        <v>31.322263299999999</v>
      </c>
    </row>
    <row r="15287" spans="1:10" x14ac:dyDescent="0.35">
      <c r="A15287" t="s">
        <v>33</v>
      </c>
      <c r="B15287" t="s">
        <v>92</v>
      </c>
      <c r="C15287" t="s">
        <v>117</v>
      </c>
      <c r="D15287" t="s">
        <v>118</v>
      </c>
      <c r="E15287">
        <v>2017</v>
      </c>
      <c r="F15287">
        <v>2017</v>
      </c>
      <c r="G15287" t="s">
        <v>14</v>
      </c>
      <c r="H15287" t="s">
        <v>122</v>
      </c>
      <c r="I15287" t="s">
        <v>15</v>
      </c>
      <c r="J15287" s="10">
        <v>20.694250289999999</v>
      </c>
    </row>
    <row r="15288" spans="1:10" x14ac:dyDescent="0.35">
      <c r="A15288" t="s">
        <v>33</v>
      </c>
      <c r="B15288" t="s">
        <v>92</v>
      </c>
      <c r="C15288" t="s">
        <v>117</v>
      </c>
      <c r="D15288" t="s">
        <v>118</v>
      </c>
      <c r="E15288">
        <v>2017</v>
      </c>
      <c r="F15288">
        <v>2017</v>
      </c>
      <c r="G15288" t="s">
        <v>14</v>
      </c>
      <c r="H15288" t="s">
        <v>123</v>
      </c>
      <c r="I15288" t="s">
        <v>15</v>
      </c>
      <c r="J15288" s="10">
        <v>16.559319599999998</v>
      </c>
    </row>
    <row r="15289" spans="1:10" x14ac:dyDescent="0.35">
      <c r="A15289" t="s">
        <v>33</v>
      </c>
      <c r="B15289" t="s">
        <v>92</v>
      </c>
      <c r="C15289" t="s">
        <v>117</v>
      </c>
      <c r="D15289" t="s">
        <v>118</v>
      </c>
      <c r="E15289">
        <v>2017</v>
      </c>
      <c r="F15289">
        <v>2017</v>
      </c>
      <c r="G15289" t="s">
        <v>14</v>
      </c>
      <c r="H15289" t="s">
        <v>124</v>
      </c>
      <c r="I15289" t="s">
        <v>15</v>
      </c>
      <c r="J15289" s="10">
        <v>2.2118286450000002</v>
      </c>
    </row>
    <row r="15290" spans="1:10" x14ac:dyDescent="0.35">
      <c r="A15290" t="s">
        <v>33</v>
      </c>
      <c r="B15290" t="s">
        <v>92</v>
      </c>
      <c r="C15290" t="s">
        <v>117</v>
      </c>
      <c r="D15290" t="s">
        <v>118</v>
      </c>
      <c r="E15290">
        <v>2017</v>
      </c>
      <c r="F15290">
        <v>2017</v>
      </c>
      <c r="G15290" t="s">
        <v>125</v>
      </c>
      <c r="H15290" t="s">
        <v>119</v>
      </c>
      <c r="I15290" t="s">
        <v>15</v>
      </c>
      <c r="J15290" s="10">
        <v>17.468471409999999</v>
      </c>
    </row>
    <row r="15291" spans="1:10" x14ac:dyDescent="0.35">
      <c r="A15291" t="s">
        <v>33</v>
      </c>
      <c r="B15291" t="s">
        <v>92</v>
      </c>
      <c r="C15291" t="s">
        <v>117</v>
      </c>
      <c r="D15291" t="s">
        <v>118</v>
      </c>
      <c r="E15291">
        <v>2017</v>
      </c>
      <c r="F15291">
        <v>2017</v>
      </c>
      <c r="G15291" t="s">
        <v>125</v>
      </c>
      <c r="H15291" t="s">
        <v>120</v>
      </c>
      <c r="I15291" t="s">
        <v>15</v>
      </c>
      <c r="J15291" s="10">
        <v>12.853337679999999</v>
      </c>
    </row>
    <row r="15292" spans="1:10" x14ac:dyDescent="0.35">
      <c r="A15292" t="s">
        <v>33</v>
      </c>
      <c r="B15292" t="s">
        <v>92</v>
      </c>
      <c r="C15292" t="s">
        <v>117</v>
      </c>
      <c r="D15292" t="s">
        <v>118</v>
      </c>
      <c r="E15292">
        <v>2017</v>
      </c>
      <c r="F15292">
        <v>2017</v>
      </c>
      <c r="G15292" t="s">
        <v>125</v>
      </c>
      <c r="H15292" t="s">
        <v>121</v>
      </c>
      <c r="I15292" t="s">
        <v>15</v>
      </c>
      <c r="J15292" s="10">
        <v>31.00945858</v>
      </c>
    </row>
    <row r="15293" spans="1:10" x14ac:dyDescent="0.35">
      <c r="A15293" t="s">
        <v>33</v>
      </c>
      <c r="B15293" t="s">
        <v>92</v>
      </c>
      <c r="C15293" t="s">
        <v>117</v>
      </c>
      <c r="D15293" t="s">
        <v>118</v>
      </c>
      <c r="E15293">
        <v>2017</v>
      </c>
      <c r="F15293">
        <v>2017</v>
      </c>
      <c r="G15293" t="s">
        <v>125</v>
      </c>
      <c r="H15293" t="s">
        <v>122</v>
      </c>
      <c r="I15293" t="s">
        <v>15</v>
      </c>
      <c r="J15293" s="10">
        <v>21.01000217</v>
      </c>
    </row>
    <row r="15294" spans="1:10" x14ac:dyDescent="0.35">
      <c r="A15294" t="s">
        <v>33</v>
      </c>
      <c r="B15294" t="s">
        <v>92</v>
      </c>
      <c r="C15294" t="s">
        <v>117</v>
      </c>
      <c r="D15294" t="s">
        <v>118</v>
      </c>
      <c r="E15294">
        <v>2017</v>
      </c>
      <c r="F15294">
        <v>2017</v>
      </c>
      <c r="G15294" t="s">
        <v>125</v>
      </c>
      <c r="H15294" t="s">
        <v>123</v>
      </c>
      <c r="I15294" t="s">
        <v>15</v>
      </c>
      <c r="J15294" s="10">
        <v>16.057838660000002</v>
      </c>
    </row>
    <row r="15295" spans="1:10" x14ac:dyDescent="0.35">
      <c r="A15295" t="s">
        <v>33</v>
      </c>
      <c r="B15295" t="s">
        <v>92</v>
      </c>
      <c r="C15295" t="s">
        <v>117</v>
      </c>
      <c r="D15295" t="s">
        <v>118</v>
      </c>
      <c r="E15295">
        <v>2017</v>
      </c>
      <c r="F15295">
        <v>2017</v>
      </c>
      <c r="G15295" t="s">
        <v>125</v>
      </c>
      <c r="H15295" t="s">
        <v>124</v>
      </c>
      <c r="I15295" t="s">
        <v>15</v>
      </c>
      <c r="J15295" s="10">
        <v>1.600891498</v>
      </c>
    </row>
    <row r="15296" spans="1:10" x14ac:dyDescent="0.35">
      <c r="A15296" t="s">
        <v>33</v>
      </c>
      <c r="B15296" t="s">
        <v>92</v>
      </c>
      <c r="C15296" t="s">
        <v>117</v>
      </c>
      <c r="D15296" t="s">
        <v>118</v>
      </c>
      <c r="E15296">
        <v>2017</v>
      </c>
      <c r="F15296">
        <v>2017</v>
      </c>
      <c r="G15296" t="s">
        <v>126</v>
      </c>
      <c r="H15296" t="s">
        <v>119</v>
      </c>
      <c r="I15296" t="s">
        <v>15</v>
      </c>
      <c r="J15296" s="10">
        <v>15.37822948</v>
      </c>
    </row>
    <row r="15297" spans="1:10" x14ac:dyDescent="0.35">
      <c r="A15297" t="s">
        <v>33</v>
      </c>
      <c r="B15297" t="s">
        <v>92</v>
      </c>
      <c r="C15297" t="s">
        <v>117</v>
      </c>
      <c r="D15297" t="s">
        <v>118</v>
      </c>
      <c r="E15297">
        <v>2017</v>
      </c>
      <c r="F15297">
        <v>2017</v>
      </c>
      <c r="G15297" t="s">
        <v>126</v>
      </c>
      <c r="H15297" t="s">
        <v>120</v>
      </c>
      <c r="I15297" t="s">
        <v>15</v>
      </c>
      <c r="J15297" s="10">
        <v>12.807224980000001</v>
      </c>
    </row>
    <row r="15298" spans="1:10" x14ac:dyDescent="0.35">
      <c r="A15298" t="s">
        <v>33</v>
      </c>
      <c r="B15298" t="s">
        <v>92</v>
      </c>
      <c r="C15298" t="s">
        <v>117</v>
      </c>
      <c r="D15298" t="s">
        <v>118</v>
      </c>
      <c r="E15298">
        <v>2017</v>
      </c>
      <c r="F15298">
        <v>2017</v>
      </c>
      <c r="G15298" t="s">
        <v>126</v>
      </c>
      <c r="H15298" t="s">
        <v>121</v>
      </c>
      <c r="I15298" t="s">
        <v>15</v>
      </c>
      <c r="J15298" s="10">
        <v>31.61178335</v>
      </c>
    </row>
    <row r="15299" spans="1:10" x14ac:dyDescent="0.35">
      <c r="A15299" t="s">
        <v>33</v>
      </c>
      <c r="B15299" t="s">
        <v>92</v>
      </c>
      <c r="C15299" t="s">
        <v>117</v>
      </c>
      <c r="D15299" t="s">
        <v>118</v>
      </c>
      <c r="E15299">
        <v>2017</v>
      </c>
      <c r="F15299">
        <v>2017</v>
      </c>
      <c r="G15299" t="s">
        <v>126</v>
      </c>
      <c r="H15299" t="s">
        <v>122</v>
      </c>
      <c r="I15299" t="s">
        <v>15</v>
      </c>
      <c r="J15299" s="10">
        <v>20.402002469999999</v>
      </c>
    </row>
    <row r="15300" spans="1:10" x14ac:dyDescent="0.35">
      <c r="A15300" t="s">
        <v>33</v>
      </c>
      <c r="B15300" t="s">
        <v>92</v>
      </c>
      <c r="C15300" t="s">
        <v>117</v>
      </c>
      <c r="D15300" t="s">
        <v>118</v>
      </c>
      <c r="E15300">
        <v>2017</v>
      </c>
      <c r="F15300">
        <v>2017</v>
      </c>
      <c r="G15300" t="s">
        <v>126</v>
      </c>
      <c r="H15300" t="s">
        <v>123</v>
      </c>
      <c r="I15300" t="s">
        <v>15</v>
      </c>
      <c r="J15300" s="10">
        <v>17.023471109999999</v>
      </c>
    </row>
    <row r="15301" spans="1:10" x14ac:dyDescent="0.35">
      <c r="A15301" t="s">
        <v>33</v>
      </c>
      <c r="B15301" t="s">
        <v>92</v>
      </c>
      <c r="C15301" t="s">
        <v>117</v>
      </c>
      <c r="D15301" t="s">
        <v>118</v>
      </c>
      <c r="E15301">
        <v>2017</v>
      </c>
      <c r="F15301">
        <v>2017</v>
      </c>
      <c r="G15301" t="s">
        <v>126</v>
      </c>
      <c r="H15301" t="s">
        <v>124</v>
      </c>
      <c r="I15301" t="s">
        <v>15</v>
      </c>
      <c r="J15301" s="10">
        <v>2.7772886219999999</v>
      </c>
    </row>
    <row r="15302" spans="1:10" x14ac:dyDescent="0.35">
      <c r="A15302" t="s">
        <v>33</v>
      </c>
      <c r="B15302" t="s">
        <v>92</v>
      </c>
      <c r="C15302" t="s">
        <v>117</v>
      </c>
      <c r="D15302" t="s">
        <v>118</v>
      </c>
      <c r="E15302">
        <v>2016</v>
      </c>
      <c r="F15302">
        <v>2016</v>
      </c>
      <c r="G15302" t="s">
        <v>14</v>
      </c>
      <c r="H15302" t="s">
        <v>119</v>
      </c>
      <c r="I15302" t="s">
        <v>15</v>
      </c>
      <c r="J15302" s="10">
        <v>16.514423709999999</v>
      </c>
    </row>
    <row r="15303" spans="1:10" x14ac:dyDescent="0.35">
      <c r="A15303" t="s">
        <v>33</v>
      </c>
      <c r="B15303" t="s">
        <v>92</v>
      </c>
      <c r="C15303" t="s">
        <v>117</v>
      </c>
      <c r="D15303" t="s">
        <v>118</v>
      </c>
      <c r="E15303">
        <v>2016</v>
      </c>
      <c r="F15303">
        <v>2016</v>
      </c>
      <c r="G15303" t="s">
        <v>14</v>
      </c>
      <c r="H15303" t="s">
        <v>120</v>
      </c>
      <c r="I15303" t="s">
        <v>15</v>
      </c>
      <c r="J15303" s="10">
        <v>13.10076909</v>
      </c>
    </row>
    <row r="15304" spans="1:10" x14ac:dyDescent="0.35">
      <c r="A15304" t="s">
        <v>33</v>
      </c>
      <c r="B15304" t="s">
        <v>92</v>
      </c>
      <c r="C15304" t="s">
        <v>117</v>
      </c>
      <c r="D15304" t="s">
        <v>118</v>
      </c>
      <c r="E15304">
        <v>2016</v>
      </c>
      <c r="F15304">
        <v>2016</v>
      </c>
      <c r="G15304" t="s">
        <v>14</v>
      </c>
      <c r="H15304" t="s">
        <v>121</v>
      </c>
      <c r="I15304" t="s">
        <v>15</v>
      </c>
      <c r="J15304" s="10">
        <v>31.371236580000001</v>
      </c>
    </row>
    <row r="15305" spans="1:10" x14ac:dyDescent="0.35">
      <c r="A15305" t="s">
        <v>33</v>
      </c>
      <c r="B15305" t="s">
        <v>92</v>
      </c>
      <c r="C15305" t="s">
        <v>117</v>
      </c>
      <c r="D15305" t="s">
        <v>118</v>
      </c>
      <c r="E15305">
        <v>2016</v>
      </c>
      <c r="F15305">
        <v>2016</v>
      </c>
      <c r="G15305" t="s">
        <v>14</v>
      </c>
      <c r="H15305" t="s">
        <v>122</v>
      </c>
      <c r="I15305" t="s">
        <v>15</v>
      </c>
      <c r="J15305" s="10">
        <v>20.514738690000001</v>
      </c>
    </row>
    <row r="15306" spans="1:10" x14ac:dyDescent="0.35">
      <c r="A15306" t="s">
        <v>33</v>
      </c>
      <c r="B15306" t="s">
        <v>92</v>
      </c>
      <c r="C15306" t="s">
        <v>117</v>
      </c>
      <c r="D15306" t="s">
        <v>118</v>
      </c>
      <c r="E15306">
        <v>2016</v>
      </c>
      <c r="F15306">
        <v>2016</v>
      </c>
      <c r="G15306" t="s">
        <v>14</v>
      </c>
      <c r="H15306" t="s">
        <v>123</v>
      </c>
      <c r="I15306" t="s">
        <v>15</v>
      </c>
      <c r="J15306" s="10">
        <v>16.400241489999999</v>
      </c>
    </row>
    <row r="15307" spans="1:10" x14ac:dyDescent="0.35">
      <c r="A15307" t="s">
        <v>33</v>
      </c>
      <c r="B15307" t="s">
        <v>92</v>
      </c>
      <c r="C15307" t="s">
        <v>117</v>
      </c>
      <c r="D15307" t="s">
        <v>118</v>
      </c>
      <c r="E15307">
        <v>2016</v>
      </c>
      <c r="F15307">
        <v>2016</v>
      </c>
      <c r="G15307" t="s">
        <v>14</v>
      </c>
      <c r="H15307" t="s">
        <v>124</v>
      </c>
      <c r="I15307" t="s">
        <v>15</v>
      </c>
      <c r="J15307" s="10">
        <v>2.0985904400000002</v>
      </c>
    </row>
    <row r="15308" spans="1:10" x14ac:dyDescent="0.35">
      <c r="A15308" t="s">
        <v>33</v>
      </c>
      <c r="B15308" t="s">
        <v>92</v>
      </c>
      <c r="C15308" t="s">
        <v>117</v>
      </c>
      <c r="D15308" t="s">
        <v>118</v>
      </c>
      <c r="E15308">
        <v>2016</v>
      </c>
      <c r="F15308">
        <v>2016</v>
      </c>
      <c r="G15308" t="s">
        <v>125</v>
      </c>
      <c r="H15308" t="s">
        <v>119</v>
      </c>
      <c r="I15308" t="s">
        <v>15</v>
      </c>
      <c r="J15308" s="10">
        <v>17.540074820000001</v>
      </c>
    </row>
    <row r="15309" spans="1:10" x14ac:dyDescent="0.35">
      <c r="A15309" t="s">
        <v>33</v>
      </c>
      <c r="B15309" t="s">
        <v>92</v>
      </c>
      <c r="C15309" t="s">
        <v>117</v>
      </c>
      <c r="D15309" t="s">
        <v>118</v>
      </c>
      <c r="E15309">
        <v>2016</v>
      </c>
      <c r="F15309">
        <v>2016</v>
      </c>
      <c r="G15309" t="s">
        <v>125</v>
      </c>
      <c r="H15309" t="s">
        <v>120</v>
      </c>
      <c r="I15309" t="s">
        <v>15</v>
      </c>
      <c r="J15309" s="10">
        <v>13.31003031</v>
      </c>
    </row>
    <row r="15310" spans="1:10" x14ac:dyDescent="0.35">
      <c r="A15310" t="s">
        <v>33</v>
      </c>
      <c r="B15310" t="s">
        <v>92</v>
      </c>
      <c r="C15310" t="s">
        <v>117</v>
      </c>
      <c r="D15310" t="s">
        <v>118</v>
      </c>
      <c r="E15310">
        <v>2016</v>
      </c>
      <c r="F15310">
        <v>2016</v>
      </c>
      <c r="G15310" t="s">
        <v>125</v>
      </c>
      <c r="H15310" t="s">
        <v>121</v>
      </c>
      <c r="I15310" t="s">
        <v>15</v>
      </c>
      <c r="J15310" s="10">
        <v>30.940222290000001</v>
      </c>
    </row>
    <row r="15311" spans="1:10" x14ac:dyDescent="0.35">
      <c r="A15311" t="s">
        <v>33</v>
      </c>
      <c r="B15311" t="s">
        <v>92</v>
      </c>
      <c r="C15311" t="s">
        <v>117</v>
      </c>
      <c r="D15311" t="s">
        <v>118</v>
      </c>
      <c r="E15311">
        <v>2016</v>
      </c>
      <c r="F15311">
        <v>2016</v>
      </c>
      <c r="G15311" t="s">
        <v>125</v>
      </c>
      <c r="H15311" t="s">
        <v>122</v>
      </c>
      <c r="I15311" t="s">
        <v>15</v>
      </c>
      <c r="J15311" s="10">
        <v>20.904448510000002</v>
      </c>
    </row>
    <row r="15312" spans="1:10" x14ac:dyDescent="0.35">
      <c r="A15312" t="s">
        <v>33</v>
      </c>
      <c r="B15312" t="s">
        <v>92</v>
      </c>
      <c r="C15312" t="s">
        <v>117</v>
      </c>
      <c r="D15312" t="s">
        <v>118</v>
      </c>
      <c r="E15312">
        <v>2016</v>
      </c>
      <c r="F15312">
        <v>2016</v>
      </c>
      <c r="G15312" t="s">
        <v>125</v>
      </c>
      <c r="H15312" t="s">
        <v>123</v>
      </c>
      <c r="I15312" t="s">
        <v>15</v>
      </c>
      <c r="J15312" s="10">
        <v>15.80600235</v>
      </c>
    </row>
    <row r="15313" spans="1:10" x14ac:dyDescent="0.35">
      <c r="A15313" t="s">
        <v>33</v>
      </c>
      <c r="B15313" t="s">
        <v>92</v>
      </c>
      <c r="C15313" t="s">
        <v>117</v>
      </c>
      <c r="D15313" t="s">
        <v>118</v>
      </c>
      <c r="E15313">
        <v>2016</v>
      </c>
      <c r="F15313">
        <v>2016</v>
      </c>
      <c r="G15313" t="s">
        <v>125</v>
      </c>
      <c r="H15313" t="s">
        <v>124</v>
      </c>
      <c r="I15313" t="s">
        <v>15</v>
      </c>
      <c r="J15313" s="10">
        <v>1.4992217160000001</v>
      </c>
    </row>
    <row r="15314" spans="1:10" x14ac:dyDescent="0.35">
      <c r="A15314" t="s">
        <v>33</v>
      </c>
      <c r="B15314" t="s">
        <v>92</v>
      </c>
      <c r="C15314" t="s">
        <v>117</v>
      </c>
      <c r="D15314" t="s">
        <v>118</v>
      </c>
      <c r="E15314">
        <v>2016</v>
      </c>
      <c r="F15314">
        <v>2016</v>
      </c>
      <c r="G15314" t="s">
        <v>126</v>
      </c>
      <c r="H15314" t="s">
        <v>119</v>
      </c>
      <c r="I15314" t="s">
        <v>15</v>
      </c>
      <c r="J15314" s="10">
        <v>15.565382189999999</v>
      </c>
    </row>
    <row r="15315" spans="1:10" x14ac:dyDescent="0.35">
      <c r="A15315" t="s">
        <v>33</v>
      </c>
      <c r="B15315" t="s">
        <v>92</v>
      </c>
      <c r="C15315" t="s">
        <v>117</v>
      </c>
      <c r="D15315" t="s">
        <v>118</v>
      </c>
      <c r="E15315">
        <v>2016</v>
      </c>
      <c r="F15315">
        <v>2016</v>
      </c>
      <c r="G15315" t="s">
        <v>126</v>
      </c>
      <c r="H15315" t="s">
        <v>120</v>
      </c>
      <c r="I15315" t="s">
        <v>15</v>
      </c>
      <c r="J15315" s="10">
        <v>12.907138339999999</v>
      </c>
    </row>
    <row r="15316" spans="1:10" x14ac:dyDescent="0.35">
      <c r="A15316" t="s">
        <v>33</v>
      </c>
      <c r="B15316" t="s">
        <v>92</v>
      </c>
      <c r="C15316" t="s">
        <v>117</v>
      </c>
      <c r="D15316" t="s">
        <v>118</v>
      </c>
      <c r="E15316">
        <v>2016</v>
      </c>
      <c r="F15316">
        <v>2016</v>
      </c>
      <c r="G15316" t="s">
        <v>126</v>
      </c>
      <c r="H15316" t="s">
        <v>121</v>
      </c>
      <c r="I15316" t="s">
        <v>15</v>
      </c>
      <c r="J15316" s="10">
        <v>31.77005685</v>
      </c>
    </row>
    <row r="15317" spans="1:10" x14ac:dyDescent="0.35">
      <c r="A15317" t="s">
        <v>33</v>
      </c>
      <c r="B15317" t="s">
        <v>92</v>
      </c>
      <c r="C15317" t="s">
        <v>117</v>
      </c>
      <c r="D15317" t="s">
        <v>118</v>
      </c>
      <c r="E15317">
        <v>2016</v>
      </c>
      <c r="F15317">
        <v>2016</v>
      </c>
      <c r="G15317" t="s">
        <v>126</v>
      </c>
      <c r="H15317" t="s">
        <v>122</v>
      </c>
      <c r="I15317" t="s">
        <v>15</v>
      </c>
      <c r="J15317" s="10">
        <v>20.154137710000001</v>
      </c>
    </row>
    <row r="15318" spans="1:10" x14ac:dyDescent="0.35">
      <c r="A15318" t="s">
        <v>33</v>
      </c>
      <c r="B15318" t="s">
        <v>92</v>
      </c>
      <c r="C15318" t="s">
        <v>117</v>
      </c>
      <c r="D15318" t="s">
        <v>118</v>
      </c>
      <c r="E15318">
        <v>2016</v>
      </c>
      <c r="F15318">
        <v>2016</v>
      </c>
      <c r="G15318" t="s">
        <v>126</v>
      </c>
      <c r="H15318" t="s">
        <v>123</v>
      </c>
      <c r="I15318" t="s">
        <v>15</v>
      </c>
      <c r="J15318" s="10">
        <v>16.950094759999999</v>
      </c>
    </row>
    <row r="15319" spans="1:10" x14ac:dyDescent="0.35">
      <c r="A15319" t="s">
        <v>33</v>
      </c>
      <c r="B15319" t="s">
        <v>92</v>
      </c>
      <c r="C15319" t="s">
        <v>117</v>
      </c>
      <c r="D15319" t="s">
        <v>118</v>
      </c>
      <c r="E15319">
        <v>2016</v>
      </c>
      <c r="F15319">
        <v>2016</v>
      </c>
      <c r="G15319" t="s">
        <v>126</v>
      </c>
      <c r="H15319" t="s">
        <v>124</v>
      </c>
      <c r="I15319" t="s">
        <v>15</v>
      </c>
      <c r="J15319" s="10">
        <v>2.6531901449999999</v>
      </c>
    </row>
    <row r="15320" spans="1:10" x14ac:dyDescent="0.35">
      <c r="A15320" t="s">
        <v>33</v>
      </c>
      <c r="B15320" t="s">
        <v>92</v>
      </c>
      <c r="C15320" t="s">
        <v>117</v>
      </c>
      <c r="D15320" t="s">
        <v>118</v>
      </c>
      <c r="E15320">
        <v>2015</v>
      </c>
      <c r="F15320">
        <v>2015</v>
      </c>
      <c r="G15320" t="s">
        <v>14</v>
      </c>
      <c r="H15320" t="s">
        <v>119</v>
      </c>
      <c r="I15320" t="s">
        <v>15</v>
      </c>
      <c r="J15320" s="10">
        <v>16.64616646</v>
      </c>
    </row>
    <row r="15321" spans="1:10" x14ac:dyDescent="0.35">
      <c r="A15321" t="s">
        <v>33</v>
      </c>
      <c r="B15321" t="s">
        <v>92</v>
      </c>
      <c r="C15321" t="s">
        <v>117</v>
      </c>
      <c r="D15321" t="s">
        <v>118</v>
      </c>
      <c r="E15321">
        <v>2015</v>
      </c>
      <c r="F15321">
        <v>2015</v>
      </c>
      <c r="G15321" t="s">
        <v>14</v>
      </c>
      <c r="H15321" t="s">
        <v>120</v>
      </c>
      <c r="I15321" t="s">
        <v>15</v>
      </c>
      <c r="J15321" s="10">
        <v>13.100292290000001</v>
      </c>
    </row>
    <row r="15322" spans="1:10" x14ac:dyDescent="0.35">
      <c r="A15322" t="s">
        <v>33</v>
      </c>
      <c r="B15322" t="s">
        <v>92</v>
      </c>
      <c r="C15322" t="s">
        <v>117</v>
      </c>
      <c r="D15322" t="s">
        <v>118</v>
      </c>
      <c r="E15322">
        <v>2015</v>
      </c>
      <c r="F15322">
        <v>2015</v>
      </c>
      <c r="G15322" t="s">
        <v>14</v>
      </c>
      <c r="H15322" t="s">
        <v>121</v>
      </c>
      <c r="I15322" t="s">
        <v>15</v>
      </c>
      <c r="J15322" s="10">
        <v>31.555767169999999</v>
      </c>
    </row>
    <row r="15323" spans="1:10" x14ac:dyDescent="0.35">
      <c r="A15323" t="s">
        <v>33</v>
      </c>
      <c r="B15323" t="s">
        <v>92</v>
      </c>
      <c r="C15323" t="s">
        <v>117</v>
      </c>
      <c r="D15323" t="s">
        <v>118</v>
      </c>
      <c r="E15323">
        <v>2015</v>
      </c>
      <c r="F15323">
        <v>2015</v>
      </c>
      <c r="G15323" t="s">
        <v>14</v>
      </c>
      <c r="H15323" t="s">
        <v>122</v>
      </c>
      <c r="I15323" t="s">
        <v>15</v>
      </c>
      <c r="J15323" s="10">
        <v>20.285944789999999</v>
      </c>
    </row>
    <row r="15324" spans="1:10" x14ac:dyDescent="0.35">
      <c r="A15324" t="s">
        <v>33</v>
      </c>
      <c r="B15324" t="s">
        <v>92</v>
      </c>
      <c r="C15324" t="s">
        <v>117</v>
      </c>
      <c r="D15324" t="s">
        <v>118</v>
      </c>
      <c r="E15324">
        <v>2015</v>
      </c>
      <c r="F15324">
        <v>2015</v>
      </c>
      <c r="G15324" t="s">
        <v>14</v>
      </c>
      <c r="H15324" t="s">
        <v>123</v>
      </c>
      <c r="I15324" t="s">
        <v>15</v>
      </c>
      <c r="J15324" s="10">
        <v>16.33800209</v>
      </c>
    </row>
    <row r="15325" spans="1:10" x14ac:dyDescent="0.35">
      <c r="A15325" t="s">
        <v>33</v>
      </c>
      <c r="B15325" t="s">
        <v>92</v>
      </c>
      <c r="C15325" t="s">
        <v>117</v>
      </c>
      <c r="D15325" t="s">
        <v>118</v>
      </c>
      <c r="E15325">
        <v>2015</v>
      </c>
      <c r="F15325">
        <v>2015</v>
      </c>
      <c r="G15325" t="s">
        <v>14</v>
      </c>
      <c r="H15325" t="s">
        <v>124</v>
      </c>
      <c r="I15325" t="s">
        <v>15</v>
      </c>
      <c r="J15325" s="10">
        <v>2.0738271899999998</v>
      </c>
    </row>
    <row r="15326" spans="1:10" x14ac:dyDescent="0.35">
      <c r="A15326" t="s">
        <v>33</v>
      </c>
      <c r="B15326" t="s">
        <v>92</v>
      </c>
      <c r="C15326" t="s">
        <v>117</v>
      </c>
      <c r="D15326" t="s">
        <v>118</v>
      </c>
      <c r="E15326">
        <v>2015</v>
      </c>
      <c r="F15326">
        <v>2015</v>
      </c>
      <c r="G15326" t="s">
        <v>125</v>
      </c>
      <c r="H15326" t="s">
        <v>119</v>
      </c>
      <c r="I15326" t="s">
        <v>15</v>
      </c>
      <c r="J15326" s="10">
        <v>17.623086239999999</v>
      </c>
    </row>
    <row r="15327" spans="1:10" x14ac:dyDescent="0.35">
      <c r="A15327" t="s">
        <v>33</v>
      </c>
      <c r="B15327" t="s">
        <v>92</v>
      </c>
      <c r="C15327" t="s">
        <v>117</v>
      </c>
      <c r="D15327" t="s">
        <v>118</v>
      </c>
      <c r="E15327">
        <v>2015</v>
      </c>
      <c r="F15327">
        <v>2015</v>
      </c>
      <c r="G15327" t="s">
        <v>125</v>
      </c>
      <c r="H15327" t="s">
        <v>120</v>
      </c>
      <c r="I15327" t="s">
        <v>15</v>
      </c>
      <c r="J15327" s="10">
        <v>13.33021258</v>
      </c>
    </row>
    <row r="15328" spans="1:10" x14ac:dyDescent="0.35">
      <c r="A15328" t="s">
        <v>33</v>
      </c>
      <c r="B15328" t="s">
        <v>92</v>
      </c>
      <c r="C15328" t="s">
        <v>117</v>
      </c>
      <c r="D15328" t="s">
        <v>118</v>
      </c>
      <c r="E15328">
        <v>2015</v>
      </c>
      <c r="F15328">
        <v>2015</v>
      </c>
      <c r="G15328" t="s">
        <v>125</v>
      </c>
      <c r="H15328" t="s">
        <v>121</v>
      </c>
      <c r="I15328" t="s">
        <v>15</v>
      </c>
      <c r="J15328" s="10">
        <v>31.23692037</v>
      </c>
    </row>
    <row r="15329" spans="1:10" x14ac:dyDescent="0.35">
      <c r="A15329" t="s">
        <v>33</v>
      </c>
      <c r="B15329" t="s">
        <v>92</v>
      </c>
      <c r="C15329" t="s">
        <v>117</v>
      </c>
      <c r="D15329" t="s">
        <v>118</v>
      </c>
      <c r="E15329">
        <v>2015</v>
      </c>
      <c r="F15329">
        <v>2015</v>
      </c>
      <c r="G15329" t="s">
        <v>125</v>
      </c>
      <c r="H15329" t="s">
        <v>122</v>
      </c>
      <c r="I15329" t="s">
        <v>15</v>
      </c>
      <c r="J15329" s="10">
        <v>20.671329440000001</v>
      </c>
    </row>
    <row r="15330" spans="1:10" x14ac:dyDescent="0.35">
      <c r="A15330" t="s">
        <v>33</v>
      </c>
      <c r="B15330" t="s">
        <v>92</v>
      </c>
      <c r="C15330" t="s">
        <v>117</v>
      </c>
      <c r="D15330" t="s">
        <v>118</v>
      </c>
      <c r="E15330">
        <v>2015</v>
      </c>
      <c r="F15330">
        <v>2015</v>
      </c>
      <c r="G15330" t="s">
        <v>125</v>
      </c>
      <c r="H15330" t="s">
        <v>123</v>
      </c>
      <c r="I15330" t="s">
        <v>15</v>
      </c>
      <c r="J15330" s="10">
        <v>15.7010684</v>
      </c>
    </row>
    <row r="15331" spans="1:10" x14ac:dyDescent="0.35">
      <c r="A15331" t="s">
        <v>33</v>
      </c>
      <c r="B15331" t="s">
        <v>92</v>
      </c>
      <c r="C15331" t="s">
        <v>117</v>
      </c>
      <c r="D15331" t="s">
        <v>118</v>
      </c>
      <c r="E15331">
        <v>2015</v>
      </c>
      <c r="F15331">
        <v>2015</v>
      </c>
      <c r="G15331" t="s">
        <v>125</v>
      </c>
      <c r="H15331" t="s">
        <v>124</v>
      </c>
      <c r="I15331" t="s">
        <v>15</v>
      </c>
      <c r="J15331" s="10">
        <v>1.437382972</v>
      </c>
    </row>
    <row r="15332" spans="1:10" x14ac:dyDescent="0.35">
      <c r="A15332" t="s">
        <v>33</v>
      </c>
      <c r="B15332" t="s">
        <v>92</v>
      </c>
      <c r="C15332" t="s">
        <v>117</v>
      </c>
      <c r="D15332" t="s">
        <v>118</v>
      </c>
      <c r="E15332">
        <v>2015</v>
      </c>
      <c r="F15332">
        <v>2015</v>
      </c>
      <c r="G15332" t="s">
        <v>126</v>
      </c>
      <c r="H15332" t="s">
        <v>119</v>
      </c>
      <c r="I15332" t="s">
        <v>15</v>
      </c>
      <c r="J15332" s="10">
        <v>15.74326216</v>
      </c>
    </row>
    <row r="15333" spans="1:10" x14ac:dyDescent="0.35">
      <c r="A15333" t="s">
        <v>33</v>
      </c>
      <c r="B15333" t="s">
        <v>92</v>
      </c>
      <c r="C15333" t="s">
        <v>117</v>
      </c>
      <c r="D15333" t="s">
        <v>118</v>
      </c>
      <c r="E15333">
        <v>2015</v>
      </c>
      <c r="F15333">
        <v>2015</v>
      </c>
      <c r="G15333" t="s">
        <v>126</v>
      </c>
      <c r="H15333" t="s">
        <v>120</v>
      </c>
      <c r="I15333" t="s">
        <v>15</v>
      </c>
      <c r="J15333" s="10">
        <v>12.887791719999999</v>
      </c>
    </row>
    <row r="15334" spans="1:10" x14ac:dyDescent="0.35">
      <c r="A15334" t="s">
        <v>33</v>
      </c>
      <c r="B15334" t="s">
        <v>92</v>
      </c>
      <c r="C15334" t="s">
        <v>117</v>
      </c>
      <c r="D15334" t="s">
        <v>118</v>
      </c>
      <c r="E15334">
        <v>2015</v>
      </c>
      <c r="F15334">
        <v>2015</v>
      </c>
      <c r="G15334" t="s">
        <v>126</v>
      </c>
      <c r="H15334" t="s">
        <v>121</v>
      </c>
      <c r="I15334" t="s">
        <v>15</v>
      </c>
      <c r="J15334" s="10">
        <v>31.850456820000002</v>
      </c>
    </row>
    <row r="15335" spans="1:10" x14ac:dyDescent="0.35">
      <c r="A15335" t="s">
        <v>33</v>
      </c>
      <c r="B15335" t="s">
        <v>92</v>
      </c>
      <c r="C15335" t="s">
        <v>117</v>
      </c>
      <c r="D15335" t="s">
        <v>118</v>
      </c>
      <c r="E15335">
        <v>2015</v>
      </c>
      <c r="F15335">
        <v>2015</v>
      </c>
      <c r="G15335" t="s">
        <v>126</v>
      </c>
      <c r="H15335" t="s">
        <v>122</v>
      </c>
      <c r="I15335" t="s">
        <v>15</v>
      </c>
      <c r="J15335" s="10">
        <v>19.92975848</v>
      </c>
    </row>
    <row r="15336" spans="1:10" x14ac:dyDescent="0.35">
      <c r="A15336" t="s">
        <v>33</v>
      </c>
      <c r="B15336" t="s">
        <v>92</v>
      </c>
      <c r="C15336" t="s">
        <v>117</v>
      </c>
      <c r="D15336" t="s">
        <v>118</v>
      </c>
      <c r="E15336">
        <v>2015</v>
      </c>
      <c r="F15336">
        <v>2015</v>
      </c>
      <c r="G15336" t="s">
        <v>126</v>
      </c>
      <c r="H15336" t="s">
        <v>123</v>
      </c>
      <c r="I15336" t="s">
        <v>15</v>
      </c>
      <c r="J15336" s="10">
        <v>16.926679050000001</v>
      </c>
    </row>
    <row r="15337" spans="1:10" x14ac:dyDescent="0.35">
      <c r="A15337" t="s">
        <v>33</v>
      </c>
      <c r="B15337" t="s">
        <v>92</v>
      </c>
      <c r="C15337" t="s">
        <v>117</v>
      </c>
      <c r="D15337" t="s">
        <v>118</v>
      </c>
      <c r="E15337">
        <v>2015</v>
      </c>
      <c r="F15337">
        <v>2015</v>
      </c>
      <c r="G15337" t="s">
        <v>126</v>
      </c>
      <c r="H15337" t="s">
        <v>124</v>
      </c>
      <c r="I15337" t="s">
        <v>15</v>
      </c>
      <c r="J15337" s="10">
        <v>2.6620517650000002</v>
      </c>
    </row>
    <row r="15338" spans="1:10" x14ac:dyDescent="0.35">
      <c r="A15338" t="s">
        <v>33</v>
      </c>
      <c r="B15338" t="s">
        <v>92</v>
      </c>
      <c r="C15338" t="s">
        <v>117</v>
      </c>
      <c r="D15338" t="s">
        <v>118</v>
      </c>
      <c r="E15338">
        <v>2014</v>
      </c>
      <c r="F15338">
        <v>2014</v>
      </c>
      <c r="G15338" t="s">
        <v>14</v>
      </c>
      <c r="H15338" t="s">
        <v>119</v>
      </c>
      <c r="I15338" t="s">
        <v>15</v>
      </c>
      <c r="J15338" s="10">
        <v>16.83958286</v>
      </c>
    </row>
    <row r="15339" spans="1:10" x14ac:dyDescent="0.35">
      <c r="A15339" t="s">
        <v>33</v>
      </c>
      <c r="B15339" t="s">
        <v>92</v>
      </c>
      <c r="C15339" t="s">
        <v>117</v>
      </c>
      <c r="D15339" t="s">
        <v>118</v>
      </c>
      <c r="E15339">
        <v>2014</v>
      </c>
      <c r="F15339">
        <v>2014</v>
      </c>
      <c r="G15339" t="s">
        <v>14</v>
      </c>
      <c r="H15339" t="s">
        <v>120</v>
      </c>
      <c r="I15339" t="s">
        <v>15</v>
      </c>
      <c r="J15339" s="10">
        <v>13.010883679999999</v>
      </c>
    </row>
    <row r="15340" spans="1:10" x14ac:dyDescent="0.35">
      <c r="A15340" t="s">
        <v>33</v>
      </c>
      <c r="B15340" t="s">
        <v>92</v>
      </c>
      <c r="C15340" t="s">
        <v>117</v>
      </c>
      <c r="D15340" t="s">
        <v>118</v>
      </c>
      <c r="E15340">
        <v>2014</v>
      </c>
      <c r="F15340">
        <v>2014</v>
      </c>
      <c r="G15340" t="s">
        <v>14</v>
      </c>
      <c r="H15340" t="s">
        <v>121</v>
      </c>
      <c r="I15340" t="s">
        <v>15</v>
      </c>
      <c r="J15340" s="10">
        <v>31.629606819999999</v>
      </c>
    </row>
    <row r="15341" spans="1:10" x14ac:dyDescent="0.35">
      <c r="A15341" t="s">
        <v>33</v>
      </c>
      <c r="B15341" t="s">
        <v>92</v>
      </c>
      <c r="C15341" t="s">
        <v>117</v>
      </c>
      <c r="D15341" t="s">
        <v>118</v>
      </c>
      <c r="E15341">
        <v>2014</v>
      </c>
      <c r="F15341">
        <v>2014</v>
      </c>
      <c r="G15341" t="s">
        <v>14</v>
      </c>
      <c r="H15341" t="s">
        <v>122</v>
      </c>
      <c r="I15341" t="s">
        <v>15</v>
      </c>
      <c r="J15341" s="10">
        <v>20.12075128</v>
      </c>
    </row>
    <row r="15342" spans="1:10" x14ac:dyDescent="0.35">
      <c r="A15342" t="s">
        <v>33</v>
      </c>
      <c r="B15342" t="s">
        <v>92</v>
      </c>
      <c r="C15342" t="s">
        <v>117</v>
      </c>
      <c r="D15342" t="s">
        <v>118</v>
      </c>
      <c r="E15342">
        <v>2014</v>
      </c>
      <c r="F15342">
        <v>2014</v>
      </c>
      <c r="G15342" t="s">
        <v>14</v>
      </c>
      <c r="H15342" t="s">
        <v>123</v>
      </c>
      <c r="I15342" t="s">
        <v>15</v>
      </c>
      <c r="J15342" s="10">
        <v>16.31748752</v>
      </c>
    </row>
    <row r="15343" spans="1:10" x14ac:dyDescent="0.35">
      <c r="A15343" t="s">
        <v>33</v>
      </c>
      <c r="B15343" t="s">
        <v>92</v>
      </c>
      <c r="C15343" t="s">
        <v>117</v>
      </c>
      <c r="D15343" t="s">
        <v>118</v>
      </c>
      <c r="E15343">
        <v>2014</v>
      </c>
      <c r="F15343">
        <v>2014</v>
      </c>
      <c r="G15343" t="s">
        <v>14</v>
      </c>
      <c r="H15343" t="s">
        <v>124</v>
      </c>
      <c r="I15343" t="s">
        <v>15</v>
      </c>
      <c r="J15343" s="10">
        <v>2.0816878409999999</v>
      </c>
    </row>
    <row r="15344" spans="1:10" x14ac:dyDescent="0.35">
      <c r="A15344" t="s">
        <v>33</v>
      </c>
      <c r="B15344" t="s">
        <v>92</v>
      </c>
      <c r="C15344" t="s">
        <v>117</v>
      </c>
      <c r="D15344" t="s">
        <v>118</v>
      </c>
      <c r="E15344">
        <v>2014</v>
      </c>
      <c r="F15344">
        <v>2014</v>
      </c>
      <c r="G15344" t="s">
        <v>125</v>
      </c>
      <c r="H15344" t="s">
        <v>119</v>
      </c>
      <c r="I15344" t="s">
        <v>15</v>
      </c>
      <c r="J15344" s="10">
        <v>17.88832657</v>
      </c>
    </row>
    <row r="15345" spans="1:10" x14ac:dyDescent="0.35">
      <c r="A15345" t="s">
        <v>33</v>
      </c>
      <c r="B15345" t="s">
        <v>92</v>
      </c>
      <c r="C15345" t="s">
        <v>117</v>
      </c>
      <c r="D15345" t="s">
        <v>118</v>
      </c>
      <c r="E15345">
        <v>2014</v>
      </c>
      <c r="F15345">
        <v>2014</v>
      </c>
      <c r="G15345" t="s">
        <v>125</v>
      </c>
      <c r="H15345" t="s">
        <v>120</v>
      </c>
      <c r="I15345" t="s">
        <v>15</v>
      </c>
      <c r="J15345" s="10">
        <v>13.400255830000001</v>
      </c>
    </row>
    <row r="15346" spans="1:10" x14ac:dyDescent="0.35">
      <c r="A15346" t="s">
        <v>33</v>
      </c>
      <c r="B15346" t="s">
        <v>92</v>
      </c>
      <c r="C15346" t="s">
        <v>117</v>
      </c>
      <c r="D15346" t="s">
        <v>118</v>
      </c>
      <c r="E15346">
        <v>2014</v>
      </c>
      <c r="F15346">
        <v>2014</v>
      </c>
      <c r="G15346" t="s">
        <v>125</v>
      </c>
      <c r="H15346" t="s">
        <v>121</v>
      </c>
      <c r="I15346" t="s">
        <v>15</v>
      </c>
      <c r="J15346" s="10">
        <v>31.155108169999998</v>
      </c>
    </row>
    <row r="15347" spans="1:10" x14ac:dyDescent="0.35">
      <c r="A15347" t="s">
        <v>33</v>
      </c>
      <c r="B15347" t="s">
        <v>92</v>
      </c>
      <c r="C15347" t="s">
        <v>117</v>
      </c>
      <c r="D15347" t="s">
        <v>118</v>
      </c>
      <c r="E15347">
        <v>2014</v>
      </c>
      <c r="F15347">
        <v>2014</v>
      </c>
      <c r="G15347" t="s">
        <v>125</v>
      </c>
      <c r="H15347" t="s">
        <v>122</v>
      </c>
      <c r="I15347" t="s">
        <v>15</v>
      </c>
      <c r="J15347" s="10">
        <v>20.563372449999999</v>
      </c>
    </row>
    <row r="15348" spans="1:10" x14ac:dyDescent="0.35">
      <c r="A15348" t="s">
        <v>33</v>
      </c>
      <c r="B15348" t="s">
        <v>92</v>
      </c>
      <c r="C15348" t="s">
        <v>117</v>
      </c>
      <c r="D15348" t="s">
        <v>118</v>
      </c>
      <c r="E15348">
        <v>2014</v>
      </c>
      <c r="F15348">
        <v>2014</v>
      </c>
      <c r="G15348" t="s">
        <v>125</v>
      </c>
      <c r="H15348" t="s">
        <v>123</v>
      </c>
      <c r="I15348" t="s">
        <v>15</v>
      </c>
      <c r="J15348" s="10">
        <v>15.574773370000001</v>
      </c>
    </row>
    <row r="15349" spans="1:10" x14ac:dyDescent="0.35">
      <c r="A15349" t="s">
        <v>33</v>
      </c>
      <c r="B15349" t="s">
        <v>92</v>
      </c>
      <c r="C15349" t="s">
        <v>117</v>
      </c>
      <c r="D15349" t="s">
        <v>118</v>
      </c>
      <c r="E15349">
        <v>2014</v>
      </c>
      <c r="F15349">
        <v>2014</v>
      </c>
      <c r="G15349" t="s">
        <v>125</v>
      </c>
      <c r="H15349" t="s">
        <v>124</v>
      </c>
      <c r="I15349" t="s">
        <v>15</v>
      </c>
      <c r="J15349" s="10">
        <v>1.418163617</v>
      </c>
    </row>
    <row r="15350" spans="1:10" x14ac:dyDescent="0.35">
      <c r="A15350" t="s">
        <v>33</v>
      </c>
      <c r="B15350" t="s">
        <v>92</v>
      </c>
      <c r="C15350" t="s">
        <v>117</v>
      </c>
      <c r="D15350" t="s">
        <v>118</v>
      </c>
      <c r="E15350">
        <v>2014</v>
      </c>
      <c r="F15350">
        <v>2014</v>
      </c>
      <c r="G15350" t="s">
        <v>126</v>
      </c>
      <c r="H15350" t="s">
        <v>119</v>
      </c>
      <c r="I15350" t="s">
        <v>15</v>
      </c>
      <c r="J15350" s="10">
        <v>15.865967940000001</v>
      </c>
    </row>
    <row r="15351" spans="1:10" x14ac:dyDescent="0.35">
      <c r="A15351" t="s">
        <v>33</v>
      </c>
      <c r="B15351" t="s">
        <v>92</v>
      </c>
      <c r="C15351" t="s">
        <v>117</v>
      </c>
      <c r="D15351" t="s">
        <v>118</v>
      </c>
      <c r="E15351">
        <v>2014</v>
      </c>
      <c r="F15351">
        <v>2014</v>
      </c>
      <c r="G15351" t="s">
        <v>126</v>
      </c>
      <c r="H15351" t="s">
        <v>120</v>
      </c>
      <c r="I15351" t="s">
        <v>15</v>
      </c>
      <c r="J15351" s="10">
        <v>12.64940496</v>
      </c>
    </row>
    <row r="15352" spans="1:10" x14ac:dyDescent="0.35">
      <c r="A15352" t="s">
        <v>33</v>
      </c>
      <c r="B15352" t="s">
        <v>92</v>
      </c>
      <c r="C15352" t="s">
        <v>117</v>
      </c>
      <c r="D15352" t="s">
        <v>118</v>
      </c>
      <c r="E15352">
        <v>2014</v>
      </c>
      <c r="F15352">
        <v>2014</v>
      </c>
      <c r="G15352" t="s">
        <v>126</v>
      </c>
      <c r="H15352" t="s">
        <v>121</v>
      </c>
      <c r="I15352" t="s">
        <v>15</v>
      </c>
      <c r="J15352" s="10">
        <v>32.070113839999998</v>
      </c>
    </row>
    <row r="15353" spans="1:10" x14ac:dyDescent="0.35">
      <c r="A15353" t="s">
        <v>33</v>
      </c>
      <c r="B15353" t="s">
        <v>92</v>
      </c>
      <c r="C15353" t="s">
        <v>117</v>
      </c>
      <c r="D15353" t="s">
        <v>118</v>
      </c>
      <c r="E15353">
        <v>2014</v>
      </c>
      <c r="F15353">
        <v>2014</v>
      </c>
      <c r="G15353" t="s">
        <v>126</v>
      </c>
      <c r="H15353" t="s">
        <v>122</v>
      </c>
      <c r="I15353" t="s">
        <v>15</v>
      </c>
      <c r="J15353" s="10">
        <v>19.709838139999999</v>
      </c>
    </row>
    <row r="15354" spans="1:10" x14ac:dyDescent="0.35">
      <c r="A15354" t="s">
        <v>33</v>
      </c>
      <c r="B15354" t="s">
        <v>92</v>
      </c>
      <c r="C15354" t="s">
        <v>117</v>
      </c>
      <c r="D15354" t="s">
        <v>118</v>
      </c>
      <c r="E15354">
        <v>2014</v>
      </c>
      <c r="F15354">
        <v>2014</v>
      </c>
      <c r="G15354" t="s">
        <v>126</v>
      </c>
      <c r="H15354" t="s">
        <v>123</v>
      </c>
      <c r="I15354" t="s">
        <v>15</v>
      </c>
      <c r="J15354" s="10">
        <v>17.0069959</v>
      </c>
    </row>
    <row r="15355" spans="1:10" x14ac:dyDescent="0.35">
      <c r="A15355" t="s">
        <v>33</v>
      </c>
      <c r="B15355" t="s">
        <v>92</v>
      </c>
      <c r="C15355" t="s">
        <v>117</v>
      </c>
      <c r="D15355" t="s">
        <v>118</v>
      </c>
      <c r="E15355">
        <v>2014</v>
      </c>
      <c r="F15355">
        <v>2014</v>
      </c>
      <c r="G15355" t="s">
        <v>126</v>
      </c>
      <c r="H15355" t="s">
        <v>124</v>
      </c>
      <c r="I15355" t="s">
        <v>15</v>
      </c>
      <c r="J15355" s="10">
        <v>2.697679221</v>
      </c>
    </row>
    <row r="15356" spans="1:10" x14ac:dyDescent="0.35">
      <c r="A15356" t="s">
        <v>33</v>
      </c>
      <c r="B15356" t="s">
        <v>92</v>
      </c>
      <c r="C15356" t="s">
        <v>117</v>
      </c>
      <c r="D15356" t="s">
        <v>118</v>
      </c>
      <c r="E15356">
        <v>2013</v>
      </c>
      <c r="F15356">
        <v>2013</v>
      </c>
      <c r="G15356" t="s">
        <v>14</v>
      </c>
      <c r="H15356" t="s">
        <v>119</v>
      </c>
      <c r="I15356" t="s">
        <v>15</v>
      </c>
      <c r="J15356" s="10">
        <v>17.02892696</v>
      </c>
    </row>
    <row r="15357" spans="1:10" x14ac:dyDescent="0.35">
      <c r="A15357" t="s">
        <v>33</v>
      </c>
      <c r="B15357" t="s">
        <v>92</v>
      </c>
      <c r="C15357" t="s">
        <v>117</v>
      </c>
      <c r="D15357" t="s">
        <v>118</v>
      </c>
      <c r="E15357">
        <v>2013</v>
      </c>
      <c r="F15357">
        <v>2013</v>
      </c>
      <c r="G15357" t="s">
        <v>14</v>
      </c>
      <c r="H15357" t="s">
        <v>120</v>
      </c>
      <c r="I15357" t="s">
        <v>15</v>
      </c>
      <c r="J15357" s="10">
        <v>13.12217195</v>
      </c>
    </row>
    <row r="15358" spans="1:10" x14ac:dyDescent="0.35">
      <c r="A15358" t="s">
        <v>33</v>
      </c>
      <c r="B15358" t="s">
        <v>92</v>
      </c>
      <c r="C15358" t="s">
        <v>117</v>
      </c>
      <c r="D15358" t="s">
        <v>118</v>
      </c>
      <c r="E15358">
        <v>2013</v>
      </c>
      <c r="F15358">
        <v>2013</v>
      </c>
      <c r="G15358" t="s">
        <v>14</v>
      </c>
      <c r="H15358" t="s">
        <v>121</v>
      </c>
      <c r="I15358" t="s">
        <v>15</v>
      </c>
      <c r="J15358" s="10">
        <v>31.878905410000002</v>
      </c>
    </row>
    <row r="15359" spans="1:10" x14ac:dyDescent="0.35">
      <c r="A15359" t="s">
        <v>33</v>
      </c>
      <c r="B15359" t="s">
        <v>92</v>
      </c>
      <c r="C15359" t="s">
        <v>117</v>
      </c>
      <c r="D15359" t="s">
        <v>118</v>
      </c>
      <c r="E15359">
        <v>2013</v>
      </c>
      <c r="F15359">
        <v>2013</v>
      </c>
      <c r="G15359" t="s">
        <v>14</v>
      </c>
      <c r="H15359" t="s">
        <v>122</v>
      </c>
      <c r="I15359" t="s">
        <v>15</v>
      </c>
      <c r="J15359" s="10">
        <v>19.80580694</v>
      </c>
    </row>
    <row r="15360" spans="1:10" x14ac:dyDescent="0.35">
      <c r="A15360" t="s">
        <v>33</v>
      </c>
      <c r="B15360" t="s">
        <v>92</v>
      </c>
      <c r="C15360" t="s">
        <v>117</v>
      </c>
      <c r="D15360" t="s">
        <v>118</v>
      </c>
      <c r="E15360">
        <v>2013</v>
      </c>
      <c r="F15360">
        <v>2013</v>
      </c>
      <c r="G15360" t="s">
        <v>14</v>
      </c>
      <c r="H15360" t="s">
        <v>123</v>
      </c>
      <c r="I15360" t="s">
        <v>15</v>
      </c>
      <c r="J15360" s="10">
        <v>16.10913596</v>
      </c>
    </row>
    <row r="15361" spans="1:10" x14ac:dyDescent="0.35">
      <c r="A15361" t="s">
        <v>33</v>
      </c>
      <c r="B15361" t="s">
        <v>92</v>
      </c>
      <c r="C15361" t="s">
        <v>117</v>
      </c>
      <c r="D15361" t="s">
        <v>118</v>
      </c>
      <c r="E15361">
        <v>2013</v>
      </c>
      <c r="F15361">
        <v>2013</v>
      </c>
      <c r="G15361" t="s">
        <v>14</v>
      </c>
      <c r="H15361" t="s">
        <v>124</v>
      </c>
      <c r="I15361" t="s">
        <v>15</v>
      </c>
      <c r="J15361" s="10">
        <v>2.05505279</v>
      </c>
    </row>
    <row r="15362" spans="1:10" x14ac:dyDescent="0.35">
      <c r="A15362" t="s">
        <v>33</v>
      </c>
      <c r="B15362" t="s">
        <v>92</v>
      </c>
      <c r="C15362" t="s">
        <v>117</v>
      </c>
      <c r="D15362" t="s">
        <v>118</v>
      </c>
      <c r="E15362">
        <v>2013</v>
      </c>
      <c r="F15362">
        <v>2013</v>
      </c>
      <c r="G15362" t="s">
        <v>125</v>
      </c>
      <c r="H15362" t="s">
        <v>119</v>
      </c>
      <c r="I15362" t="s">
        <v>15</v>
      </c>
      <c r="J15362" s="10">
        <v>18.08254466</v>
      </c>
    </row>
    <row r="15363" spans="1:10" x14ac:dyDescent="0.35">
      <c r="A15363" t="s">
        <v>33</v>
      </c>
      <c r="B15363" t="s">
        <v>92</v>
      </c>
      <c r="C15363" t="s">
        <v>117</v>
      </c>
      <c r="D15363" t="s">
        <v>118</v>
      </c>
      <c r="E15363">
        <v>2013</v>
      </c>
      <c r="F15363">
        <v>2013</v>
      </c>
      <c r="G15363" t="s">
        <v>125</v>
      </c>
      <c r="H15363" t="s">
        <v>120</v>
      </c>
      <c r="I15363" t="s">
        <v>15</v>
      </c>
      <c r="J15363" s="10">
        <v>13.409307269999999</v>
      </c>
    </row>
    <row r="15364" spans="1:10" x14ac:dyDescent="0.35">
      <c r="A15364" t="s">
        <v>33</v>
      </c>
      <c r="B15364" t="s">
        <v>92</v>
      </c>
      <c r="C15364" t="s">
        <v>117</v>
      </c>
      <c r="D15364" t="s">
        <v>118</v>
      </c>
      <c r="E15364">
        <v>2013</v>
      </c>
      <c r="F15364">
        <v>2013</v>
      </c>
      <c r="G15364" t="s">
        <v>125</v>
      </c>
      <c r="H15364" t="s">
        <v>121</v>
      </c>
      <c r="I15364" t="s">
        <v>15</v>
      </c>
      <c r="J15364" s="10">
        <v>31.547852379999998</v>
      </c>
    </row>
    <row r="15365" spans="1:10" x14ac:dyDescent="0.35">
      <c r="A15365" t="s">
        <v>33</v>
      </c>
      <c r="B15365" t="s">
        <v>92</v>
      </c>
      <c r="C15365" t="s">
        <v>117</v>
      </c>
      <c r="D15365" t="s">
        <v>118</v>
      </c>
      <c r="E15365">
        <v>2013</v>
      </c>
      <c r="F15365">
        <v>2013</v>
      </c>
      <c r="G15365" t="s">
        <v>125</v>
      </c>
      <c r="H15365" t="s">
        <v>122</v>
      </c>
      <c r="I15365" t="s">
        <v>15</v>
      </c>
      <c r="J15365" s="10">
        <v>20.27776222</v>
      </c>
    </row>
    <row r="15366" spans="1:10" x14ac:dyDescent="0.35">
      <c r="A15366" t="s">
        <v>33</v>
      </c>
      <c r="B15366" t="s">
        <v>92</v>
      </c>
      <c r="C15366" t="s">
        <v>117</v>
      </c>
      <c r="D15366" t="s">
        <v>118</v>
      </c>
      <c r="E15366">
        <v>2013</v>
      </c>
      <c r="F15366">
        <v>2013</v>
      </c>
      <c r="G15366" t="s">
        <v>125</v>
      </c>
      <c r="H15366" t="s">
        <v>123</v>
      </c>
      <c r="I15366" t="s">
        <v>15</v>
      </c>
      <c r="J15366" s="10">
        <v>15.29932239</v>
      </c>
    </row>
    <row r="15367" spans="1:10" x14ac:dyDescent="0.35">
      <c r="A15367" t="s">
        <v>33</v>
      </c>
      <c r="B15367" t="s">
        <v>92</v>
      </c>
      <c r="C15367" t="s">
        <v>117</v>
      </c>
      <c r="D15367" t="s">
        <v>118</v>
      </c>
      <c r="E15367">
        <v>2013</v>
      </c>
      <c r="F15367">
        <v>2013</v>
      </c>
      <c r="G15367" t="s">
        <v>125</v>
      </c>
      <c r="H15367" t="s">
        <v>124</v>
      </c>
      <c r="I15367" t="s">
        <v>15</v>
      </c>
      <c r="J15367" s="10">
        <v>1.3832110660000001</v>
      </c>
    </row>
    <row r="15368" spans="1:10" x14ac:dyDescent="0.35">
      <c r="A15368" t="s">
        <v>33</v>
      </c>
      <c r="B15368" t="s">
        <v>92</v>
      </c>
      <c r="C15368" t="s">
        <v>117</v>
      </c>
      <c r="D15368" t="s">
        <v>118</v>
      </c>
      <c r="E15368">
        <v>2013</v>
      </c>
      <c r="F15368">
        <v>2013</v>
      </c>
      <c r="G15368" t="s">
        <v>126</v>
      </c>
      <c r="H15368" t="s">
        <v>119</v>
      </c>
      <c r="I15368" t="s">
        <v>15</v>
      </c>
      <c r="J15368" s="10">
        <v>16.052617919999999</v>
      </c>
    </row>
    <row r="15369" spans="1:10" x14ac:dyDescent="0.35">
      <c r="A15369" t="s">
        <v>33</v>
      </c>
      <c r="B15369" t="s">
        <v>92</v>
      </c>
      <c r="C15369" t="s">
        <v>117</v>
      </c>
      <c r="D15369" t="s">
        <v>118</v>
      </c>
      <c r="E15369">
        <v>2013</v>
      </c>
      <c r="F15369">
        <v>2013</v>
      </c>
      <c r="G15369" t="s">
        <v>126</v>
      </c>
      <c r="H15369" t="s">
        <v>120</v>
      </c>
      <c r="I15369" t="s">
        <v>15</v>
      </c>
      <c r="J15369" s="10">
        <v>12.85610503</v>
      </c>
    </row>
    <row r="15370" spans="1:10" x14ac:dyDescent="0.35">
      <c r="A15370" t="s">
        <v>33</v>
      </c>
      <c r="B15370" t="s">
        <v>92</v>
      </c>
      <c r="C15370" t="s">
        <v>117</v>
      </c>
      <c r="D15370" t="s">
        <v>118</v>
      </c>
      <c r="E15370">
        <v>2013</v>
      </c>
      <c r="F15370">
        <v>2013</v>
      </c>
      <c r="G15370" t="s">
        <v>126</v>
      </c>
      <c r="H15370" t="s">
        <v>121</v>
      </c>
      <c r="I15370" t="s">
        <v>15</v>
      </c>
      <c r="J15370" s="10">
        <v>32.18566758</v>
      </c>
    </row>
    <row r="15371" spans="1:10" x14ac:dyDescent="0.35">
      <c r="A15371" t="s">
        <v>33</v>
      </c>
      <c r="B15371" t="s">
        <v>92</v>
      </c>
      <c r="C15371" t="s">
        <v>117</v>
      </c>
      <c r="D15371" t="s">
        <v>118</v>
      </c>
      <c r="E15371">
        <v>2013</v>
      </c>
      <c r="F15371">
        <v>2013</v>
      </c>
      <c r="G15371" t="s">
        <v>126</v>
      </c>
      <c r="H15371" t="s">
        <v>122</v>
      </c>
      <c r="I15371" t="s">
        <v>15</v>
      </c>
      <c r="J15371" s="10">
        <v>19.36848114</v>
      </c>
    </row>
    <row r="15372" spans="1:10" x14ac:dyDescent="0.35">
      <c r="A15372" t="s">
        <v>33</v>
      </c>
      <c r="B15372" t="s">
        <v>92</v>
      </c>
      <c r="C15372" t="s">
        <v>117</v>
      </c>
      <c r="D15372" t="s">
        <v>118</v>
      </c>
      <c r="E15372">
        <v>2013</v>
      </c>
      <c r="F15372">
        <v>2013</v>
      </c>
      <c r="G15372" t="s">
        <v>126</v>
      </c>
      <c r="H15372" t="s">
        <v>123</v>
      </c>
      <c r="I15372" t="s">
        <v>15</v>
      </c>
      <c r="J15372" s="10">
        <v>16.859529859999999</v>
      </c>
    </row>
    <row r="15373" spans="1:10" x14ac:dyDescent="0.35">
      <c r="A15373" t="s">
        <v>33</v>
      </c>
      <c r="B15373" t="s">
        <v>92</v>
      </c>
      <c r="C15373" t="s">
        <v>117</v>
      </c>
      <c r="D15373" t="s">
        <v>118</v>
      </c>
      <c r="E15373">
        <v>2013</v>
      </c>
      <c r="F15373">
        <v>2013</v>
      </c>
      <c r="G15373" t="s">
        <v>126</v>
      </c>
      <c r="H15373" t="s">
        <v>124</v>
      </c>
      <c r="I15373" t="s">
        <v>15</v>
      </c>
      <c r="J15373" s="10">
        <v>2.6775984639999999</v>
      </c>
    </row>
    <row r="15374" spans="1:10" x14ac:dyDescent="0.35">
      <c r="A15374" t="s">
        <v>33</v>
      </c>
      <c r="B15374" t="s">
        <v>92</v>
      </c>
      <c r="C15374" t="s">
        <v>117</v>
      </c>
      <c r="D15374" t="s">
        <v>118</v>
      </c>
      <c r="E15374">
        <v>2012</v>
      </c>
      <c r="F15374">
        <v>2012</v>
      </c>
      <c r="G15374" t="s">
        <v>14</v>
      </c>
      <c r="H15374" t="s">
        <v>119</v>
      </c>
      <c r="I15374" t="s">
        <v>15</v>
      </c>
      <c r="J15374" s="10">
        <v>17.385905000000001</v>
      </c>
    </row>
    <row r="15375" spans="1:10" x14ac:dyDescent="0.35">
      <c r="A15375" t="s">
        <v>33</v>
      </c>
      <c r="B15375" t="s">
        <v>92</v>
      </c>
      <c r="C15375" t="s">
        <v>117</v>
      </c>
      <c r="D15375" t="s">
        <v>118</v>
      </c>
      <c r="E15375">
        <v>2012</v>
      </c>
      <c r="F15375">
        <v>2012</v>
      </c>
      <c r="G15375" t="s">
        <v>14</v>
      </c>
      <c r="H15375" t="s">
        <v>120</v>
      </c>
      <c r="I15375" t="s">
        <v>15</v>
      </c>
      <c r="J15375" s="10">
        <v>12.88554729</v>
      </c>
    </row>
    <row r="15376" spans="1:10" x14ac:dyDescent="0.35">
      <c r="A15376" t="s">
        <v>33</v>
      </c>
      <c r="B15376" t="s">
        <v>92</v>
      </c>
      <c r="C15376" t="s">
        <v>117</v>
      </c>
      <c r="D15376" t="s">
        <v>118</v>
      </c>
      <c r="E15376">
        <v>2012</v>
      </c>
      <c r="F15376">
        <v>2012</v>
      </c>
      <c r="G15376" t="s">
        <v>14</v>
      </c>
      <c r="H15376" t="s">
        <v>121</v>
      </c>
      <c r="I15376" t="s">
        <v>15</v>
      </c>
      <c r="J15376" s="10">
        <v>32.254363349999998</v>
      </c>
    </row>
    <row r="15377" spans="1:10" x14ac:dyDescent="0.35">
      <c r="A15377" t="s">
        <v>33</v>
      </c>
      <c r="B15377" t="s">
        <v>92</v>
      </c>
      <c r="C15377" t="s">
        <v>117</v>
      </c>
      <c r="D15377" t="s">
        <v>118</v>
      </c>
      <c r="E15377">
        <v>2012</v>
      </c>
      <c r="F15377">
        <v>2012</v>
      </c>
      <c r="G15377" t="s">
        <v>14</v>
      </c>
      <c r="H15377" t="s">
        <v>122</v>
      </c>
      <c r="I15377" t="s">
        <v>15</v>
      </c>
      <c r="J15377" s="10">
        <v>19.59423889</v>
      </c>
    </row>
    <row r="15378" spans="1:10" x14ac:dyDescent="0.35">
      <c r="A15378" t="s">
        <v>33</v>
      </c>
      <c r="B15378" t="s">
        <v>92</v>
      </c>
      <c r="C15378" t="s">
        <v>117</v>
      </c>
      <c r="D15378" t="s">
        <v>118</v>
      </c>
      <c r="E15378">
        <v>2012</v>
      </c>
      <c r="F15378">
        <v>2012</v>
      </c>
      <c r="G15378" t="s">
        <v>14</v>
      </c>
      <c r="H15378" t="s">
        <v>123</v>
      </c>
      <c r="I15378" t="s">
        <v>15</v>
      </c>
      <c r="J15378" s="10">
        <v>15.84844026</v>
      </c>
    </row>
    <row r="15379" spans="1:10" x14ac:dyDescent="0.35">
      <c r="A15379" t="s">
        <v>33</v>
      </c>
      <c r="B15379" t="s">
        <v>92</v>
      </c>
      <c r="C15379" t="s">
        <v>117</v>
      </c>
      <c r="D15379" t="s">
        <v>118</v>
      </c>
      <c r="E15379">
        <v>2012</v>
      </c>
      <c r="F15379">
        <v>2012</v>
      </c>
      <c r="G15379" t="s">
        <v>14</v>
      </c>
      <c r="H15379" t="s">
        <v>124</v>
      </c>
      <c r="I15379" t="s">
        <v>15</v>
      </c>
      <c r="J15379" s="10">
        <v>2.0315052040000001</v>
      </c>
    </row>
    <row r="15380" spans="1:10" x14ac:dyDescent="0.35">
      <c r="A15380" t="s">
        <v>33</v>
      </c>
      <c r="B15380" t="s">
        <v>92</v>
      </c>
      <c r="C15380" t="s">
        <v>117</v>
      </c>
      <c r="D15380" t="s">
        <v>118</v>
      </c>
      <c r="E15380">
        <v>2012</v>
      </c>
      <c r="F15380">
        <v>2012</v>
      </c>
      <c r="G15380" t="s">
        <v>125</v>
      </c>
      <c r="H15380" t="s">
        <v>119</v>
      </c>
      <c r="I15380" t="s">
        <v>15</v>
      </c>
      <c r="J15380" s="10">
        <v>18.507203319999999</v>
      </c>
    </row>
    <row r="15381" spans="1:10" x14ac:dyDescent="0.35">
      <c r="A15381" t="s">
        <v>33</v>
      </c>
      <c r="B15381" t="s">
        <v>92</v>
      </c>
      <c r="C15381" t="s">
        <v>117</v>
      </c>
      <c r="D15381" t="s">
        <v>118</v>
      </c>
      <c r="E15381">
        <v>2012</v>
      </c>
      <c r="F15381">
        <v>2012</v>
      </c>
      <c r="G15381" t="s">
        <v>125</v>
      </c>
      <c r="H15381" t="s">
        <v>120</v>
      </c>
      <c r="I15381" t="s">
        <v>15</v>
      </c>
      <c r="J15381" s="10">
        <v>13.153764219999999</v>
      </c>
    </row>
    <row r="15382" spans="1:10" x14ac:dyDescent="0.35">
      <c r="A15382" t="s">
        <v>33</v>
      </c>
      <c r="B15382" t="s">
        <v>92</v>
      </c>
      <c r="C15382" t="s">
        <v>117</v>
      </c>
      <c r="D15382" t="s">
        <v>118</v>
      </c>
      <c r="E15382">
        <v>2012</v>
      </c>
      <c r="F15382">
        <v>2012</v>
      </c>
      <c r="G15382" t="s">
        <v>125</v>
      </c>
      <c r="H15382" t="s">
        <v>121</v>
      </c>
      <c r="I15382" t="s">
        <v>15</v>
      </c>
      <c r="J15382" s="10">
        <v>31.927238070000001</v>
      </c>
    </row>
    <row r="15383" spans="1:10" x14ac:dyDescent="0.35">
      <c r="A15383" t="s">
        <v>33</v>
      </c>
      <c r="B15383" t="s">
        <v>92</v>
      </c>
      <c r="C15383" t="s">
        <v>117</v>
      </c>
      <c r="D15383" t="s">
        <v>118</v>
      </c>
      <c r="E15383">
        <v>2012</v>
      </c>
      <c r="F15383">
        <v>2012</v>
      </c>
      <c r="G15383" t="s">
        <v>125</v>
      </c>
      <c r="H15383" t="s">
        <v>122</v>
      </c>
      <c r="I15383" t="s">
        <v>15</v>
      </c>
      <c r="J15383" s="10">
        <v>20.10202366</v>
      </c>
    </row>
    <row r="15384" spans="1:10" x14ac:dyDescent="0.35">
      <c r="A15384" t="s">
        <v>33</v>
      </c>
      <c r="B15384" t="s">
        <v>92</v>
      </c>
      <c r="C15384" t="s">
        <v>117</v>
      </c>
      <c r="D15384" t="s">
        <v>118</v>
      </c>
      <c r="E15384">
        <v>2012</v>
      </c>
      <c r="F15384">
        <v>2012</v>
      </c>
      <c r="G15384" t="s">
        <v>125</v>
      </c>
      <c r="H15384" t="s">
        <v>123</v>
      </c>
      <c r="I15384" t="s">
        <v>15</v>
      </c>
      <c r="J15384" s="10">
        <v>14.950389599999999</v>
      </c>
    </row>
    <row r="15385" spans="1:10" x14ac:dyDescent="0.35">
      <c r="A15385" t="s">
        <v>33</v>
      </c>
      <c r="B15385" t="s">
        <v>92</v>
      </c>
      <c r="C15385" t="s">
        <v>117</v>
      </c>
      <c r="D15385" t="s">
        <v>118</v>
      </c>
      <c r="E15385">
        <v>2012</v>
      </c>
      <c r="F15385">
        <v>2012</v>
      </c>
      <c r="G15385" t="s">
        <v>125</v>
      </c>
      <c r="H15385" t="s">
        <v>124</v>
      </c>
      <c r="I15385" t="s">
        <v>15</v>
      </c>
      <c r="J15385" s="10">
        <v>1.3593811309999999</v>
      </c>
    </row>
    <row r="15386" spans="1:10" x14ac:dyDescent="0.35">
      <c r="A15386" t="s">
        <v>33</v>
      </c>
      <c r="B15386" t="s">
        <v>92</v>
      </c>
      <c r="C15386" t="s">
        <v>117</v>
      </c>
      <c r="D15386" t="s">
        <v>118</v>
      </c>
      <c r="E15386">
        <v>2012</v>
      </c>
      <c r="F15386">
        <v>2012</v>
      </c>
      <c r="G15386" t="s">
        <v>126</v>
      </c>
      <c r="H15386" t="s">
        <v>119</v>
      </c>
      <c r="I15386" t="s">
        <v>15</v>
      </c>
      <c r="J15386" s="10">
        <v>16.34422601</v>
      </c>
    </row>
    <row r="15387" spans="1:10" x14ac:dyDescent="0.35">
      <c r="A15387" t="s">
        <v>33</v>
      </c>
      <c r="B15387" t="s">
        <v>92</v>
      </c>
      <c r="C15387" t="s">
        <v>117</v>
      </c>
      <c r="D15387" t="s">
        <v>118</v>
      </c>
      <c r="E15387">
        <v>2012</v>
      </c>
      <c r="F15387">
        <v>2012</v>
      </c>
      <c r="G15387" t="s">
        <v>126</v>
      </c>
      <c r="H15387" t="s">
        <v>120</v>
      </c>
      <c r="I15387" t="s">
        <v>15</v>
      </c>
      <c r="J15387" s="10">
        <v>12.636375470000001</v>
      </c>
    </row>
    <row r="15388" spans="1:10" x14ac:dyDescent="0.35">
      <c r="A15388" t="s">
        <v>33</v>
      </c>
      <c r="B15388" t="s">
        <v>92</v>
      </c>
      <c r="C15388" t="s">
        <v>117</v>
      </c>
      <c r="D15388" t="s">
        <v>118</v>
      </c>
      <c r="E15388">
        <v>2012</v>
      </c>
      <c r="F15388">
        <v>2012</v>
      </c>
      <c r="G15388" t="s">
        <v>126</v>
      </c>
      <c r="H15388" t="s">
        <v>121</v>
      </c>
      <c r="I15388" t="s">
        <v>15</v>
      </c>
      <c r="J15388" s="10">
        <v>32.55826064</v>
      </c>
    </row>
    <row r="15389" spans="1:10" x14ac:dyDescent="0.35">
      <c r="A15389" t="s">
        <v>33</v>
      </c>
      <c r="B15389" t="s">
        <v>92</v>
      </c>
      <c r="C15389" t="s">
        <v>117</v>
      </c>
      <c r="D15389" t="s">
        <v>118</v>
      </c>
      <c r="E15389">
        <v>2012</v>
      </c>
      <c r="F15389">
        <v>2012</v>
      </c>
      <c r="G15389" t="s">
        <v>126</v>
      </c>
      <c r="H15389" t="s">
        <v>122</v>
      </c>
      <c r="I15389" t="s">
        <v>15</v>
      </c>
      <c r="J15389" s="10">
        <v>19.122510089999999</v>
      </c>
    </row>
    <row r="15390" spans="1:10" x14ac:dyDescent="0.35">
      <c r="A15390" t="s">
        <v>33</v>
      </c>
      <c r="B15390" t="s">
        <v>92</v>
      </c>
      <c r="C15390" t="s">
        <v>117</v>
      </c>
      <c r="D15390" t="s">
        <v>118</v>
      </c>
      <c r="E15390">
        <v>2012</v>
      </c>
      <c r="F15390">
        <v>2012</v>
      </c>
      <c r="G15390" t="s">
        <v>126</v>
      </c>
      <c r="H15390" t="s">
        <v>123</v>
      </c>
      <c r="I15390" t="s">
        <v>15</v>
      </c>
      <c r="J15390" s="10">
        <v>16.682723599999999</v>
      </c>
    </row>
    <row r="15391" spans="1:10" x14ac:dyDescent="0.35">
      <c r="A15391" t="s">
        <v>33</v>
      </c>
      <c r="B15391" t="s">
        <v>92</v>
      </c>
      <c r="C15391" t="s">
        <v>117</v>
      </c>
      <c r="D15391" t="s">
        <v>118</v>
      </c>
      <c r="E15391">
        <v>2012</v>
      </c>
      <c r="F15391">
        <v>2012</v>
      </c>
      <c r="G15391" t="s">
        <v>126</v>
      </c>
      <c r="H15391" t="s">
        <v>124</v>
      </c>
      <c r="I15391" t="s">
        <v>15</v>
      </c>
      <c r="J15391" s="10">
        <v>2.6559041790000002</v>
      </c>
    </row>
    <row r="15392" spans="1:10" x14ac:dyDescent="0.35">
      <c r="A15392" t="s">
        <v>33</v>
      </c>
      <c r="B15392" t="s">
        <v>92</v>
      </c>
      <c r="C15392" t="s">
        <v>117</v>
      </c>
      <c r="D15392" t="s">
        <v>118</v>
      </c>
      <c r="E15392">
        <v>2011</v>
      </c>
      <c r="F15392">
        <v>2011</v>
      </c>
      <c r="G15392" t="s">
        <v>14</v>
      </c>
      <c r="H15392" t="s">
        <v>119</v>
      </c>
      <c r="I15392" t="s">
        <v>15</v>
      </c>
      <c r="J15392" s="10">
        <v>17.4944363</v>
      </c>
    </row>
    <row r="15393" spans="1:10" x14ac:dyDescent="0.35">
      <c r="A15393" t="s">
        <v>33</v>
      </c>
      <c r="B15393" t="s">
        <v>92</v>
      </c>
      <c r="C15393" t="s">
        <v>117</v>
      </c>
      <c r="D15393" t="s">
        <v>118</v>
      </c>
      <c r="E15393">
        <v>2011</v>
      </c>
      <c r="F15393">
        <v>2011</v>
      </c>
      <c r="G15393" t="s">
        <v>14</v>
      </c>
      <c r="H15393" t="s">
        <v>120</v>
      </c>
      <c r="I15393" t="s">
        <v>15</v>
      </c>
      <c r="J15393" s="10">
        <v>12.84671335</v>
      </c>
    </row>
    <row r="15394" spans="1:10" x14ac:dyDescent="0.35">
      <c r="A15394" t="s">
        <v>33</v>
      </c>
      <c r="B15394" t="s">
        <v>92</v>
      </c>
      <c r="C15394" t="s">
        <v>117</v>
      </c>
      <c r="D15394" t="s">
        <v>118</v>
      </c>
      <c r="E15394">
        <v>2011</v>
      </c>
      <c r="F15394">
        <v>2011</v>
      </c>
      <c r="G15394" t="s">
        <v>14</v>
      </c>
      <c r="H15394" t="s">
        <v>121</v>
      </c>
      <c r="I15394" t="s">
        <v>15</v>
      </c>
      <c r="J15394" s="10">
        <v>32.691472619999999</v>
      </c>
    </row>
    <row r="15395" spans="1:10" x14ac:dyDescent="0.35">
      <c r="A15395" t="s">
        <v>33</v>
      </c>
      <c r="B15395" t="s">
        <v>92</v>
      </c>
      <c r="C15395" t="s">
        <v>117</v>
      </c>
      <c r="D15395" t="s">
        <v>118</v>
      </c>
      <c r="E15395">
        <v>2011</v>
      </c>
      <c r="F15395">
        <v>2011</v>
      </c>
      <c r="G15395" t="s">
        <v>14</v>
      </c>
      <c r="H15395" t="s">
        <v>122</v>
      </c>
      <c r="I15395" t="s">
        <v>15</v>
      </c>
      <c r="J15395" s="10">
        <v>19.665635349999999</v>
      </c>
    </row>
    <row r="15396" spans="1:10" x14ac:dyDescent="0.35">
      <c r="A15396" t="s">
        <v>33</v>
      </c>
      <c r="B15396" t="s">
        <v>92</v>
      </c>
      <c r="C15396" t="s">
        <v>117</v>
      </c>
      <c r="D15396" t="s">
        <v>118</v>
      </c>
      <c r="E15396">
        <v>2011</v>
      </c>
      <c r="F15396">
        <v>2011</v>
      </c>
      <c r="G15396" t="s">
        <v>14</v>
      </c>
      <c r="H15396" t="s">
        <v>123</v>
      </c>
      <c r="I15396" t="s">
        <v>15</v>
      </c>
      <c r="J15396" s="10">
        <v>15.30016827</v>
      </c>
    </row>
    <row r="15397" spans="1:10" x14ac:dyDescent="0.35">
      <c r="A15397" t="s">
        <v>33</v>
      </c>
      <c r="B15397" t="s">
        <v>92</v>
      </c>
      <c r="C15397" t="s">
        <v>117</v>
      </c>
      <c r="D15397" t="s">
        <v>118</v>
      </c>
      <c r="E15397">
        <v>2011</v>
      </c>
      <c r="F15397">
        <v>2011</v>
      </c>
      <c r="G15397" t="s">
        <v>14</v>
      </c>
      <c r="H15397" t="s">
        <v>124</v>
      </c>
      <c r="I15397" t="s">
        <v>15</v>
      </c>
      <c r="J15397" s="10">
        <v>2.0015741189999998</v>
      </c>
    </row>
    <row r="15398" spans="1:10" x14ac:dyDescent="0.35">
      <c r="A15398" t="s">
        <v>33</v>
      </c>
      <c r="B15398" t="s">
        <v>92</v>
      </c>
      <c r="C15398" t="s">
        <v>117</v>
      </c>
      <c r="D15398" t="s">
        <v>118</v>
      </c>
      <c r="E15398">
        <v>2011</v>
      </c>
      <c r="F15398">
        <v>2011</v>
      </c>
      <c r="G15398" t="s">
        <v>125</v>
      </c>
      <c r="H15398" t="s">
        <v>119</v>
      </c>
      <c r="I15398" t="s">
        <v>15</v>
      </c>
      <c r="J15398" s="10">
        <v>18.75158948</v>
      </c>
    </row>
    <row r="15399" spans="1:10" x14ac:dyDescent="0.35">
      <c r="A15399" t="s">
        <v>33</v>
      </c>
      <c r="B15399" t="s">
        <v>92</v>
      </c>
      <c r="C15399" t="s">
        <v>117</v>
      </c>
      <c r="D15399" t="s">
        <v>118</v>
      </c>
      <c r="E15399">
        <v>2011</v>
      </c>
      <c r="F15399">
        <v>2011</v>
      </c>
      <c r="G15399" t="s">
        <v>125</v>
      </c>
      <c r="H15399" t="s">
        <v>120</v>
      </c>
      <c r="I15399" t="s">
        <v>15</v>
      </c>
      <c r="J15399" s="10">
        <v>12.92492017</v>
      </c>
    </row>
    <row r="15400" spans="1:10" x14ac:dyDescent="0.35">
      <c r="A15400" t="s">
        <v>33</v>
      </c>
      <c r="B15400" t="s">
        <v>92</v>
      </c>
      <c r="C15400" t="s">
        <v>117</v>
      </c>
      <c r="D15400" t="s">
        <v>118</v>
      </c>
      <c r="E15400">
        <v>2011</v>
      </c>
      <c r="F15400">
        <v>2011</v>
      </c>
      <c r="G15400" t="s">
        <v>125</v>
      </c>
      <c r="H15400" t="s">
        <v>121</v>
      </c>
      <c r="I15400" t="s">
        <v>15</v>
      </c>
      <c r="J15400" s="10">
        <v>32.32642912</v>
      </c>
    </row>
    <row r="15401" spans="1:10" x14ac:dyDescent="0.35">
      <c r="A15401" t="s">
        <v>33</v>
      </c>
      <c r="B15401" t="s">
        <v>92</v>
      </c>
      <c r="C15401" t="s">
        <v>117</v>
      </c>
      <c r="D15401" t="s">
        <v>118</v>
      </c>
      <c r="E15401">
        <v>2011</v>
      </c>
      <c r="F15401">
        <v>2011</v>
      </c>
      <c r="G15401" t="s">
        <v>125</v>
      </c>
      <c r="H15401" t="s">
        <v>122</v>
      </c>
      <c r="I15401" t="s">
        <v>15</v>
      </c>
      <c r="J15401" s="10">
        <v>20.27466162</v>
      </c>
    </row>
    <row r="15402" spans="1:10" x14ac:dyDescent="0.35">
      <c r="A15402" t="s">
        <v>33</v>
      </c>
      <c r="B15402" t="s">
        <v>92</v>
      </c>
      <c r="C15402" t="s">
        <v>117</v>
      </c>
      <c r="D15402" t="s">
        <v>118</v>
      </c>
      <c r="E15402">
        <v>2011</v>
      </c>
      <c r="F15402">
        <v>2011</v>
      </c>
      <c r="G15402" t="s">
        <v>125</v>
      </c>
      <c r="H15402" t="s">
        <v>123</v>
      </c>
      <c r="I15402" t="s">
        <v>15</v>
      </c>
      <c r="J15402" s="10">
        <v>14.425386420000001</v>
      </c>
    </row>
    <row r="15403" spans="1:10" x14ac:dyDescent="0.35">
      <c r="A15403" t="s">
        <v>33</v>
      </c>
      <c r="B15403" t="s">
        <v>92</v>
      </c>
      <c r="C15403" t="s">
        <v>117</v>
      </c>
      <c r="D15403" t="s">
        <v>118</v>
      </c>
      <c r="E15403">
        <v>2011</v>
      </c>
      <c r="F15403">
        <v>2011</v>
      </c>
      <c r="G15403" t="s">
        <v>125</v>
      </c>
      <c r="H15403" t="s">
        <v>124</v>
      </c>
      <c r="I15403" t="s">
        <v>15</v>
      </c>
      <c r="J15403" s="10">
        <v>1.297013196</v>
      </c>
    </row>
    <row r="15404" spans="1:10" x14ac:dyDescent="0.35">
      <c r="A15404" t="s">
        <v>33</v>
      </c>
      <c r="B15404" t="s">
        <v>92</v>
      </c>
      <c r="C15404" t="s">
        <v>117</v>
      </c>
      <c r="D15404" t="s">
        <v>118</v>
      </c>
      <c r="E15404">
        <v>2011</v>
      </c>
      <c r="F15404">
        <v>2011</v>
      </c>
      <c r="G15404" t="s">
        <v>126</v>
      </c>
      <c r="H15404" t="s">
        <v>119</v>
      </c>
      <c r="I15404" t="s">
        <v>15</v>
      </c>
      <c r="J15404" s="10">
        <v>16.332924309999999</v>
      </c>
    </row>
    <row r="15405" spans="1:10" x14ac:dyDescent="0.35">
      <c r="A15405" t="s">
        <v>33</v>
      </c>
      <c r="B15405" t="s">
        <v>92</v>
      </c>
      <c r="C15405" t="s">
        <v>117</v>
      </c>
      <c r="D15405" t="s">
        <v>118</v>
      </c>
      <c r="E15405">
        <v>2011</v>
      </c>
      <c r="F15405">
        <v>2011</v>
      </c>
      <c r="G15405" t="s">
        <v>126</v>
      </c>
      <c r="H15405" t="s">
        <v>120</v>
      </c>
      <c r="I15405" t="s">
        <v>15</v>
      </c>
      <c r="J15405" s="10">
        <v>12.77445631</v>
      </c>
    </row>
    <row r="15406" spans="1:10" x14ac:dyDescent="0.35">
      <c r="A15406" t="s">
        <v>33</v>
      </c>
      <c r="B15406" t="s">
        <v>92</v>
      </c>
      <c r="C15406" t="s">
        <v>117</v>
      </c>
      <c r="D15406" t="s">
        <v>118</v>
      </c>
      <c r="E15406">
        <v>2011</v>
      </c>
      <c r="F15406">
        <v>2011</v>
      </c>
      <c r="G15406" t="s">
        <v>126</v>
      </c>
      <c r="H15406" t="s">
        <v>121</v>
      </c>
      <c r="I15406" t="s">
        <v>15</v>
      </c>
      <c r="J15406" s="10">
        <v>33.02874448</v>
      </c>
    </row>
    <row r="15407" spans="1:10" x14ac:dyDescent="0.35">
      <c r="A15407" t="s">
        <v>33</v>
      </c>
      <c r="B15407" t="s">
        <v>92</v>
      </c>
      <c r="C15407" t="s">
        <v>117</v>
      </c>
      <c r="D15407" t="s">
        <v>118</v>
      </c>
      <c r="E15407">
        <v>2011</v>
      </c>
      <c r="F15407">
        <v>2011</v>
      </c>
      <c r="G15407" t="s">
        <v>126</v>
      </c>
      <c r="H15407" t="s">
        <v>122</v>
      </c>
      <c r="I15407" t="s">
        <v>15</v>
      </c>
      <c r="J15407" s="10">
        <v>19.102942330000001</v>
      </c>
    </row>
    <row r="15408" spans="1:10" x14ac:dyDescent="0.35">
      <c r="A15408" t="s">
        <v>33</v>
      </c>
      <c r="B15408" t="s">
        <v>92</v>
      </c>
      <c r="C15408" t="s">
        <v>117</v>
      </c>
      <c r="D15408" t="s">
        <v>118</v>
      </c>
      <c r="E15408">
        <v>2011</v>
      </c>
      <c r="F15408">
        <v>2011</v>
      </c>
      <c r="G15408" t="s">
        <v>126</v>
      </c>
      <c r="H15408" t="s">
        <v>123</v>
      </c>
      <c r="I15408" t="s">
        <v>15</v>
      </c>
      <c r="J15408" s="10">
        <v>16.108398820000001</v>
      </c>
    </row>
    <row r="15409" spans="1:10" x14ac:dyDescent="0.35">
      <c r="A15409" t="s">
        <v>33</v>
      </c>
      <c r="B15409" t="s">
        <v>92</v>
      </c>
      <c r="C15409" t="s">
        <v>117</v>
      </c>
      <c r="D15409" t="s">
        <v>118</v>
      </c>
      <c r="E15409">
        <v>2011</v>
      </c>
      <c r="F15409">
        <v>2011</v>
      </c>
      <c r="G15409" t="s">
        <v>126</v>
      </c>
      <c r="H15409" t="s">
        <v>124</v>
      </c>
      <c r="I15409" t="s">
        <v>15</v>
      </c>
      <c r="J15409" s="10">
        <v>2.6525337439999999</v>
      </c>
    </row>
    <row r="15410" spans="1:10" x14ac:dyDescent="0.35">
      <c r="A15410" t="s">
        <v>35</v>
      </c>
      <c r="B15410" t="s">
        <v>93</v>
      </c>
      <c r="C15410" t="s">
        <v>117</v>
      </c>
      <c r="D15410" t="s">
        <v>118</v>
      </c>
      <c r="E15410">
        <v>2020</v>
      </c>
      <c r="F15410">
        <v>2020</v>
      </c>
      <c r="G15410" t="s">
        <v>14</v>
      </c>
      <c r="H15410" t="s">
        <v>119</v>
      </c>
      <c r="I15410" t="s">
        <v>15</v>
      </c>
      <c r="J15410" s="10">
        <v>17.69925843</v>
      </c>
    </row>
    <row r="15411" spans="1:10" x14ac:dyDescent="0.35">
      <c r="A15411" t="s">
        <v>35</v>
      </c>
      <c r="B15411" t="s">
        <v>93</v>
      </c>
      <c r="C15411" t="s">
        <v>117</v>
      </c>
      <c r="D15411" t="s">
        <v>118</v>
      </c>
      <c r="E15411">
        <v>2020</v>
      </c>
      <c r="F15411">
        <v>2020</v>
      </c>
      <c r="G15411" t="s">
        <v>14</v>
      </c>
      <c r="H15411" t="s">
        <v>120</v>
      </c>
      <c r="I15411" t="s">
        <v>15</v>
      </c>
      <c r="J15411" s="10">
        <v>9.307658752</v>
      </c>
    </row>
    <row r="15412" spans="1:10" x14ac:dyDescent="0.35">
      <c r="A15412" t="s">
        <v>35</v>
      </c>
      <c r="B15412" t="s">
        <v>93</v>
      </c>
      <c r="C15412" t="s">
        <v>117</v>
      </c>
      <c r="D15412" t="s">
        <v>118</v>
      </c>
      <c r="E15412">
        <v>2020</v>
      </c>
      <c r="F15412">
        <v>2020</v>
      </c>
      <c r="G15412" t="s">
        <v>14</v>
      </c>
      <c r="H15412" t="s">
        <v>121</v>
      </c>
      <c r="I15412" t="s">
        <v>15</v>
      </c>
      <c r="J15412" s="10">
        <v>28.691967349999999</v>
      </c>
    </row>
    <row r="15413" spans="1:10" x14ac:dyDescent="0.35">
      <c r="A15413" t="s">
        <v>35</v>
      </c>
      <c r="B15413" t="s">
        <v>93</v>
      </c>
      <c r="C15413" t="s">
        <v>117</v>
      </c>
      <c r="D15413" t="s">
        <v>118</v>
      </c>
      <c r="E15413">
        <v>2020</v>
      </c>
      <c r="F15413">
        <v>2020</v>
      </c>
      <c r="G15413" t="s">
        <v>14</v>
      </c>
      <c r="H15413" t="s">
        <v>122</v>
      </c>
      <c r="I15413" t="s">
        <v>15</v>
      </c>
      <c r="J15413" s="10">
        <v>22.287031840000001</v>
      </c>
    </row>
    <row r="15414" spans="1:10" x14ac:dyDescent="0.35">
      <c r="A15414" t="s">
        <v>35</v>
      </c>
      <c r="B15414" t="s">
        <v>93</v>
      </c>
      <c r="C15414" t="s">
        <v>117</v>
      </c>
      <c r="D15414" t="s">
        <v>118</v>
      </c>
      <c r="E15414">
        <v>2020</v>
      </c>
      <c r="F15414">
        <v>2020</v>
      </c>
      <c r="G15414" t="s">
        <v>14</v>
      </c>
      <c r="H15414" t="s">
        <v>123</v>
      </c>
      <c r="I15414" t="s">
        <v>15</v>
      </c>
      <c r="J15414" s="10">
        <v>19.147504210000001</v>
      </c>
    </row>
    <row r="15415" spans="1:10" x14ac:dyDescent="0.35">
      <c r="A15415" t="s">
        <v>35</v>
      </c>
      <c r="B15415" t="s">
        <v>93</v>
      </c>
      <c r="C15415" t="s">
        <v>117</v>
      </c>
      <c r="D15415" t="s">
        <v>118</v>
      </c>
      <c r="E15415">
        <v>2020</v>
      </c>
      <c r="F15415">
        <v>2020</v>
      </c>
      <c r="G15415" t="s">
        <v>14</v>
      </c>
      <c r="H15415" t="s">
        <v>124</v>
      </c>
      <c r="I15415" t="s">
        <v>15</v>
      </c>
      <c r="J15415" s="10">
        <v>2.8665794230000001</v>
      </c>
    </row>
    <row r="15416" spans="1:10" x14ac:dyDescent="0.35">
      <c r="A15416" t="s">
        <v>35</v>
      </c>
      <c r="B15416" t="s">
        <v>93</v>
      </c>
      <c r="C15416" t="s">
        <v>117</v>
      </c>
      <c r="D15416" t="s">
        <v>118</v>
      </c>
      <c r="E15416">
        <v>2020</v>
      </c>
      <c r="F15416">
        <v>2020</v>
      </c>
      <c r="G15416" t="s">
        <v>125</v>
      </c>
      <c r="H15416" t="s">
        <v>119</v>
      </c>
      <c r="I15416" t="s">
        <v>15</v>
      </c>
      <c r="J15416" s="10">
        <v>18.71238232</v>
      </c>
    </row>
    <row r="15417" spans="1:10" x14ac:dyDescent="0.35">
      <c r="A15417" t="s">
        <v>35</v>
      </c>
      <c r="B15417" t="s">
        <v>93</v>
      </c>
      <c r="C15417" t="s">
        <v>117</v>
      </c>
      <c r="D15417" t="s">
        <v>118</v>
      </c>
      <c r="E15417">
        <v>2020</v>
      </c>
      <c r="F15417">
        <v>2020</v>
      </c>
      <c r="G15417" t="s">
        <v>125</v>
      </c>
      <c r="H15417" t="s">
        <v>120</v>
      </c>
      <c r="I15417" t="s">
        <v>15</v>
      </c>
      <c r="J15417" s="10">
        <v>10.260301460000001</v>
      </c>
    </row>
    <row r="15418" spans="1:10" x14ac:dyDescent="0.35">
      <c r="A15418" t="s">
        <v>35</v>
      </c>
      <c r="B15418" t="s">
        <v>93</v>
      </c>
      <c r="C15418" t="s">
        <v>117</v>
      </c>
      <c r="D15418" t="s">
        <v>118</v>
      </c>
      <c r="E15418">
        <v>2020</v>
      </c>
      <c r="F15418">
        <v>2020</v>
      </c>
      <c r="G15418" t="s">
        <v>125</v>
      </c>
      <c r="H15418" t="s">
        <v>121</v>
      </c>
      <c r="I15418" t="s">
        <v>15</v>
      </c>
      <c r="J15418" s="10">
        <v>29.07042543</v>
      </c>
    </row>
    <row r="15419" spans="1:10" x14ac:dyDescent="0.35">
      <c r="A15419" t="s">
        <v>35</v>
      </c>
      <c r="B15419" t="s">
        <v>93</v>
      </c>
      <c r="C15419" t="s">
        <v>117</v>
      </c>
      <c r="D15419" t="s">
        <v>118</v>
      </c>
      <c r="E15419">
        <v>2020</v>
      </c>
      <c r="F15419">
        <v>2020</v>
      </c>
      <c r="G15419" t="s">
        <v>125</v>
      </c>
      <c r="H15419" t="s">
        <v>122</v>
      </c>
      <c r="I15419" t="s">
        <v>15</v>
      </c>
      <c r="J15419" s="10">
        <v>21.69350275</v>
      </c>
    </row>
    <row r="15420" spans="1:10" x14ac:dyDescent="0.35">
      <c r="A15420" t="s">
        <v>35</v>
      </c>
      <c r="B15420" t="s">
        <v>93</v>
      </c>
      <c r="C15420" t="s">
        <v>117</v>
      </c>
      <c r="D15420" t="s">
        <v>118</v>
      </c>
      <c r="E15420">
        <v>2020</v>
      </c>
      <c r="F15420">
        <v>2020</v>
      </c>
      <c r="G15420" t="s">
        <v>125</v>
      </c>
      <c r="H15420" t="s">
        <v>123</v>
      </c>
      <c r="I15420" t="s">
        <v>15</v>
      </c>
      <c r="J15420" s="10">
        <v>17.97674778</v>
      </c>
    </row>
    <row r="15421" spans="1:10" x14ac:dyDescent="0.35">
      <c r="A15421" t="s">
        <v>35</v>
      </c>
      <c r="B15421" t="s">
        <v>93</v>
      </c>
      <c r="C15421" t="s">
        <v>117</v>
      </c>
      <c r="D15421" t="s">
        <v>118</v>
      </c>
      <c r="E15421">
        <v>2020</v>
      </c>
      <c r="F15421">
        <v>2020</v>
      </c>
      <c r="G15421" t="s">
        <v>125</v>
      </c>
      <c r="H15421" t="s">
        <v>124</v>
      </c>
      <c r="I15421" t="s">
        <v>15</v>
      </c>
      <c r="J15421" s="10">
        <v>2.2866402589999999</v>
      </c>
    </row>
    <row r="15422" spans="1:10" x14ac:dyDescent="0.35">
      <c r="A15422" t="s">
        <v>35</v>
      </c>
      <c r="B15422" t="s">
        <v>93</v>
      </c>
      <c r="C15422" t="s">
        <v>117</v>
      </c>
      <c r="D15422" t="s">
        <v>118</v>
      </c>
      <c r="E15422">
        <v>2020</v>
      </c>
      <c r="F15422">
        <v>2020</v>
      </c>
      <c r="G15422" t="s">
        <v>126</v>
      </c>
      <c r="H15422" t="s">
        <v>119</v>
      </c>
      <c r="I15422" t="s">
        <v>15</v>
      </c>
      <c r="J15422" s="10">
        <v>16.74686268</v>
      </c>
    </row>
    <row r="15423" spans="1:10" x14ac:dyDescent="0.35">
      <c r="A15423" t="s">
        <v>35</v>
      </c>
      <c r="B15423" t="s">
        <v>93</v>
      </c>
      <c r="C15423" t="s">
        <v>117</v>
      </c>
      <c r="D15423" t="s">
        <v>118</v>
      </c>
      <c r="E15423">
        <v>2020</v>
      </c>
      <c r="F15423">
        <v>2020</v>
      </c>
      <c r="G15423" t="s">
        <v>126</v>
      </c>
      <c r="H15423" t="s">
        <v>120</v>
      </c>
      <c r="I15423" t="s">
        <v>15</v>
      </c>
      <c r="J15423" s="10">
        <v>8.4121188670000002</v>
      </c>
    </row>
    <row r="15424" spans="1:10" x14ac:dyDescent="0.35">
      <c r="A15424" t="s">
        <v>35</v>
      </c>
      <c r="B15424" t="s">
        <v>93</v>
      </c>
      <c r="C15424" t="s">
        <v>117</v>
      </c>
      <c r="D15424" t="s">
        <v>118</v>
      </c>
      <c r="E15424">
        <v>2020</v>
      </c>
      <c r="F15424">
        <v>2020</v>
      </c>
      <c r="G15424" t="s">
        <v>126</v>
      </c>
      <c r="H15424" t="s">
        <v>121</v>
      </c>
      <c r="I15424" t="s">
        <v>15</v>
      </c>
      <c r="J15424" s="10">
        <v>28.336194599999999</v>
      </c>
    </row>
    <row r="15425" spans="1:10" x14ac:dyDescent="0.35">
      <c r="A15425" t="s">
        <v>35</v>
      </c>
      <c r="B15425" t="s">
        <v>93</v>
      </c>
      <c r="C15425" t="s">
        <v>117</v>
      </c>
      <c r="D15425" t="s">
        <v>118</v>
      </c>
      <c r="E15425">
        <v>2020</v>
      </c>
      <c r="F15425">
        <v>2020</v>
      </c>
      <c r="G15425" t="s">
        <v>126</v>
      </c>
      <c r="H15425" t="s">
        <v>122</v>
      </c>
      <c r="I15425" t="s">
        <v>15</v>
      </c>
      <c r="J15425" s="10">
        <v>22.844983920000001</v>
      </c>
    </row>
    <row r="15426" spans="1:10" x14ac:dyDescent="0.35">
      <c r="A15426" t="s">
        <v>35</v>
      </c>
      <c r="B15426" t="s">
        <v>93</v>
      </c>
      <c r="C15426" t="s">
        <v>117</v>
      </c>
      <c r="D15426" t="s">
        <v>118</v>
      </c>
      <c r="E15426">
        <v>2020</v>
      </c>
      <c r="F15426">
        <v>2020</v>
      </c>
      <c r="G15426" t="s">
        <v>126</v>
      </c>
      <c r="H15426" t="s">
        <v>123</v>
      </c>
      <c r="I15426" t="s">
        <v>15</v>
      </c>
      <c r="J15426" s="10">
        <v>20.24808376</v>
      </c>
    </row>
    <row r="15427" spans="1:10" x14ac:dyDescent="0.35">
      <c r="A15427" t="s">
        <v>35</v>
      </c>
      <c r="B15427" t="s">
        <v>93</v>
      </c>
      <c r="C15427" t="s">
        <v>117</v>
      </c>
      <c r="D15427" t="s">
        <v>118</v>
      </c>
      <c r="E15427">
        <v>2020</v>
      </c>
      <c r="F15427">
        <v>2020</v>
      </c>
      <c r="G15427" t="s">
        <v>126</v>
      </c>
      <c r="H15427" t="s">
        <v>124</v>
      </c>
      <c r="I15427" t="s">
        <v>15</v>
      </c>
      <c r="J15427" s="10">
        <v>3.411756172</v>
      </c>
    </row>
    <row r="15428" spans="1:10" x14ac:dyDescent="0.35">
      <c r="A15428" t="s">
        <v>35</v>
      </c>
      <c r="B15428" t="s">
        <v>93</v>
      </c>
      <c r="C15428" t="s">
        <v>117</v>
      </c>
      <c r="D15428" t="s">
        <v>118</v>
      </c>
      <c r="E15428">
        <v>2019</v>
      </c>
      <c r="F15428">
        <v>2019</v>
      </c>
      <c r="G15428" t="s">
        <v>14</v>
      </c>
      <c r="H15428" t="s">
        <v>119</v>
      </c>
      <c r="I15428" t="s">
        <v>15</v>
      </c>
      <c r="J15428" s="10">
        <v>17.632916439999999</v>
      </c>
    </row>
    <row r="15429" spans="1:10" x14ac:dyDescent="0.35">
      <c r="A15429" t="s">
        <v>35</v>
      </c>
      <c r="B15429" t="s">
        <v>93</v>
      </c>
      <c r="C15429" t="s">
        <v>117</v>
      </c>
      <c r="D15429" t="s">
        <v>118</v>
      </c>
      <c r="E15429">
        <v>2019</v>
      </c>
      <c r="F15429">
        <v>2019</v>
      </c>
      <c r="G15429" t="s">
        <v>14</v>
      </c>
      <c r="H15429" t="s">
        <v>120</v>
      </c>
      <c r="I15429" t="s">
        <v>15</v>
      </c>
      <c r="J15429" s="10">
        <v>9.5233942900000006</v>
      </c>
    </row>
    <row r="15430" spans="1:10" x14ac:dyDescent="0.35">
      <c r="A15430" t="s">
        <v>35</v>
      </c>
      <c r="B15430" t="s">
        <v>93</v>
      </c>
      <c r="C15430" t="s">
        <v>117</v>
      </c>
      <c r="D15430" t="s">
        <v>118</v>
      </c>
      <c r="E15430">
        <v>2019</v>
      </c>
      <c r="F15430">
        <v>2019</v>
      </c>
      <c r="G15430" t="s">
        <v>14</v>
      </c>
      <c r="H15430" t="s">
        <v>121</v>
      </c>
      <c r="I15430" t="s">
        <v>15</v>
      </c>
      <c r="J15430" s="10">
        <v>28.70721013</v>
      </c>
    </row>
    <row r="15431" spans="1:10" x14ac:dyDescent="0.35">
      <c r="A15431" t="s">
        <v>35</v>
      </c>
      <c r="B15431" t="s">
        <v>93</v>
      </c>
      <c r="C15431" t="s">
        <v>117</v>
      </c>
      <c r="D15431" t="s">
        <v>118</v>
      </c>
      <c r="E15431">
        <v>2019</v>
      </c>
      <c r="F15431">
        <v>2019</v>
      </c>
      <c r="G15431" t="s">
        <v>14</v>
      </c>
      <c r="H15431" t="s">
        <v>122</v>
      </c>
      <c r="I15431" t="s">
        <v>15</v>
      </c>
      <c r="J15431" s="10">
        <v>22.339179829999999</v>
      </c>
    </row>
    <row r="15432" spans="1:10" x14ac:dyDescent="0.35">
      <c r="A15432" t="s">
        <v>35</v>
      </c>
      <c r="B15432" t="s">
        <v>93</v>
      </c>
      <c r="C15432" t="s">
        <v>117</v>
      </c>
      <c r="D15432" t="s">
        <v>118</v>
      </c>
      <c r="E15432">
        <v>2019</v>
      </c>
      <c r="F15432">
        <v>2019</v>
      </c>
      <c r="G15432" t="s">
        <v>14</v>
      </c>
      <c r="H15432" t="s">
        <v>123</v>
      </c>
      <c r="I15432" t="s">
        <v>15</v>
      </c>
      <c r="J15432" s="10">
        <v>18.927201159999999</v>
      </c>
    </row>
    <row r="15433" spans="1:10" x14ac:dyDescent="0.35">
      <c r="A15433" t="s">
        <v>35</v>
      </c>
      <c r="B15433" t="s">
        <v>93</v>
      </c>
      <c r="C15433" t="s">
        <v>117</v>
      </c>
      <c r="D15433" t="s">
        <v>118</v>
      </c>
      <c r="E15433">
        <v>2019</v>
      </c>
      <c r="F15433">
        <v>2019</v>
      </c>
      <c r="G15433" t="s">
        <v>14</v>
      </c>
      <c r="H15433" t="s">
        <v>124</v>
      </c>
      <c r="I15433" t="s">
        <v>15</v>
      </c>
      <c r="J15433" s="10">
        <v>2.870098161</v>
      </c>
    </row>
    <row r="15434" spans="1:10" x14ac:dyDescent="0.35">
      <c r="A15434" t="s">
        <v>35</v>
      </c>
      <c r="B15434" t="s">
        <v>93</v>
      </c>
      <c r="C15434" t="s">
        <v>117</v>
      </c>
      <c r="D15434" t="s">
        <v>118</v>
      </c>
      <c r="E15434">
        <v>2019</v>
      </c>
      <c r="F15434">
        <v>2019</v>
      </c>
      <c r="G15434" t="s">
        <v>125</v>
      </c>
      <c r="H15434" t="s">
        <v>119</v>
      </c>
      <c r="I15434" t="s">
        <v>15</v>
      </c>
      <c r="J15434" s="10">
        <v>18.65183583</v>
      </c>
    </row>
    <row r="15435" spans="1:10" x14ac:dyDescent="0.35">
      <c r="A15435" t="s">
        <v>35</v>
      </c>
      <c r="B15435" t="s">
        <v>93</v>
      </c>
      <c r="C15435" t="s">
        <v>117</v>
      </c>
      <c r="D15435" t="s">
        <v>118</v>
      </c>
      <c r="E15435">
        <v>2019</v>
      </c>
      <c r="F15435">
        <v>2019</v>
      </c>
      <c r="G15435" t="s">
        <v>125</v>
      </c>
      <c r="H15435" t="s">
        <v>120</v>
      </c>
      <c r="I15435" t="s">
        <v>15</v>
      </c>
      <c r="J15435" s="10">
        <v>10.48457696</v>
      </c>
    </row>
    <row r="15436" spans="1:10" x14ac:dyDescent="0.35">
      <c r="A15436" t="s">
        <v>35</v>
      </c>
      <c r="B15436" t="s">
        <v>93</v>
      </c>
      <c r="C15436" t="s">
        <v>117</v>
      </c>
      <c r="D15436" t="s">
        <v>118</v>
      </c>
      <c r="E15436">
        <v>2019</v>
      </c>
      <c r="F15436">
        <v>2019</v>
      </c>
      <c r="G15436" t="s">
        <v>125</v>
      </c>
      <c r="H15436" t="s">
        <v>121</v>
      </c>
      <c r="I15436" t="s">
        <v>15</v>
      </c>
      <c r="J15436" s="10">
        <v>28.96647613</v>
      </c>
    </row>
    <row r="15437" spans="1:10" x14ac:dyDescent="0.35">
      <c r="A15437" t="s">
        <v>35</v>
      </c>
      <c r="B15437" t="s">
        <v>93</v>
      </c>
      <c r="C15437" t="s">
        <v>117</v>
      </c>
      <c r="D15437" t="s">
        <v>118</v>
      </c>
      <c r="E15437">
        <v>2019</v>
      </c>
      <c r="F15437">
        <v>2019</v>
      </c>
      <c r="G15437" t="s">
        <v>125</v>
      </c>
      <c r="H15437" t="s">
        <v>122</v>
      </c>
      <c r="I15437" t="s">
        <v>15</v>
      </c>
      <c r="J15437" s="10">
        <v>21.870333179999999</v>
      </c>
    </row>
    <row r="15438" spans="1:10" x14ac:dyDescent="0.35">
      <c r="A15438" t="s">
        <v>35</v>
      </c>
      <c r="B15438" t="s">
        <v>93</v>
      </c>
      <c r="C15438" t="s">
        <v>117</v>
      </c>
      <c r="D15438" t="s">
        <v>118</v>
      </c>
      <c r="E15438">
        <v>2019</v>
      </c>
      <c r="F15438">
        <v>2019</v>
      </c>
      <c r="G15438" t="s">
        <v>125</v>
      </c>
      <c r="H15438" t="s">
        <v>123</v>
      </c>
      <c r="I15438" t="s">
        <v>15</v>
      </c>
      <c r="J15438" s="10">
        <v>17.781554150000002</v>
      </c>
    </row>
    <row r="15439" spans="1:10" x14ac:dyDescent="0.35">
      <c r="A15439" t="s">
        <v>35</v>
      </c>
      <c r="B15439" t="s">
        <v>93</v>
      </c>
      <c r="C15439" t="s">
        <v>117</v>
      </c>
      <c r="D15439" t="s">
        <v>118</v>
      </c>
      <c r="E15439">
        <v>2019</v>
      </c>
      <c r="F15439">
        <v>2019</v>
      </c>
      <c r="G15439" t="s">
        <v>125</v>
      </c>
      <c r="H15439" t="s">
        <v>124</v>
      </c>
      <c r="I15439" t="s">
        <v>15</v>
      </c>
      <c r="J15439" s="10">
        <v>2.2452237500000001</v>
      </c>
    </row>
    <row r="15440" spans="1:10" x14ac:dyDescent="0.35">
      <c r="A15440" t="s">
        <v>35</v>
      </c>
      <c r="B15440" t="s">
        <v>93</v>
      </c>
      <c r="C15440" t="s">
        <v>117</v>
      </c>
      <c r="D15440" t="s">
        <v>118</v>
      </c>
      <c r="E15440">
        <v>2019</v>
      </c>
      <c r="F15440">
        <v>2019</v>
      </c>
      <c r="G15440" t="s">
        <v>126</v>
      </c>
      <c r="H15440" t="s">
        <v>119</v>
      </c>
      <c r="I15440" t="s">
        <v>15</v>
      </c>
      <c r="J15440" s="10">
        <v>16.677928470000001</v>
      </c>
    </row>
    <row r="15441" spans="1:10" x14ac:dyDescent="0.35">
      <c r="A15441" t="s">
        <v>35</v>
      </c>
      <c r="B15441" t="s">
        <v>93</v>
      </c>
      <c r="C15441" t="s">
        <v>117</v>
      </c>
      <c r="D15441" t="s">
        <v>118</v>
      </c>
      <c r="E15441">
        <v>2019</v>
      </c>
      <c r="F15441">
        <v>2019</v>
      </c>
      <c r="G15441" t="s">
        <v>126</v>
      </c>
      <c r="H15441" t="s">
        <v>120</v>
      </c>
      <c r="I15441" t="s">
        <v>15</v>
      </c>
      <c r="J15441" s="10">
        <v>8.6225203920000002</v>
      </c>
    </row>
    <row r="15442" spans="1:10" x14ac:dyDescent="0.35">
      <c r="A15442" t="s">
        <v>35</v>
      </c>
      <c r="B15442" t="s">
        <v>93</v>
      </c>
      <c r="C15442" t="s">
        <v>117</v>
      </c>
      <c r="D15442" t="s">
        <v>118</v>
      </c>
      <c r="E15442">
        <v>2019</v>
      </c>
      <c r="F15442">
        <v>2019</v>
      </c>
      <c r="G15442" t="s">
        <v>126</v>
      </c>
      <c r="H15442" t="s">
        <v>121</v>
      </c>
      <c r="I15442" t="s">
        <v>15</v>
      </c>
      <c r="J15442" s="10">
        <v>28.464211590000001</v>
      </c>
    </row>
    <row r="15443" spans="1:10" x14ac:dyDescent="0.35">
      <c r="A15443" t="s">
        <v>35</v>
      </c>
      <c r="B15443" t="s">
        <v>93</v>
      </c>
      <c r="C15443" t="s">
        <v>117</v>
      </c>
      <c r="D15443" t="s">
        <v>118</v>
      </c>
      <c r="E15443">
        <v>2019</v>
      </c>
      <c r="F15443">
        <v>2019</v>
      </c>
      <c r="G15443" t="s">
        <v>126</v>
      </c>
      <c r="H15443" t="s">
        <v>122</v>
      </c>
      <c r="I15443" t="s">
        <v>15</v>
      </c>
      <c r="J15443" s="10">
        <v>22.77860901</v>
      </c>
    </row>
    <row r="15444" spans="1:10" x14ac:dyDescent="0.35">
      <c r="A15444" t="s">
        <v>35</v>
      </c>
      <c r="B15444" t="s">
        <v>93</v>
      </c>
      <c r="C15444" t="s">
        <v>117</v>
      </c>
      <c r="D15444" t="s">
        <v>118</v>
      </c>
      <c r="E15444">
        <v>2019</v>
      </c>
      <c r="F15444">
        <v>2019</v>
      </c>
      <c r="G15444" t="s">
        <v>126</v>
      </c>
      <c r="H15444" t="s">
        <v>123</v>
      </c>
      <c r="I15444" t="s">
        <v>15</v>
      </c>
      <c r="J15444" s="10">
        <v>20.000965300000001</v>
      </c>
    </row>
    <row r="15445" spans="1:10" x14ac:dyDescent="0.35">
      <c r="A15445" t="s">
        <v>35</v>
      </c>
      <c r="B15445" t="s">
        <v>93</v>
      </c>
      <c r="C15445" t="s">
        <v>117</v>
      </c>
      <c r="D15445" t="s">
        <v>118</v>
      </c>
      <c r="E15445">
        <v>2019</v>
      </c>
      <c r="F15445">
        <v>2019</v>
      </c>
      <c r="G15445" t="s">
        <v>126</v>
      </c>
      <c r="H15445" t="s">
        <v>124</v>
      </c>
      <c r="I15445" t="s">
        <v>15</v>
      </c>
      <c r="J15445" s="10">
        <v>3.4557652399999998</v>
      </c>
    </row>
    <row r="15446" spans="1:10" x14ac:dyDescent="0.35">
      <c r="A15446" t="s">
        <v>35</v>
      </c>
      <c r="B15446" t="s">
        <v>93</v>
      </c>
      <c r="C15446" t="s">
        <v>117</v>
      </c>
      <c r="D15446" t="s">
        <v>118</v>
      </c>
      <c r="E15446">
        <v>2018</v>
      </c>
      <c r="F15446">
        <v>2018</v>
      </c>
      <c r="G15446" t="s">
        <v>14</v>
      </c>
      <c r="H15446" t="s">
        <v>119</v>
      </c>
      <c r="I15446" t="s">
        <v>15</v>
      </c>
      <c r="J15446" s="10">
        <v>17.434724460000002</v>
      </c>
    </row>
    <row r="15447" spans="1:10" x14ac:dyDescent="0.35">
      <c r="A15447" t="s">
        <v>35</v>
      </c>
      <c r="B15447" t="s">
        <v>93</v>
      </c>
      <c r="C15447" t="s">
        <v>117</v>
      </c>
      <c r="D15447" t="s">
        <v>118</v>
      </c>
      <c r="E15447">
        <v>2018</v>
      </c>
      <c r="F15447">
        <v>2018</v>
      </c>
      <c r="G15447" t="s">
        <v>14</v>
      </c>
      <c r="H15447" t="s">
        <v>120</v>
      </c>
      <c r="I15447" t="s">
        <v>15</v>
      </c>
      <c r="J15447" s="10">
        <v>9.9128826229999998</v>
      </c>
    </row>
    <row r="15448" spans="1:10" x14ac:dyDescent="0.35">
      <c r="A15448" t="s">
        <v>35</v>
      </c>
      <c r="B15448" t="s">
        <v>93</v>
      </c>
      <c r="C15448" t="s">
        <v>117</v>
      </c>
      <c r="D15448" t="s">
        <v>118</v>
      </c>
      <c r="E15448">
        <v>2018</v>
      </c>
      <c r="F15448">
        <v>2018</v>
      </c>
      <c r="G15448" t="s">
        <v>14</v>
      </c>
      <c r="H15448" t="s">
        <v>121</v>
      </c>
      <c r="I15448" t="s">
        <v>15</v>
      </c>
      <c r="J15448" s="10">
        <v>28.74873449</v>
      </c>
    </row>
    <row r="15449" spans="1:10" x14ac:dyDescent="0.35">
      <c r="A15449" t="s">
        <v>35</v>
      </c>
      <c r="B15449" t="s">
        <v>93</v>
      </c>
      <c r="C15449" t="s">
        <v>117</v>
      </c>
      <c r="D15449" t="s">
        <v>118</v>
      </c>
      <c r="E15449">
        <v>2018</v>
      </c>
      <c r="F15449">
        <v>2018</v>
      </c>
      <c r="G15449" t="s">
        <v>14</v>
      </c>
      <c r="H15449" t="s">
        <v>122</v>
      </c>
      <c r="I15449" t="s">
        <v>15</v>
      </c>
      <c r="J15449" s="10">
        <v>22.40303973</v>
      </c>
    </row>
    <row r="15450" spans="1:10" x14ac:dyDescent="0.35">
      <c r="A15450" t="s">
        <v>35</v>
      </c>
      <c r="B15450" t="s">
        <v>93</v>
      </c>
      <c r="C15450" t="s">
        <v>117</v>
      </c>
      <c r="D15450" t="s">
        <v>118</v>
      </c>
      <c r="E15450">
        <v>2018</v>
      </c>
      <c r="F15450">
        <v>2018</v>
      </c>
      <c r="G15450" t="s">
        <v>14</v>
      </c>
      <c r="H15450" t="s">
        <v>123</v>
      </c>
      <c r="I15450" t="s">
        <v>15</v>
      </c>
      <c r="J15450" s="10">
        <v>18.723361709999999</v>
      </c>
    </row>
    <row r="15451" spans="1:10" x14ac:dyDescent="0.35">
      <c r="A15451" t="s">
        <v>35</v>
      </c>
      <c r="B15451" t="s">
        <v>93</v>
      </c>
      <c r="C15451" t="s">
        <v>117</v>
      </c>
      <c r="D15451" t="s">
        <v>118</v>
      </c>
      <c r="E15451">
        <v>2018</v>
      </c>
      <c r="F15451">
        <v>2018</v>
      </c>
      <c r="G15451" t="s">
        <v>14</v>
      </c>
      <c r="H15451" t="s">
        <v>124</v>
      </c>
      <c r="I15451" t="s">
        <v>15</v>
      </c>
      <c r="J15451" s="10">
        <v>2.7772569900000001</v>
      </c>
    </row>
    <row r="15452" spans="1:10" x14ac:dyDescent="0.35">
      <c r="A15452" t="s">
        <v>35</v>
      </c>
      <c r="B15452" t="s">
        <v>93</v>
      </c>
      <c r="C15452" t="s">
        <v>117</v>
      </c>
      <c r="D15452" t="s">
        <v>118</v>
      </c>
      <c r="E15452">
        <v>2018</v>
      </c>
      <c r="F15452">
        <v>2018</v>
      </c>
      <c r="G15452" t="s">
        <v>125</v>
      </c>
      <c r="H15452" t="s">
        <v>119</v>
      </c>
      <c r="I15452" t="s">
        <v>15</v>
      </c>
      <c r="J15452" s="10">
        <v>18.467852260000001</v>
      </c>
    </row>
    <row r="15453" spans="1:10" x14ac:dyDescent="0.35">
      <c r="A15453" t="s">
        <v>35</v>
      </c>
      <c r="B15453" t="s">
        <v>93</v>
      </c>
      <c r="C15453" t="s">
        <v>117</v>
      </c>
      <c r="D15453" t="s">
        <v>118</v>
      </c>
      <c r="E15453">
        <v>2018</v>
      </c>
      <c r="F15453">
        <v>2018</v>
      </c>
      <c r="G15453" t="s">
        <v>125</v>
      </c>
      <c r="H15453" t="s">
        <v>120</v>
      </c>
      <c r="I15453" t="s">
        <v>15</v>
      </c>
      <c r="J15453" s="10">
        <v>10.96972356</v>
      </c>
    </row>
    <row r="15454" spans="1:10" x14ac:dyDescent="0.35">
      <c r="A15454" t="s">
        <v>35</v>
      </c>
      <c r="B15454" t="s">
        <v>93</v>
      </c>
      <c r="C15454" t="s">
        <v>117</v>
      </c>
      <c r="D15454" t="s">
        <v>118</v>
      </c>
      <c r="E15454">
        <v>2018</v>
      </c>
      <c r="F15454">
        <v>2018</v>
      </c>
      <c r="G15454" t="s">
        <v>125</v>
      </c>
      <c r="H15454" t="s">
        <v>121</v>
      </c>
      <c r="I15454" t="s">
        <v>15</v>
      </c>
      <c r="J15454" s="10">
        <v>28.79487907</v>
      </c>
    </row>
    <row r="15455" spans="1:10" x14ac:dyDescent="0.35">
      <c r="A15455" t="s">
        <v>35</v>
      </c>
      <c r="B15455" t="s">
        <v>93</v>
      </c>
      <c r="C15455" t="s">
        <v>117</v>
      </c>
      <c r="D15455" t="s">
        <v>118</v>
      </c>
      <c r="E15455">
        <v>2018</v>
      </c>
      <c r="F15455">
        <v>2018</v>
      </c>
      <c r="G15455" t="s">
        <v>125</v>
      </c>
      <c r="H15455" t="s">
        <v>122</v>
      </c>
      <c r="I15455" t="s">
        <v>15</v>
      </c>
      <c r="J15455" s="10">
        <v>21.934284900000002</v>
      </c>
    </row>
    <row r="15456" spans="1:10" x14ac:dyDescent="0.35">
      <c r="A15456" t="s">
        <v>35</v>
      </c>
      <c r="B15456" t="s">
        <v>93</v>
      </c>
      <c r="C15456" t="s">
        <v>117</v>
      </c>
      <c r="D15456" t="s">
        <v>118</v>
      </c>
      <c r="E15456">
        <v>2018</v>
      </c>
      <c r="F15456">
        <v>2018</v>
      </c>
      <c r="G15456" t="s">
        <v>125</v>
      </c>
      <c r="H15456" t="s">
        <v>123</v>
      </c>
      <c r="I15456" t="s">
        <v>15</v>
      </c>
      <c r="J15456" s="10">
        <v>17.652221050000001</v>
      </c>
    </row>
    <row r="15457" spans="1:10" x14ac:dyDescent="0.35">
      <c r="A15457" t="s">
        <v>35</v>
      </c>
      <c r="B15457" t="s">
        <v>93</v>
      </c>
      <c r="C15457" t="s">
        <v>117</v>
      </c>
      <c r="D15457" t="s">
        <v>118</v>
      </c>
      <c r="E15457">
        <v>2018</v>
      </c>
      <c r="F15457">
        <v>2018</v>
      </c>
      <c r="G15457" t="s">
        <v>125</v>
      </c>
      <c r="H15457" t="s">
        <v>124</v>
      </c>
      <c r="I15457" t="s">
        <v>15</v>
      </c>
      <c r="J15457" s="10">
        <v>2.1810391550000001</v>
      </c>
    </row>
    <row r="15458" spans="1:10" x14ac:dyDescent="0.35">
      <c r="A15458" t="s">
        <v>35</v>
      </c>
      <c r="B15458" t="s">
        <v>93</v>
      </c>
      <c r="C15458" t="s">
        <v>117</v>
      </c>
      <c r="D15458" t="s">
        <v>118</v>
      </c>
      <c r="E15458">
        <v>2018</v>
      </c>
      <c r="F15458">
        <v>2018</v>
      </c>
      <c r="G15458" t="s">
        <v>126</v>
      </c>
      <c r="H15458" t="s">
        <v>119</v>
      </c>
      <c r="I15458" t="s">
        <v>15</v>
      </c>
      <c r="J15458" s="10">
        <v>16.464715009999999</v>
      </c>
    </row>
    <row r="15459" spans="1:10" x14ac:dyDescent="0.35">
      <c r="A15459" t="s">
        <v>35</v>
      </c>
      <c r="B15459" t="s">
        <v>93</v>
      </c>
      <c r="C15459" t="s">
        <v>117</v>
      </c>
      <c r="D15459" t="s">
        <v>118</v>
      </c>
      <c r="E15459">
        <v>2018</v>
      </c>
      <c r="F15459">
        <v>2018</v>
      </c>
      <c r="G15459" t="s">
        <v>126</v>
      </c>
      <c r="H15459" t="s">
        <v>120</v>
      </c>
      <c r="I15459" t="s">
        <v>15</v>
      </c>
      <c r="J15459" s="10">
        <v>8.9206087630000006</v>
      </c>
    </row>
    <row r="15460" spans="1:10" x14ac:dyDescent="0.35">
      <c r="A15460" t="s">
        <v>35</v>
      </c>
      <c r="B15460" t="s">
        <v>93</v>
      </c>
      <c r="C15460" t="s">
        <v>117</v>
      </c>
      <c r="D15460" t="s">
        <v>118</v>
      </c>
      <c r="E15460">
        <v>2018</v>
      </c>
      <c r="F15460">
        <v>2018</v>
      </c>
      <c r="G15460" t="s">
        <v>126</v>
      </c>
      <c r="H15460" t="s">
        <v>121</v>
      </c>
      <c r="I15460" t="s">
        <v>15</v>
      </c>
      <c r="J15460" s="10">
        <v>28.705409070000002</v>
      </c>
    </row>
    <row r="15461" spans="1:10" x14ac:dyDescent="0.35">
      <c r="A15461" t="s">
        <v>35</v>
      </c>
      <c r="B15461" t="s">
        <v>93</v>
      </c>
      <c r="C15461" t="s">
        <v>117</v>
      </c>
      <c r="D15461" t="s">
        <v>118</v>
      </c>
      <c r="E15461">
        <v>2018</v>
      </c>
      <c r="F15461">
        <v>2018</v>
      </c>
      <c r="G15461" t="s">
        <v>126</v>
      </c>
      <c r="H15461" t="s">
        <v>122</v>
      </c>
      <c r="I15461" t="s">
        <v>15</v>
      </c>
      <c r="J15461" s="10">
        <v>22.843156260000001</v>
      </c>
    </row>
    <row r="15462" spans="1:10" x14ac:dyDescent="0.35">
      <c r="A15462" t="s">
        <v>35</v>
      </c>
      <c r="B15462" t="s">
        <v>93</v>
      </c>
      <c r="C15462" t="s">
        <v>117</v>
      </c>
      <c r="D15462" t="s">
        <v>118</v>
      </c>
      <c r="E15462">
        <v>2018</v>
      </c>
      <c r="F15462">
        <v>2018</v>
      </c>
      <c r="G15462" t="s">
        <v>126</v>
      </c>
      <c r="H15462" t="s">
        <v>123</v>
      </c>
      <c r="I15462" t="s">
        <v>15</v>
      </c>
      <c r="J15462" s="10">
        <v>19.729061649999998</v>
      </c>
    </row>
    <row r="15463" spans="1:10" x14ac:dyDescent="0.35">
      <c r="A15463" t="s">
        <v>35</v>
      </c>
      <c r="B15463" t="s">
        <v>93</v>
      </c>
      <c r="C15463" t="s">
        <v>117</v>
      </c>
      <c r="D15463" t="s">
        <v>118</v>
      </c>
      <c r="E15463">
        <v>2018</v>
      </c>
      <c r="F15463">
        <v>2018</v>
      </c>
      <c r="G15463" t="s">
        <v>126</v>
      </c>
      <c r="H15463" t="s">
        <v>124</v>
      </c>
      <c r="I15463" t="s">
        <v>15</v>
      </c>
      <c r="J15463" s="10">
        <v>3.3370492440000001</v>
      </c>
    </row>
    <row r="15464" spans="1:10" x14ac:dyDescent="0.35">
      <c r="A15464" t="s">
        <v>35</v>
      </c>
      <c r="B15464" t="s">
        <v>93</v>
      </c>
      <c r="C15464" t="s">
        <v>117</v>
      </c>
      <c r="D15464" t="s">
        <v>118</v>
      </c>
      <c r="E15464">
        <v>2017</v>
      </c>
      <c r="F15464">
        <v>2017</v>
      </c>
      <c r="G15464" t="s">
        <v>14</v>
      </c>
      <c r="H15464" t="s">
        <v>119</v>
      </c>
      <c r="I15464" t="s">
        <v>15</v>
      </c>
      <c r="J15464" s="10">
        <v>17.321071069999999</v>
      </c>
    </row>
    <row r="15465" spans="1:10" x14ac:dyDescent="0.35">
      <c r="A15465" t="s">
        <v>35</v>
      </c>
      <c r="B15465" t="s">
        <v>93</v>
      </c>
      <c r="C15465" t="s">
        <v>117</v>
      </c>
      <c r="D15465" t="s">
        <v>118</v>
      </c>
      <c r="E15465">
        <v>2017</v>
      </c>
      <c r="F15465">
        <v>2017</v>
      </c>
      <c r="G15465" t="s">
        <v>14</v>
      </c>
      <c r="H15465" t="s">
        <v>120</v>
      </c>
      <c r="I15465" t="s">
        <v>15</v>
      </c>
      <c r="J15465" s="10">
        <v>10.148898900000001</v>
      </c>
    </row>
    <row r="15466" spans="1:10" x14ac:dyDescent="0.35">
      <c r="A15466" t="s">
        <v>35</v>
      </c>
      <c r="B15466" t="s">
        <v>93</v>
      </c>
      <c r="C15466" t="s">
        <v>117</v>
      </c>
      <c r="D15466" t="s">
        <v>118</v>
      </c>
      <c r="E15466">
        <v>2017</v>
      </c>
      <c r="F15466">
        <v>2017</v>
      </c>
      <c r="G15466" t="s">
        <v>14</v>
      </c>
      <c r="H15466" t="s">
        <v>121</v>
      </c>
      <c r="I15466" t="s">
        <v>15</v>
      </c>
      <c r="J15466" s="10">
        <v>28.862612609999999</v>
      </c>
    </row>
    <row r="15467" spans="1:10" x14ac:dyDescent="0.35">
      <c r="A15467" t="s">
        <v>35</v>
      </c>
      <c r="B15467" t="s">
        <v>93</v>
      </c>
      <c r="C15467" t="s">
        <v>117</v>
      </c>
      <c r="D15467" t="s">
        <v>118</v>
      </c>
      <c r="E15467">
        <v>2017</v>
      </c>
      <c r="F15467">
        <v>2017</v>
      </c>
      <c r="G15467" t="s">
        <v>14</v>
      </c>
      <c r="H15467" t="s">
        <v>122</v>
      </c>
      <c r="I15467" t="s">
        <v>15</v>
      </c>
      <c r="J15467" s="10">
        <v>22.407407410000001</v>
      </c>
    </row>
    <row r="15468" spans="1:10" x14ac:dyDescent="0.35">
      <c r="A15468" t="s">
        <v>35</v>
      </c>
      <c r="B15468" t="s">
        <v>93</v>
      </c>
      <c r="C15468" t="s">
        <v>117</v>
      </c>
      <c r="D15468" t="s">
        <v>118</v>
      </c>
      <c r="E15468">
        <v>2017</v>
      </c>
      <c r="F15468">
        <v>2017</v>
      </c>
      <c r="G15468" t="s">
        <v>14</v>
      </c>
      <c r="H15468" t="s">
        <v>123</v>
      </c>
      <c r="I15468" t="s">
        <v>15</v>
      </c>
      <c r="J15468" s="10">
        <v>18.562312309999999</v>
      </c>
    </row>
    <row r="15469" spans="1:10" x14ac:dyDescent="0.35">
      <c r="A15469" t="s">
        <v>35</v>
      </c>
      <c r="B15469" t="s">
        <v>93</v>
      </c>
      <c r="C15469" t="s">
        <v>117</v>
      </c>
      <c r="D15469" t="s">
        <v>118</v>
      </c>
      <c r="E15469">
        <v>2017</v>
      </c>
      <c r="F15469">
        <v>2017</v>
      </c>
      <c r="G15469" t="s">
        <v>14</v>
      </c>
      <c r="H15469" t="s">
        <v>124</v>
      </c>
      <c r="I15469" t="s">
        <v>15</v>
      </c>
      <c r="J15469" s="10">
        <v>2.6976976979999998</v>
      </c>
    </row>
    <row r="15470" spans="1:10" x14ac:dyDescent="0.35">
      <c r="A15470" t="s">
        <v>35</v>
      </c>
      <c r="B15470" t="s">
        <v>93</v>
      </c>
      <c r="C15470" t="s">
        <v>117</v>
      </c>
      <c r="D15470" t="s">
        <v>118</v>
      </c>
      <c r="E15470">
        <v>2017</v>
      </c>
      <c r="F15470">
        <v>2017</v>
      </c>
      <c r="G15470" t="s">
        <v>125</v>
      </c>
      <c r="H15470" t="s">
        <v>119</v>
      </c>
      <c r="I15470" t="s">
        <v>15</v>
      </c>
      <c r="J15470" s="10">
        <v>18.237074209999999</v>
      </c>
    </row>
    <row r="15471" spans="1:10" x14ac:dyDescent="0.35">
      <c r="A15471" t="s">
        <v>35</v>
      </c>
      <c r="B15471" t="s">
        <v>93</v>
      </c>
      <c r="C15471" t="s">
        <v>117</v>
      </c>
      <c r="D15471" t="s">
        <v>118</v>
      </c>
      <c r="E15471">
        <v>2017</v>
      </c>
      <c r="F15471">
        <v>2017</v>
      </c>
      <c r="G15471" t="s">
        <v>125</v>
      </c>
      <c r="H15471" t="s">
        <v>120</v>
      </c>
      <c r="I15471" t="s">
        <v>15</v>
      </c>
      <c r="J15471" s="10">
        <v>11.364870809999999</v>
      </c>
    </row>
    <row r="15472" spans="1:10" x14ac:dyDescent="0.35">
      <c r="A15472" t="s">
        <v>35</v>
      </c>
      <c r="B15472" t="s">
        <v>93</v>
      </c>
      <c r="C15472" t="s">
        <v>117</v>
      </c>
      <c r="D15472" t="s">
        <v>118</v>
      </c>
      <c r="E15472">
        <v>2017</v>
      </c>
      <c r="F15472">
        <v>2017</v>
      </c>
      <c r="G15472" t="s">
        <v>125</v>
      </c>
      <c r="H15472" t="s">
        <v>121</v>
      </c>
      <c r="I15472" t="s">
        <v>15</v>
      </c>
      <c r="J15472" s="10">
        <v>28.78203968</v>
      </c>
    </row>
    <row r="15473" spans="1:10" x14ac:dyDescent="0.35">
      <c r="A15473" t="s">
        <v>35</v>
      </c>
      <c r="B15473" t="s">
        <v>93</v>
      </c>
      <c r="C15473" t="s">
        <v>117</v>
      </c>
      <c r="D15473" t="s">
        <v>118</v>
      </c>
      <c r="E15473">
        <v>2017</v>
      </c>
      <c r="F15473">
        <v>2017</v>
      </c>
      <c r="G15473" t="s">
        <v>125</v>
      </c>
      <c r="H15473" t="s">
        <v>122</v>
      </c>
      <c r="I15473" t="s">
        <v>15</v>
      </c>
      <c r="J15473" s="10">
        <v>22.062436959999999</v>
      </c>
    </row>
    <row r="15474" spans="1:10" x14ac:dyDescent="0.35">
      <c r="A15474" t="s">
        <v>35</v>
      </c>
      <c r="B15474" t="s">
        <v>93</v>
      </c>
      <c r="C15474" t="s">
        <v>117</v>
      </c>
      <c r="D15474" t="s">
        <v>118</v>
      </c>
      <c r="E15474">
        <v>2017</v>
      </c>
      <c r="F15474">
        <v>2017</v>
      </c>
      <c r="G15474" t="s">
        <v>125</v>
      </c>
      <c r="H15474" t="s">
        <v>123</v>
      </c>
      <c r="I15474" t="s">
        <v>15</v>
      </c>
      <c r="J15474" s="10">
        <v>17.427514680000002</v>
      </c>
    </row>
    <row r="15475" spans="1:10" x14ac:dyDescent="0.35">
      <c r="A15475" t="s">
        <v>35</v>
      </c>
      <c r="B15475" t="s">
        <v>93</v>
      </c>
      <c r="C15475" t="s">
        <v>117</v>
      </c>
      <c r="D15475" t="s">
        <v>118</v>
      </c>
      <c r="E15475">
        <v>2017</v>
      </c>
      <c r="F15475">
        <v>2017</v>
      </c>
      <c r="G15475" t="s">
        <v>125</v>
      </c>
      <c r="H15475" t="s">
        <v>124</v>
      </c>
      <c r="I15475" t="s">
        <v>15</v>
      </c>
      <c r="J15475" s="10">
        <v>2.126063678</v>
      </c>
    </row>
    <row r="15476" spans="1:10" x14ac:dyDescent="0.35">
      <c r="A15476" t="s">
        <v>35</v>
      </c>
      <c r="B15476" t="s">
        <v>93</v>
      </c>
      <c r="C15476" t="s">
        <v>117</v>
      </c>
      <c r="D15476" t="s">
        <v>118</v>
      </c>
      <c r="E15476">
        <v>2017</v>
      </c>
      <c r="F15476">
        <v>2017</v>
      </c>
      <c r="G15476" t="s">
        <v>126</v>
      </c>
      <c r="H15476" t="s">
        <v>119</v>
      </c>
      <c r="I15476" t="s">
        <v>15</v>
      </c>
      <c r="J15476" s="10">
        <v>16.462660880000001</v>
      </c>
    </row>
    <row r="15477" spans="1:10" x14ac:dyDescent="0.35">
      <c r="A15477" t="s">
        <v>35</v>
      </c>
      <c r="B15477" t="s">
        <v>93</v>
      </c>
      <c r="C15477" t="s">
        <v>117</v>
      </c>
      <c r="D15477" t="s">
        <v>118</v>
      </c>
      <c r="E15477">
        <v>2017</v>
      </c>
      <c r="F15477">
        <v>2017</v>
      </c>
      <c r="G15477" t="s">
        <v>126</v>
      </c>
      <c r="H15477" t="s">
        <v>120</v>
      </c>
      <c r="I15477" t="s">
        <v>15</v>
      </c>
      <c r="J15477" s="10">
        <v>9.0093802259999993</v>
      </c>
    </row>
    <row r="15478" spans="1:10" x14ac:dyDescent="0.35">
      <c r="A15478" t="s">
        <v>35</v>
      </c>
      <c r="B15478" t="s">
        <v>93</v>
      </c>
      <c r="C15478" t="s">
        <v>117</v>
      </c>
      <c r="D15478" t="s">
        <v>118</v>
      </c>
      <c r="E15478">
        <v>2017</v>
      </c>
      <c r="F15478">
        <v>2017</v>
      </c>
      <c r="G15478" t="s">
        <v>126</v>
      </c>
      <c r="H15478" t="s">
        <v>121</v>
      </c>
      <c r="I15478" t="s">
        <v>15</v>
      </c>
      <c r="J15478" s="10">
        <v>28.938119589999999</v>
      </c>
    </row>
    <row r="15479" spans="1:10" x14ac:dyDescent="0.35">
      <c r="A15479" t="s">
        <v>35</v>
      </c>
      <c r="B15479" t="s">
        <v>93</v>
      </c>
      <c r="C15479" t="s">
        <v>117</v>
      </c>
      <c r="D15479" t="s">
        <v>118</v>
      </c>
      <c r="E15479">
        <v>2017</v>
      </c>
      <c r="F15479">
        <v>2017</v>
      </c>
      <c r="G15479" t="s">
        <v>126</v>
      </c>
      <c r="H15479" t="s">
        <v>122</v>
      </c>
      <c r="I15479" t="s">
        <v>15</v>
      </c>
      <c r="J15479" s="10">
        <v>22.730688130000001</v>
      </c>
    </row>
    <row r="15480" spans="1:10" x14ac:dyDescent="0.35">
      <c r="A15480" t="s">
        <v>35</v>
      </c>
      <c r="B15480" t="s">
        <v>93</v>
      </c>
      <c r="C15480" t="s">
        <v>117</v>
      </c>
      <c r="D15480" t="s">
        <v>118</v>
      </c>
      <c r="E15480">
        <v>2017</v>
      </c>
      <c r="F15480">
        <v>2017</v>
      </c>
      <c r="G15480" t="s">
        <v>126</v>
      </c>
      <c r="H15480" t="s">
        <v>123</v>
      </c>
      <c r="I15480" t="s">
        <v>15</v>
      </c>
      <c r="J15480" s="10">
        <v>19.62576048</v>
      </c>
    </row>
    <row r="15481" spans="1:10" x14ac:dyDescent="0.35">
      <c r="A15481" t="s">
        <v>35</v>
      </c>
      <c r="B15481" t="s">
        <v>93</v>
      </c>
      <c r="C15481" t="s">
        <v>117</v>
      </c>
      <c r="D15481" t="s">
        <v>118</v>
      </c>
      <c r="E15481">
        <v>2017</v>
      </c>
      <c r="F15481">
        <v>2017</v>
      </c>
      <c r="G15481" t="s">
        <v>126</v>
      </c>
      <c r="H15481" t="s">
        <v>124</v>
      </c>
      <c r="I15481" t="s">
        <v>15</v>
      </c>
      <c r="J15481" s="10">
        <v>3.2333906969999999</v>
      </c>
    </row>
    <row r="15482" spans="1:10" x14ac:dyDescent="0.35">
      <c r="A15482" t="s">
        <v>35</v>
      </c>
      <c r="B15482" t="s">
        <v>93</v>
      </c>
      <c r="C15482" t="s">
        <v>117</v>
      </c>
      <c r="D15482" t="s">
        <v>118</v>
      </c>
      <c r="E15482">
        <v>2016</v>
      </c>
      <c r="F15482">
        <v>2016</v>
      </c>
      <c r="G15482" t="s">
        <v>14</v>
      </c>
      <c r="H15482" t="s">
        <v>119</v>
      </c>
      <c r="I15482" t="s">
        <v>15</v>
      </c>
      <c r="J15482" s="10">
        <v>17.199642300000001</v>
      </c>
    </row>
    <row r="15483" spans="1:10" x14ac:dyDescent="0.35">
      <c r="A15483" t="s">
        <v>35</v>
      </c>
      <c r="B15483" t="s">
        <v>93</v>
      </c>
      <c r="C15483" t="s">
        <v>117</v>
      </c>
      <c r="D15483" t="s">
        <v>118</v>
      </c>
      <c r="E15483">
        <v>2016</v>
      </c>
      <c r="F15483">
        <v>2016</v>
      </c>
      <c r="G15483" t="s">
        <v>14</v>
      </c>
      <c r="H15483" t="s">
        <v>120</v>
      </c>
      <c r="I15483" t="s">
        <v>15</v>
      </c>
      <c r="J15483" s="10">
        <v>10.48024485</v>
      </c>
    </row>
    <row r="15484" spans="1:10" x14ac:dyDescent="0.35">
      <c r="A15484" t="s">
        <v>35</v>
      </c>
      <c r="B15484" t="s">
        <v>93</v>
      </c>
      <c r="C15484" t="s">
        <v>117</v>
      </c>
      <c r="D15484" t="s">
        <v>118</v>
      </c>
      <c r="E15484">
        <v>2016</v>
      </c>
      <c r="F15484">
        <v>2016</v>
      </c>
      <c r="G15484" t="s">
        <v>14</v>
      </c>
      <c r="H15484" t="s">
        <v>121</v>
      </c>
      <c r="I15484" t="s">
        <v>15</v>
      </c>
      <c r="J15484" s="10">
        <v>28.854994520000002</v>
      </c>
    </row>
    <row r="15485" spans="1:10" x14ac:dyDescent="0.35">
      <c r="A15485" t="s">
        <v>35</v>
      </c>
      <c r="B15485" t="s">
        <v>93</v>
      </c>
      <c r="C15485" t="s">
        <v>117</v>
      </c>
      <c r="D15485" t="s">
        <v>118</v>
      </c>
      <c r="E15485">
        <v>2016</v>
      </c>
      <c r="F15485">
        <v>2016</v>
      </c>
      <c r="G15485" t="s">
        <v>14</v>
      </c>
      <c r="H15485" t="s">
        <v>122</v>
      </c>
      <c r="I15485" t="s">
        <v>15</v>
      </c>
      <c r="J15485" s="10">
        <v>22.300590700000001</v>
      </c>
    </row>
    <row r="15486" spans="1:10" x14ac:dyDescent="0.35">
      <c r="A15486" t="s">
        <v>35</v>
      </c>
      <c r="B15486" t="s">
        <v>93</v>
      </c>
      <c r="C15486" t="s">
        <v>117</v>
      </c>
      <c r="D15486" t="s">
        <v>118</v>
      </c>
      <c r="E15486">
        <v>2016</v>
      </c>
      <c r="F15486">
        <v>2016</v>
      </c>
      <c r="G15486" t="s">
        <v>14</v>
      </c>
      <c r="H15486" t="s">
        <v>123</v>
      </c>
      <c r="I15486" t="s">
        <v>15</v>
      </c>
      <c r="J15486" s="10">
        <v>18.58886356</v>
      </c>
    </row>
    <row r="15487" spans="1:10" x14ac:dyDescent="0.35">
      <c r="A15487" t="s">
        <v>35</v>
      </c>
      <c r="B15487" t="s">
        <v>93</v>
      </c>
      <c r="C15487" t="s">
        <v>117</v>
      </c>
      <c r="D15487" t="s">
        <v>118</v>
      </c>
      <c r="E15487">
        <v>2016</v>
      </c>
      <c r="F15487">
        <v>2016</v>
      </c>
      <c r="G15487" t="s">
        <v>14</v>
      </c>
      <c r="H15487" t="s">
        <v>124</v>
      </c>
      <c r="I15487" t="s">
        <v>15</v>
      </c>
      <c r="J15487" s="10">
        <v>2.575664068</v>
      </c>
    </row>
    <row r="15488" spans="1:10" x14ac:dyDescent="0.35">
      <c r="A15488" t="s">
        <v>35</v>
      </c>
      <c r="B15488" t="s">
        <v>93</v>
      </c>
      <c r="C15488" t="s">
        <v>117</v>
      </c>
      <c r="D15488" t="s">
        <v>118</v>
      </c>
      <c r="E15488">
        <v>2016</v>
      </c>
      <c r="F15488">
        <v>2016</v>
      </c>
      <c r="G15488" t="s">
        <v>125</v>
      </c>
      <c r="H15488" t="s">
        <v>119</v>
      </c>
      <c r="I15488" t="s">
        <v>15</v>
      </c>
      <c r="J15488" s="10">
        <v>18.03411225</v>
      </c>
    </row>
    <row r="15489" spans="1:10" x14ac:dyDescent="0.35">
      <c r="A15489" t="s">
        <v>35</v>
      </c>
      <c r="B15489" t="s">
        <v>93</v>
      </c>
      <c r="C15489" t="s">
        <v>117</v>
      </c>
      <c r="D15489" t="s">
        <v>118</v>
      </c>
      <c r="E15489">
        <v>2016</v>
      </c>
      <c r="F15489">
        <v>2016</v>
      </c>
      <c r="G15489" t="s">
        <v>125</v>
      </c>
      <c r="H15489" t="s">
        <v>120</v>
      </c>
      <c r="I15489" t="s">
        <v>15</v>
      </c>
      <c r="J15489" s="10">
        <v>11.589818490000001</v>
      </c>
    </row>
    <row r="15490" spans="1:10" x14ac:dyDescent="0.35">
      <c r="A15490" t="s">
        <v>35</v>
      </c>
      <c r="B15490" t="s">
        <v>93</v>
      </c>
      <c r="C15490" t="s">
        <v>117</v>
      </c>
      <c r="D15490" t="s">
        <v>118</v>
      </c>
      <c r="E15490">
        <v>2016</v>
      </c>
      <c r="F15490">
        <v>2016</v>
      </c>
      <c r="G15490" t="s">
        <v>125</v>
      </c>
      <c r="H15490" t="s">
        <v>121</v>
      </c>
      <c r="I15490" t="s">
        <v>15</v>
      </c>
      <c r="J15490" s="10">
        <v>28.86240351</v>
      </c>
    </row>
    <row r="15491" spans="1:10" x14ac:dyDescent="0.35">
      <c r="A15491" t="s">
        <v>35</v>
      </c>
      <c r="B15491" t="s">
        <v>93</v>
      </c>
      <c r="C15491" t="s">
        <v>117</v>
      </c>
      <c r="D15491" t="s">
        <v>118</v>
      </c>
      <c r="E15491">
        <v>2016</v>
      </c>
      <c r="F15491">
        <v>2016</v>
      </c>
      <c r="G15491" t="s">
        <v>125</v>
      </c>
      <c r="H15491" t="s">
        <v>122</v>
      </c>
      <c r="I15491" t="s">
        <v>15</v>
      </c>
      <c r="J15491" s="10">
        <v>22.011266429999999</v>
      </c>
    </row>
    <row r="15492" spans="1:10" x14ac:dyDescent="0.35">
      <c r="A15492" t="s">
        <v>35</v>
      </c>
      <c r="B15492" t="s">
        <v>93</v>
      </c>
      <c r="C15492" t="s">
        <v>117</v>
      </c>
      <c r="D15492" t="s">
        <v>118</v>
      </c>
      <c r="E15492">
        <v>2016</v>
      </c>
      <c r="F15492">
        <v>2016</v>
      </c>
      <c r="G15492" t="s">
        <v>125</v>
      </c>
      <c r="H15492" t="s">
        <v>123</v>
      </c>
      <c r="I15492" t="s">
        <v>15</v>
      </c>
      <c r="J15492" s="10">
        <v>17.56206968</v>
      </c>
    </row>
    <row r="15493" spans="1:10" x14ac:dyDescent="0.35">
      <c r="A15493" t="s">
        <v>35</v>
      </c>
      <c r="B15493" t="s">
        <v>93</v>
      </c>
      <c r="C15493" t="s">
        <v>117</v>
      </c>
      <c r="D15493" t="s">
        <v>118</v>
      </c>
      <c r="E15493">
        <v>2016</v>
      </c>
      <c r="F15493">
        <v>2016</v>
      </c>
      <c r="G15493" t="s">
        <v>125</v>
      </c>
      <c r="H15493" t="s">
        <v>124</v>
      </c>
      <c r="I15493" t="s">
        <v>15</v>
      </c>
      <c r="J15493" s="10">
        <v>1.940329647</v>
      </c>
    </row>
    <row r="15494" spans="1:10" x14ac:dyDescent="0.35">
      <c r="A15494" t="s">
        <v>35</v>
      </c>
      <c r="B15494" t="s">
        <v>93</v>
      </c>
      <c r="C15494" t="s">
        <v>117</v>
      </c>
      <c r="D15494" t="s">
        <v>118</v>
      </c>
      <c r="E15494">
        <v>2016</v>
      </c>
      <c r="F15494">
        <v>2016</v>
      </c>
      <c r="G15494" t="s">
        <v>126</v>
      </c>
      <c r="H15494" t="s">
        <v>119</v>
      </c>
      <c r="I15494" t="s">
        <v>15</v>
      </c>
      <c r="J15494" s="10">
        <v>16.42023725</v>
      </c>
    </row>
    <row r="15495" spans="1:10" x14ac:dyDescent="0.35">
      <c r="A15495" t="s">
        <v>35</v>
      </c>
      <c r="B15495" t="s">
        <v>93</v>
      </c>
      <c r="C15495" t="s">
        <v>117</v>
      </c>
      <c r="D15495" t="s">
        <v>118</v>
      </c>
      <c r="E15495">
        <v>2016</v>
      </c>
      <c r="F15495">
        <v>2016</v>
      </c>
      <c r="G15495" t="s">
        <v>126</v>
      </c>
      <c r="H15495" t="s">
        <v>120</v>
      </c>
      <c r="I15495" t="s">
        <v>15</v>
      </c>
      <c r="J15495" s="10">
        <v>9.4438896060000008</v>
      </c>
    </row>
    <row r="15496" spans="1:10" x14ac:dyDescent="0.35">
      <c r="A15496" t="s">
        <v>35</v>
      </c>
      <c r="B15496" t="s">
        <v>93</v>
      </c>
      <c r="C15496" t="s">
        <v>117</v>
      </c>
      <c r="D15496" t="s">
        <v>118</v>
      </c>
      <c r="E15496">
        <v>2016</v>
      </c>
      <c r="F15496">
        <v>2016</v>
      </c>
      <c r="G15496" t="s">
        <v>126</v>
      </c>
      <c r="H15496" t="s">
        <v>121</v>
      </c>
      <c r="I15496" t="s">
        <v>15</v>
      </c>
      <c r="J15496" s="10">
        <v>28.848074440000001</v>
      </c>
    </row>
    <row r="15497" spans="1:10" x14ac:dyDescent="0.35">
      <c r="A15497" t="s">
        <v>35</v>
      </c>
      <c r="B15497" t="s">
        <v>93</v>
      </c>
      <c r="C15497" t="s">
        <v>117</v>
      </c>
      <c r="D15497" t="s">
        <v>118</v>
      </c>
      <c r="E15497">
        <v>2016</v>
      </c>
      <c r="F15497">
        <v>2016</v>
      </c>
      <c r="G15497" t="s">
        <v>126</v>
      </c>
      <c r="H15497" t="s">
        <v>122</v>
      </c>
      <c r="I15497" t="s">
        <v>15</v>
      </c>
      <c r="J15497" s="10">
        <v>22.57082308</v>
      </c>
    </row>
    <row r="15498" spans="1:10" x14ac:dyDescent="0.35">
      <c r="A15498" t="s">
        <v>35</v>
      </c>
      <c r="B15498" t="s">
        <v>93</v>
      </c>
      <c r="C15498" t="s">
        <v>117</v>
      </c>
      <c r="D15498" t="s">
        <v>118</v>
      </c>
      <c r="E15498">
        <v>2016</v>
      </c>
      <c r="F15498">
        <v>2016</v>
      </c>
      <c r="G15498" t="s">
        <v>126</v>
      </c>
      <c r="H15498" t="s">
        <v>123</v>
      </c>
      <c r="I15498" t="s">
        <v>15</v>
      </c>
      <c r="J15498" s="10">
        <v>19.547901490000001</v>
      </c>
    </row>
    <row r="15499" spans="1:10" x14ac:dyDescent="0.35">
      <c r="A15499" t="s">
        <v>35</v>
      </c>
      <c r="B15499" t="s">
        <v>93</v>
      </c>
      <c r="C15499" t="s">
        <v>117</v>
      </c>
      <c r="D15499" t="s">
        <v>118</v>
      </c>
      <c r="E15499">
        <v>2016</v>
      </c>
      <c r="F15499">
        <v>2016</v>
      </c>
      <c r="G15499" t="s">
        <v>126</v>
      </c>
      <c r="H15499" t="s">
        <v>124</v>
      </c>
      <c r="I15499" t="s">
        <v>15</v>
      </c>
      <c r="J15499" s="10">
        <v>3.1690741240000002</v>
      </c>
    </row>
    <row r="15500" spans="1:10" x14ac:dyDescent="0.35">
      <c r="A15500" t="s">
        <v>35</v>
      </c>
      <c r="B15500" t="s">
        <v>93</v>
      </c>
      <c r="C15500" t="s">
        <v>117</v>
      </c>
      <c r="D15500" t="s">
        <v>118</v>
      </c>
      <c r="E15500">
        <v>2015</v>
      </c>
      <c r="F15500">
        <v>2015</v>
      </c>
      <c r="G15500" t="s">
        <v>14</v>
      </c>
      <c r="H15500" t="s">
        <v>119</v>
      </c>
      <c r="I15500" t="s">
        <v>15</v>
      </c>
      <c r="J15500" s="10">
        <v>17.051228439999999</v>
      </c>
    </row>
    <row r="15501" spans="1:10" x14ac:dyDescent="0.35">
      <c r="A15501" t="s">
        <v>35</v>
      </c>
      <c r="B15501" t="s">
        <v>93</v>
      </c>
      <c r="C15501" t="s">
        <v>117</v>
      </c>
      <c r="D15501" t="s">
        <v>118</v>
      </c>
      <c r="E15501">
        <v>2015</v>
      </c>
      <c r="F15501">
        <v>2015</v>
      </c>
      <c r="G15501" t="s">
        <v>14</v>
      </c>
      <c r="H15501" t="s">
        <v>120</v>
      </c>
      <c r="I15501" t="s">
        <v>15</v>
      </c>
      <c r="J15501" s="10">
        <v>10.75505886</v>
      </c>
    </row>
    <row r="15502" spans="1:10" x14ac:dyDescent="0.35">
      <c r="A15502" t="s">
        <v>35</v>
      </c>
      <c r="B15502" t="s">
        <v>93</v>
      </c>
      <c r="C15502" t="s">
        <v>117</v>
      </c>
      <c r="D15502" t="s">
        <v>118</v>
      </c>
      <c r="E15502">
        <v>2015</v>
      </c>
      <c r="F15502">
        <v>2015</v>
      </c>
      <c r="G15502" t="s">
        <v>14</v>
      </c>
      <c r="H15502" t="s">
        <v>121</v>
      </c>
      <c r="I15502" t="s">
        <v>15</v>
      </c>
      <c r="J15502" s="10">
        <v>29.011289770000001</v>
      </c>
    </row>
    <row r="15503" spans="1:10" x14ac:dyDescent="0.35">
      <c r="A15503" t="s">
        <v>35</v>
      </c>
      <c r="B15503" t="s">
        <v>93</v>
      </c>
      <c r="C15503" t="s">
        <v>117</v>
      </c>
      <c r="D15503" t="s">
        <v>118</v>
      </c>
      <c r="E15503">
        <v>2015</v>
      </c>
      <c r="F15503">
        <v>2015</v>
      </c>
      <c r="G15503" t="s">
        <v>14</v>
      </c>
      <c r="H15503" t="s">
        <v>122</v>
      </c>
      <c r="I15503" t="s">
        <v>15</v>
      </c>
      <c r="J15503" s="10">
        <v>22.295713429999999</v>
      </c>
    </row>
    <row r="15504" spans="1:10" x14ac:dyDescent="0.35">
      <c r="A15504" t="s">
        <v>35</v>
      </c>
      <c r="B15504" t="s">
        <v>93</v>
      </c>
      <c r="C15504" t="s">
        <v>117</v>
      </c>
      <c r="D15504" t="s">
        <v>118</v>
      </c>
      <c r="E15504">
        <v>2015</v>
      </c>
      <c r="F15504">
        <v>2015</v>
      </c>
      <c r="G15504" t="s">
        <v>14</v>
      </c>
      <c r="H15504" t="s">
        <v>123</v>
      </c>
      <c r="I15504" t="s">
        <v>15</v>
      </c>
      <c r="J15504" s="10">
        <v>18.357598100000001</v>
      </c>
    </row>
    <row r="15505" spans="1:10" x14ac:dyDescent="0.35">
      <c r="A15505" t="s">
        <v>35</v>
      </c>
      <c r="B15505" t="s">
        <v>93</v>
      </c>
      <c r="C15505" t="s">
        <v>117</v>
      </c>
      <c r="D15505" t="s">
        <v>118</v>
      </c>
      <c r="E15505">
        <v>2015</v>
      </c>
      <c r="F15505">
        <v>2015</v>
      </c>
      <c r="G15505" t="s">
        <v>14</v>
      </c>
      <c r="H15505" t="s">
        <v>124</v>
      </c>
      <c r="I15505" t="s">
        <v>15</v>
      </c>
      <c r="J15505" s="10">
        <v>2.5291113900000002</v>
      </c>
    </row>
    <row r="15506" spans="1:10" x14ac:dyDescent="0.35">
      <c r="A15506" t="s">
        <v>35</v>
      </c>
      <c r="B15506" t="s">
        <v>93</v>
      </c>
      <c r="C15506" t="s">
        <v>117</v>
      </c>
      <c r="D15506" t="s">
        <v>118</v>
      </c>
      <c r="E15506">
        <v>2015</v>
      </c>
      <c r="F15506">
        <v>2015</v>
      </c>
      <c r="G15506" t="s">
        <v>125</v>
      </c>
      <c r="H15506" t="s">
        <v>119</v>
      </c>
      <c r="I15506" t="s">
        <v>15</v>
      </c>
      <c r="J15506" s="10">
        <v>17.966190539999999</v>
      </c>
    </row>
    <row r="15507" spans="1:10" x14ac:dyDescent="0.35">
      <c r="A15507" t="s">
        <v>35</v>
      </c>
      <c r="B15507" t="s">
        <v>93</v>
      </c>
      <c r="C15507" t="s">
        <v>117</v>
      </c>
      <c r="D15507" t="s">
        <v>118</v>
      </c>
      <c r="E15507">
        <v>2015</v>
      </c>
      <c r="F15507">
        <v>2015</v>
      </c>
      <c r="G15507" t="s">
        <v>125</v>
      </c>
      <c r="H15507" t="s">
        <v>120</v>
      </c>
      <c r="I15507" t="s">
        <v>15</v>
      </c>
      <c r="J15507" s="10">
        <v>11.7625475</v>
      </c>
    </row>
    <row r="15508" spans="1:10" x14ac:dyDescent="0.35">
      <c r="A15508" t="s">
        <v>35</v>
      </c>
      <c r="B15508" t="s">
        <v>93</v>
      </c>
      <c r="C15508" t="s">
        <v>117</v>
      </c>
      <c r="D15508" t="s">
        <v>118</v>
      </c>
      <c r="E15508">
        <v>2015</v>
      </c>
      <c r="F15508">
        <v>2015</v>
      </c>
      <c r="G15508" t="s">
        <v>125</v>
      </c>
      <c r="H15508" t="s">
        <v>121</v>
      </c>
      <c r="I15508" t="s">
        <v>15</v>
      </c>
      <c r="J15508" s="10">
        <v>29.04730704</v>
      </c>
    </row>
    <row r="15509" spans="1:10" x14ac:dyDescent="0.35">
      <c r="A15509" t="s">
        <v>35</v>
      </c>
      <c r="B15509" t="s">
        <v>93</v>
      </c>
      <c r="C15509" t="s">
        <v>117</v>
      </c>
      <c r="D15509" t="s">
        <v>118</v>
      </c>
      <c r="E15509">
        <v>2015</v>
      </c>
      <c r="F15509">
        <v>2015</v>
      </c>
      <c r="G15509" t="s">
        <v>125</v>
      </c>
      <c r="H15509" t="s">
        <v>122</v>
      </c>
      <c r="I15509" t="s">
        <v>15</v>
      </c>
      <c r="J15509" s="10">
        <v>22.109815229999999</v>
      </c>
    </row>
    <row r="15510" spans="1:10" x14ac:dyDescent="0.35">
      <c r="A15510" t="s">
        <v>35</v>
      </c>
      <c r="B15510" t="s">
        <v>93</v>
      </c>
      <c r="C15510" t="s">
        <v>117</v>
      </c>
      <c r="D15510" t="s">
        <v>118</v>
      </c>
      <c r="E15510">
        <v>2015</v>
      </c>
      <c r="F15510">
        <v>2015</v>
      </c>
      <c r="G15510" t="s">
        <v>125</v>
      </c>
      <c r="H15510" t="s">
        <v>123</v>
      </c>
      <c r="I15510" t="s">
        <v>15</v>
      </c>
      <c r="J15510" s="10">
        <v>17.245446210000001</v>
      </c>
    </row>
    <row r="15511" spans="1:10" x14ac:dyDescent="0.35">
      <c r="A15511" t="s">
        <v>35</v>
      </c>
      <c r="B15511" t="s">
        <v>93</v>
      </c>
      <c r="C15511" t="s">
        <v>117</v>
      </c>
      <c r="D15511" t="s">
        <v>118</v>
      </c>
      <c r="E15511">
        <v>2015</v>
      </c>
      <c r="F15511">
        <v>2015</v>
      </c>
      <c r="G15511" t="s">
        <v>125</v>
      </c>
      <c r="H15511" t="s">
        <v>124</v>
      </c>
      <c r="I15511" t="s">
        <v>15</v>
      </c>
      <c r="J15511" s="10">
        <v>1.868693487</v>
      </c>
    </row>
    <row r="15512" spans="1:10" x14ac:dyDescent="0.35">
      <c r="A15512" t="s">
        <v>35</v>
      </c>
      <c r="B15512" t="s">
        <v>93</v>
      </c>
      <c r="C15512" t="s">
        <v>117</v>
      </c>
      <c r="D15512" t="s">
        <v>118</v>
      </c>
      <c r="E15512">
        <v>2015</v>
      </c>
      <c r="F15512">
        <v>2015</v>
      </c>
      <c r="G15512" t="s">
        <v>126</v>
      </c>
      <c r="H15512" t="s">
        <v>119</v>
      </c>
      <c r="I15512" t="s">
        <v>15</v>
      </c>
      <c r="J15512" s="10">
        <v>16.194868270000001</v>
      </c>
    </row>
    <row r="15513" spans="1:10" x14ac:dyDescent="0.35">
      <c r="A15513" t="s">
        <v>35</v>
      </c>
      <c r="B15513" t="s">
        <v>93</v>
      </c>
      <c r="C15513" t="s">
        <v>117</v>
      </c>
      <c r="D15513" t="s">
        <v>118</v>
      </c>
      <c r="E15513">
        <v>2015</v>
      </c>
      <c r="F15513">
        <v>2015</v>
      </c>
      <c r="G15513" t="s">
        <v>126</v>
      </c>
      <c r="H15513" t="s">
        <v>120</v>
      </c>
      <c r="I15513" t="s">
        <v>15</v>
      </c>
      <c r="J15513" s="10">
        <v>9.8120983170000002</v>
      </c>
    </row>
    <row r="15514" spans="1:10" x14ac:dyDescent="0.35">
      <c r="A15514" t="s">
        <v>35</v>
      </c>
      <c r="B15514" t="s">
        <v>93</v>
      </c>
      <c r="C15514" t="s">
        <v>117</v>
      </c>
      <c r="D15514" t="s">
        <v>118</v>
      </c>
      <c r="E15514">
        <v>2015</v>
      </c>
      <c r="F15514">
        <v>2015</v>
      </c>
      <c r="G15514" t="s">
        <v>126</v>
      </c>
      <c r="H15514" t="s">
        <v>121</v>
      </c>
      <c r="I15514" t="s">
        <v>15</v>
      </c>
      <c r="J15514" s="10">
        <v>28.97757936</v>
      </c>
    </row>
    <row r="15515" spans="1:10" x14ac:dyDescent="0.35">
      <c r="A15515" t="s">
        <v>35</v>
      </c>
      <c r="B15515" t="s">
        <v>93</v>
      </c>
      <c r="C15515" t="s">
        <v>117</v>
      </c>
      <c r="D15515" t="s">
        <v>118</v>
      </c>
      <c r="E15515">
        <v>2015</v>
      </c>
      <c r="F15515">
        <v>2015</v>
      </c>
      <c r="G15515" t="s">
        <v>126</v>
      </c>
      <c r="H15515" t="s">
        <v>122</v>
      </c>
      <c r="I15515" t="s">
        <v>15</v>
      </c>
      <c r="J15515" s="10">
        <v>22.469705149999999</v>
      </c>
    </row>
    <row r="15516" spans="1:10" x14ac:dyDescent="0.35">
      <c r="A15516" t="s">
        <v>35</v>
      </c>
      <c r="B15516" t="s">
        <v>93</v>
      </c>
      <c r="C15516" t="s">
        <v>117</v>
      </c>
      <c r="D15516" t="s">
        <v>118</v>
      </c>
      <c r="E15516">
        <v>2015</v>
      </c>
      <c r="F15516">
        <v>2015</v>
      </c>
      <c r="G15516" t="s">
        <v>126</v>
      </c>
      <c r="H15516" t="s">
        <v>123</v>
      </c>
      <c r="I15516" t="s">
        <v>15</v>
      </c>
      <c r="J15516" s="10">
        <v>19.398518370000001</v>
      </c>
    </row>
    <row r="15517" spans="1:10" x14ac:dyDescent="0.35">
      <c r="A15517" t="s">
        <v>35</v>
      </c>
      <c r="B15517" t="s">
        <v>93</v>
      </c>
      <c r="C15517" t="s">
        <v>117</v>
      </c>
      <c r="D15517" t="s">
        <v>118</v>
      </c>
      <c r="E15517">
        <v>2015</v>
      </c>
      <c r="F15517">
        <v>2015</v>
      </c>
      <c r="G15517" t="s">
        <v>126</v>
      </c>
      <c r="H15517" t="s">
        <v>124</v>
      </c>
      <c r="I15517" t="s">
        <v>15</v>
      </c>
      <c r="J15517" s="10">
        <v>3.1472305349999998</v>
      </c>
    </row>
    <row r="15518" spans="1:10" x14ac:dyDescent="0.35">
      <c r="A15518" t="s">
        <v>35</v>
      </c>
      <c r="B15518" t="s">
        <v>93</v>
      </c>
      <c r="C15518" t="s">
        <v>117</v>
      </c>
      <c r="D15518" t="s">
        <v>118</v>
      </c>
      <c r="E15518">
        <v>2014</v>
      </c>
      <c r="F15518">
        <v>2014</v>
      </c>
      <c r="G15518" t="s">
        <v>14</v>
      </c>
      <c r="H15518" t="s">
        <v>119</v>
      </c>
      <c r="I15518" t="s">
        <v>15</v>
      </c>
      <c r="J15518" s="10">
        <v>16.891016690000001</v>
      </c>
    </row>
    <row r="15519" spans="1:10" x14ac:dyDescent="0.35">
      <c r="A15519" t="s">
        <v>35</v>
      </c>
      <c r="B15519" t="s">
        <v>93</v>
      </c>
      <c r="C15519" t="s">
        <v>117</v>
      </c>
      <c r="D15519" t="s">
        <v>118</v>
      </c>
      <c r="E15519">
        <v>2014</v>
      </c>
      <c r="F15519">
        <v>2014</v>
      </c>
      <c r="G15519" t="s">
        <v>14</v>
      </c>
      <c r="H15519" t="s">
        <v>120</v>
      </c>
      <c r="I15519" t="s">
        <v>15</v>
      </c>
      <c r="J15519" s="10">
        <v>11.08881721</v>
      </c>
    </row>
    <row r="15520" spans="1:10" x14ac:dyDescent="0.35">
      <c r="A15520" t="s">
        <v>35</v>
      </c>
      <c r="B15520" t="s">
        <v>93</v>
      </c>
      <c r="C15520" t="s">
        <v>117</v>
      </c>
      <c r="D15520" t="s">
        <v>118</v>
      </c>
      <c r="E15520">
        <v>2014</v>
      </c>
      <c r="F15520">
        <v>2014</v>
      </c>
      <c r="G15520" t="s">
        <v>14</v>
      </c>
      <c r="H15520" t="s">
        <v>121</v>
      </c>
      <c r="I15520" t="s">
        <v>15</v>
      </c>
      <c r="J15520" s="10">
        <v>29.29164656</v>
      </c>
    </row>
    <row r="15521" spans="1:10" x14ac:dyDescent="0.35">
      <c r="A15521" t="s">
        <v>35</v>
      </c>
      <c r="B15521" t="s">
        <v>93</v>
      </c>
      <c r="C15521" t="s">
        <v>117</v>
      </c>
      <c r="D15521" t="s">
        <v>118</v>
      </c>
      <c r="E15521">
        <v>2014</v>
      </c>
      <c r="F15521">
        <v>2014</v>
      </c>
      <c r="G15521" t="s">
        <v>14</v>
      </c>
      <c r="H15521" t="s">
        <v>122</v>
      </c>
      <c r="I15521" t="s">
        <v>15</v>
      </c>
      <c r="J15521" s="10">
        <v>22.110329409999999</v>
      </c>
    </row>
    <row r="15522" spans="1:10" x14ac:dyDescent="0.35">
      <c r="A15522" t="s">
        <v>35</v>
      </c>
      <c r="B15522" t="s">
        <v>93</v>
      </c>
      <c r="C15522" t="s">
        <v>117</v>
      </c>
      <c r="D15522" t="s">
        <v>118</v>
      </c>
      <c r="E15522">
        <v>2014</v>
      </c>
      <c r="F15522">
        <v>2014</v>
      </c>
      <c r="G15522" t="s">
        <v>14</v>
      </c>
      <c r="H15522" t="s">
        <v>123</v>
      </c>
      <c r="I15522" t="s">
        <v>15</v>
      </c>
      <c r="J15522" s="10">
        <v>18.187590480000001</v>
      </c>
    </row>
    <row r="15523" spans="1:10" x14ac:dyDescent="0.35">
      <c r="A15523" t="s">
        <v>35</v>
      </c>
      <c r="B15523" t="s">
        <v>93</v>
      </c>
      <c r="C15523" t="s">
        <v>117</v>
      </c>
      <c r="D15523" t="s">
        <v>118</v>
      </c>
      <c r="E15523">
        <v>2014</v>
      </c>
      <c r="F15523">
        <v>2014</v>
      </c>
      <c r="G15523" t="s">
        <v>14</v>
      </c>
      <c r="H15523" t="s">
        <v>124</v>
      </c>
      <c r="I15523" t="s">
        <v>15</v>
      </c>
      <c r="J15523" s="10">
        <v>2.43059965</v>
      </c>
    </row>
    <row r="15524" spans="1:10" x14ac:dyDescent="0.35">
      <c r="A15524" t="s">
        <v>35</v>
      </c>
      <c r="B15524" t="s">
        <v>93</v>
      </c>
      <c r="C15524" t="s">
        <v>117</v>
      </c>
      <c r="D15524" t="s">
        <v>118</v>
      </c>
      <c r="E15524">
        <v>2014</v>
      </c>
      <c r="F15524">
        <v>2014</v>
      </c>
      <c r="G15524" t="s">
        <v>125</v>
      </c>
      <c r="H15524" t="s">
        <v>119</v>
      </c>
      <c r="I15524" t="s">
        <v>15</v>
      </c>
      <c r="J15524" s="10">
        <v>17.79960707</v>
      </c>
    </row>
    <row r="15525" spans="1:10" x14ac:dyDescent="0.35">
      <c r="A15525" t="s">
        <v>35</v>
      </c>
      <c r="B15525" t="s">
        <v>93</v>
      </c>
      <c r="C15525" t="s">
        <v>117</v>
      </c>
      <c r="D15525" t="s">
        <v>118</v>
      </c>
      <c r="E15525">
        <v>2014</v>
      </c>
      <c r="F15525">
        <v>2014</v>
      </c>
      <c r="G15525" t="s">
        <v>125</v>
      </c>
      <c r="H15525" t="s">
        <v>120</v>
      </c>
      <c r="I15525" t="s">
        <v>15</v>
      </c>
      <c r="J15525" s="10">
        <v>12.264571050000001</v>
      </c>
    </row>
    <row r="15526" spans="1:10" x14ac:dyDescent="0.35">
      <c r="A15526" t="s">
        <v>35</v>
      </c>
      <c r="B15526" t="s">
        <v>93</v>
      </c>
      <c r="C15526" t="s">
        <v>117</v>
      </c>
      <c r="D15526" t="s">
        <v>118</v>
      </c>
      <c r="E15526">
        <v>2014</v>
      </c>
      <c r="F15526">
        <v>2014</v>
      </c>
      <c r="G15526" t="s">
        <v>125</v>
      </c>
      <c r="H15526" t="s">
        <v>121</v>
      </c>
      <c r="I15526" t="s">
        <v>15</v>
      </c>
      <c r="J15526" s="10">
        <v>29.314996730000001</v>
      </c>
    </row>
    <row r="15527" spans="1:10" x14ac:dyDescent="0.35">
      <c r="A15527" t="s">
        <v>35</v>
      </c>
      <c r="B15527" t="s">
        <v>93</v>
      </c>
      <c r="C15527" t="s">
        <v>117</v>
      </c>
      <c r="D15527" t="s">
        <v>118</v>
      </c>
      <c r="E15527">
        <v>2014</v>
      </c>
      <c r="F15527">
        <v>2014</v>
      </c>
      <c r="G15527" t="s">
        <v>125</v>
      </c>
      <c r="H15527" t="s">
        <v>122</v>
      </c>
      <c r="I15527" t="s">
        <v>15</v>
      </c>
      <c r="J15527" s="10">
        <v>21.825802230000001</v>
      </c>
    </row>
    <row r="15528" spans="1:10" x14ac:dyDescent="0.35">
      <c r="A15528" t="s">
        <v>35</v>
      </c>
      <c r="B15528" t="s">
        <v>93</v>
      </c>
      <c r="C15528" t="s">
        <v>117</v>
      </c>
      <c r="D15528" t="s">
        <v>118</v>
      </c>
      <c r="E15528">
        <v>2014</v>
      </c>
      <c r="F15528">
        <v>2014</v>
      </c>
      <c r="G15528" t="s">
        <v>125</v>
      </c>
      <c r="H15528" t="s">
        <v>123</v>
      </c>
      <c r="I15528" t="s">
        <v>15</v>
      </c>
      <c r="J15528" s="10">
        <v>17.04780616</v>
      </c>
    </row>
    <row r="15529" spans="1:10" x14ac:dyDescent="0.35">
      <c r="A15529" t="s">
        <v>35</v>
      </c>
      <c r="B15529" t="s">
        <v>93</v>
      </c>
      <c r="C15529" t="s">
        <v>117</v>
      </c>
      <c r="D15529" t="s">
        <v>118</v>
      </c>
      <c r="E15529">
        <v>2014</v>
      </c>
      <c r="F15529">
        <v>2014</v>
      </c>
      <c r="G15529" t="s">
        <v>125</v>
      </c>
      <c r="H15529" t="s">
        <v>124</v>
      </c>
      <c r="I15529" t="s">
        <v>15</v>
      </c>
      <c r="J15529" s="10">
        <v>1.7472167649999999</v>
      </c>
    </row>
    <row r="15530" spans="1:10" x14ac:dyDescent="0.35">
      <c r="A15530" t="s">
        <v>35</v>
      </c>
      <c r="B15530" t="s">
        <v>93</v>
      </c>
      <c r="C15530" t="s">
        <v>117</v>
      </c>
      <c r="D15530" t="s">
        <v>118</v>
      </c>
      <c r="E15530">
        <v>2014</v>
      </c>
      <c r="F15530">
        <v>2014</v>
      </c>
      <c r="G15530" t="s">
        <v>126</v>
      </c>
      <c r="H15530" t="s">
        <v>119</v>
      </c>
      <c r="I15530" t="s">
        <v>15</v>
      </c>
      <c r="J15530" s="10">
        <v>16.036084890000001</v>
      </c>
    </row>
    <row r="15531" spans="1:10" x14ac:dyDescent="0.35">
      <c r="A15531" t="s">
        <v>35</v>
      </c>
      <c r="B15531" t="s">
        <v>93</v>
      </c>
      <c r="C15531" t="s">
        <v>117</v>
      </c>
      <c r="D15531" t="s">
        <v>118</v>
      </c>
      <c r="E15531">
        <v>2014</v>
      </c>
      <c r="F15531">
        <v>2014</v>
      </c>
      <c r="G15531" t="s">
        <v>126</v>
      </c>
      <c r="H15531" t="s">
        <v>120</v>
      </c>
      <c r="I15531" t="s">
        <v>15</v>
      </c>
      <c r="J15531" s="10">
        <v>9.9824998150000006</v>
      </c>
    </row>
    <row r="15532" spans="1:10" x14ac:dyDescent="0.35">
      <c r="A15532" t="s">
        <v>35</v>
      </c>
      <c r="B15532" t="s">
        <v>93</v>
      </c>
      <c r="C15532" t="s">
        <v>117</v>
      </c>
      <c r="D15532" t="s">
        <v>118</v>
      </c>
      <c r="E15532">
        <v>2014</v>
      </c>
      <c r="F15532">
        <v>2014</v>
      </c>
      <c r="G15532" t="s">
        <v>126</v>
      </c>
      <c r="H15532" t="s">
        <v>121</v>
      </c>
      <c r="I15532" t="s">
        <v>15</v>
      </c>
      <c r="J15532" s="10">
        <v>29.269675379999999</v>
      </c>
    </row>
    <row r="15533" spans="1:10" x14ac:dyDescent="0.35">
      <c r="A15533" t="s">
        <v>35</v>
      </c>
      <c r="B15533" t="s">
        <v>93</v>
      </c>
      <c r="C15533" t="s">
        <v>117</v>
      </c>
      <c r="D15533" t="s">
        <v>118</v>
      </c>
      <c r="E15533">
        <v>2014</v>
      </c>
      <c r="F15533">
        <v>2014</v>
      </c>
      <c r="G15533" t="s">
        <v>126</v>
      </c>
      <c r="H15533" t="s">
        <v>122</v>
      </c>
      <c r="I15533" t="s">
        <v>15</v>
      </c>
      <c r="J15533" s="10">
        <v>22.37805329</v>
      </c>
    </row>
    <row r="15534" spans="1:10" x14ac:dyDescent="0.35">
      <c r="A15534" t="s">
        <v>35</v>
      </c>
      <c r="B15534" t="s">
        <v>93</v>
      </c>
      <c r="C15534" t="s">
        <v>117</v>
      </c>
      <c r="D15534" t="s">
        <v>118</v>
      </c>
      <c r="E15534">
        <v>2014</v>
      </c>
      <c r="F15534">
        <v>2014</v>
      </c>
      <c r="G15534" t="s">
        <v>126</v>
      </c>
      <c r="H15534" t="s">
        <v>123</v>
      </c>
      <c r="I15534" t="s">
        <v>15</v>
      </c>
      <c r="J15534" s="10">
        <v>19.260062609999999</v>
      </c>
    </row>
    <row r="15535" spans="1:10" x14ac:dyDescent="0.35">
      <c r="A15535" t="s">
        <v>35</v>
      </c>
      <c r="B15535" t="s">
        <v>93</v>
      </c>
      <c r="C15535" t="s">
        <v>117</v>
      </c>
      <c r="D15535" t="s">
        <v>118</v>
      </c>
      <c r="E15535">
        <v>2014</v>
      </c>
      <c r="F15535">
        <v>2014</v>
      </c>
      <c r="G15535" t="s">
        <v>126</v>
      </c>
      <c r="H15535" t="s">
        <v>124</v>
      </c>
      <c r="I15535" t="s">
        <v>15</v>
      </c>
      <c r="J15535" s="10">
        <v>3.0736240170000002</v>
      </c>
    </row>
    <row r="15536" spans="1:10" x14ac:dyDescent="0.35">
      <c r="A15536" t="s">
        <v>35</v>
      </c>
      <c r="B15536" t="s">
        <v>93</v>
      </c>
      <c r="C15536" t="s">
        <v>117</v>
      </c>
      <c r="D15536" t="s">
        <v>118</v>
      </c>
      <c r="E15536">
        <v>2013</v>
      </c>
      <c r="F15536">
        <v>2013</v>
      </c>
      <c r="G15536" t="s">
        <v>14</v>
      </c>
      <c r="H15536" t="s">
        <v>119</v>
      </c>
      <c r="I15536" t="s">
        <v>15</v>
      </c>
      <c r="J15536" s="10">
        <v>16.964400130000001</v>
      </c>
    </row>
    <row r="15537" spans="1:10" x14ac:dyDescent="0.35">
      <c r="A15537" t="s">
        <v>35</v>
      </c>
      <c r="B15537" t="s">
        <v>93</v>
      </c>
      <c r="C15537" t="s">
        <v>117</v>
      </c>
      <c r="D15537" t="s">
        <v>118</v>
      </c>
      <c r="E15537">
        <v>2013</v>
      </c>
      <c r="F15537">
        <v>2013</v>
      </c>
      <c r="G15537" t="s">
        <v>14</v>
      </c>
      <c r="H15537" t="s">
        <v>120</v>
      </c>
      <c r="I15537" t="s">
        <v>15</v>
      </c>
      <c r="J15537" s="10">
        <v>11.191275600000001</v>
      </c>
    </row>
    <row r="15538" spans="1:10" x14ac:dyDescent="0.35">
      <c r="A15538" t="s">
        <v>35</v>
      </c>
      <c r="B15538" t="s">
        <v>93</v>
      </c>
      <c r="C15538" t="s">
        <v>117</v>
      </c>
      <c r="D15538" t="s">
        <v>118</v>
      </c>
      <c r="E15538">
        <v>2013</v>
      </c>
      <c r="F15538">
        <v>2013</v>
      </c>
      <c r="G15538" t="s">
        <v>14</v>
      </c>
      <c r="H15538" t="s">
        <v>121</v>
      </c>
      <c r="I15538" t="s">
        <v>15</v>
      </c>
      <c r="J15538" s="10">
        <v>29.516620960000001</v>
      </c>
    </row>
    <row r="15539" spans="1:10" x14ac:dyDescent="0.35">
      <c r="A15539" t="s">
        <v>35</v>
      </c>
      <c r="B15539" t="s">
        <v>93</v>
      </c>
      <c r="C15539" t="s">
        <v>117</v>
      </c>
      <c r="D15539" t="s">
        <v>118</v>
      </c>
      <c r="E15539">
        <v>2013</v>
      </c>
      <c r="F15539">
        <v>2013</v>
      </c>
      <c r="G15539" t="s">
        <v>14</v>
      </c>
      <c r="H15539" t="s">
        <v>122</v>
      </c>
      <c r="I15539" t="s">
        <v>15</v>
      </c>
      <c r="J15539" s="10">
        <v>22.035266679999999</v>
      </c>
    </row>
    <row r="15540" spans="1:10" x14ac:dyDescent="0.35">
      <c r="A15540" t="s">
        <v>35</v>
      </c>
      <c r="B15540" t="s">
        <v>93</v>
      </c>
      <c r="C15540" t="s">
        <v>117</v>
      </c>
      <c r="D15540" t="s">
        <v>118</v>
      </c>
      <c r="E15540">
        <v>2013</v>
      </c>
      <c r="F15540">
        <v>2013</v>
      </c>
      <c r="G15540" t="s">
        <v>14</v>
      </c>
      <c r="H15540" t="s">
        <v>123</v>
      </c>
      <c r="I15540" t="s">
        <v>15</v>
      </c>
      <c r="J15540" s="10">
        <v>17.94217905</v>
      </c>
    </row>
    <row r="15541" spans="1:10" x14ac:dyDescent="0.35">
      <c r="A15541" t="s">
        <v>35</v>
      </c>
      <c r="B15541" t="s">
        <v>93</v>
      </c>
      <c r="C15541" t="s">
        <v>117</v>
      </c>
      <c r="D15541" t="s">
        <v>118</v>
      </c>
      <c r="E15541">
        <v>2013</v>
      </c>
      <c r="F15541">
        <v>2013</v>
      </c>
      <c r="G15541" t="s">
        <v>14</v>
      </c>
      <c r="H15541" t="s">
        <v>124</v>
      </c>
      <c r="I15541" t="s">
        <v>15</v>
      </c>
      <c r="J15541" s="10">
        <v>2.3502575800000001</v>
      </c>
    </row>
    <row r="15542" spans="1:10" x14ac:dyDescent="0.35">
      <c r="A15542" t="s">
        <v>35</v>
      </c>
      <c r="B15542" t="s">
        <v>93</v>
      </c>
      <c r="C15542" t="s">
        <v>117</v>
      </c>
      <c r="D15542" t="s">
        <v>118</v>
      </c>
      <c r="E15542">
        <v>2013</v>
      </c>
      <c r="F15542">
        <v>2013</v>
      </c>
      <c r="G15542" t="s">
        <v>125</v>
      </c>
      <c r="H15542" t="s">
        <v>119</v>
      </c>
      <c r="I15542" t="s">
        <v>15</v>
      </c>
      <c r="J15542" s="10">
        <v>18.026340099999999</v>
      </c>
    </row>
    <row r="15543" spans="1:10" x14ac:dyDescent="0.35">
      <c r="A15543" t="s">
        <v>35</v>
      </c>
      <c r="B15543" t="s">
        <v>93</v>
      </c>
      <c r="C15543" t="s">
        <v>117</v>
      </c>
      <c r="D15543" t="s">
        <v>118</v>
      </c>
      <c r="E15543">
        <v>2013</v>
      </c>
      <c r="F15543">
        <v>2013</v>
      </c>
      <c r="G15543" t="s">
        <v>125</v>
      </c>
      <c r="H15543" t="s">
        <v>120</v>
      </c>
      <c r="I15543" t="s">
        <v>15</v>
      </c>
      <c r="J15543" s="10">
        <v>12.26213413</v>
      </c>
    </row>
    <row r="15544" spans="1:10" x14ac:dyDescent="0.35">
      <c r="A15544" t="s">
        <v>35</v>
      </c>
      <c r="B15544" t="s">
        <v>93</v>
      </c>
      <c r="C15544" t="s">
        <v>117</v>
      </c>
      <c r="D15544" t="s">
        <v>118</v>
      </c>
      <c r="E15544">
        <v>2013</v>
      </c>
      <c r="F15544">
        <v>2013</v>
      </c>
      <c r="G15544" t="s">
        <v>125</v>
      </c>
      <c r="H15544" t="s">
        <v>121</v>
      </c>
      <c r="I15544" t="s">
        <v>15</v>
      </c>
      <c r="J15544" s="10">
        <v>29.567948479999998</v>
      </c>
    </row>
    <row r="15545" spans="1:10" x14ac:dyDescent="0.35">
      <c r="A15545" t="s">
        <v>35</v>
      </c>
      <c r="B15545" t="s">
        <v>93</v>
      </c>
      <c r="C15545" t="s">
        <v>117</v>
      </c>
      <c r="D15545" t="s">
        <v>118</v>
      </c>
      <c r="E15545">
        <v>2013</v>
      </c>
      <c r="F15545">
        <v>2013</v>
      </c>
      <c r="G15545" t="s">
        <v>125</v>
      </c>
      <c r="H15545" t="s">
        <v>122</v>
      </c>
      <c r="I15545" t="s">
        <v>15</v>
      </c>
      <c r="J15545" s="10">
        <v>21.673836730000001</v>
      </c>
    </row>
    <row r="15546" spans="1:10" x14ac:dyDescent="0.35">
      <c r="A15546" t="s">
        <v>35</v>
      </c>
      <c r="B15546" t="s">
        <v>93</v>
      </c>
      <c r="C15546" t="s">
        <v>117</v>
      </c>
      <c r="D15546" t="s">
        <v>118</v>
      </c>
      <c r="E15546">
        <v>2013</v>
      </c>
      <c r="F15546">
        <v>2013</v>
      </c>
      <c r="G15546" t="s">
        <v>125</v>
      </c>
      <c r="H15546" t="s">
        <v>123</v>
      </c>
      <c r="I15546" t="s">
        <v>15</v>
      </c>
      <c r="J15546" s="10">
        <v>16.764760219999999</v>
      </c>
    </row>
    <row r="15547" spans="1:10" x14ac:dyDescent="0.35">
      <c r="A15547" t="s">
        <v>35</v>
      </c>
      <c r="B15547" t="s">
        <v>93</v>
      </c>
      <c r="C15547" t="s">
        <v>117</v>
      </c>
      <c r="D15547" t="s">
        <v>118</v>
      </c>
      <c r="E15547">
        <v>2013</v>
      </c>
      <c r="F15547">
        <v>2013</v>
      </c>
      <c r="G15547" t="s">
        <v>125</v>
      </c>
      <c r="H15547" t="s">
        <v>124</v>
      </c>
      <c r="I15547" t="s">
        <v>15</v>
      </c>
      <c r="J15547" s="10">
        <v>1.7049803370000001</v>
      </c>
    </row>
    <row r="15548" spans="1:10" x14ac:dyDescent="0.35">
      <c r="A15548" t="s">
        <v>35</v>
      </c>
      <c r="B15548" t="s">
        <v>93</v>
      </c>
      <c r="C15548" t="s">
        <v>117</v>
      </c>
      <c r="D15548" t="s">
        <v>118</v>
      </c>
      <c r="E15548">
        <v>2013</v>
      </c>
      <c r="F15548">
        <v>2013</v>
      </c>
      <c r="G15548" t="s">
        <v>126</v>
      </c>
      <c r="H15548" t="s">
        <v>119</v>
      </c>
      <c r="I15548" t="s">
        <v>15</v>
      </c>
      <c r="J15548" s="10">
        <v>15.96213725</v>
      </c>
    </row>
    <row r="15549" spans="1:10" x14ac:dyDescent="0.35">
      <c r="A15549" t="s">
        <v>35</v>
      </c>
      <c r="B15549" t="s">
        <v>93</v>
      </c>
      <c r="C15549" t="s">
        <v>117</v>
      </c>
      <c r="D15549" t="s">
        <v>118</v>
      </c>
      <c r="E15549">
        <v>2013</v>
      </c>
      <c r="F15549">
        <v>2013</v>
      </c>
      <c r="G15549" t="s">
        <v>126</v>
      </c>
      <c r="H15549" t="s">
        <v>120</v>
      </c>
      <c r="I15549" t="s">
        <v>15</v>
      </c>
      <c r="J15549" s="10">
        <v>10.18059534</v>
      </c>
    </row>
    <row r="15550" spans="1:10" x14ac:dyDescent="0.35">
      <c r="A15550" t="s">
        <v>35</v>
      </c>
      <c r="B15550" t="s">
        <v>93</v>
      </c>
      <c r="C15550" t="s">
        <v>117</v>
      </c>
      <c r="D15550" t="s">
        <v>118</v>
      </c>
      <c r="E15550">
        <v>2013</v>
      </c>
      <c r="F15550">
        <v>2013</v>
      </c>
      <c r="G15550" t="s">
        <v>126</v>
      </c>
      <c r="H15550" t="s">
        <v>121</v>
      </c>
      <c r="I15550" t="s">
        <v>15</v>
      </c>
      <c r="J15550" s="10">
        <v>29.468177860000001</v>
      </c>
    </row>
    <row r="15551" spans="1:10" x14ac:dyDescent="0.35">
      <c r="A15551" t="s">
        <v>35</v>
      </c>
      <c r="B15551" t="s">
        <v>93</v>
      </c>
      <c r="C15551" t="s">
        <v>117</v>
      </c>
      <c r="D15551" t="s">
        <v>118</v>
      </c>
      <c r="E15551">
        <v>2013</v>
      </c>
      <c r="F15551">
        <v>2013</v>
      </c>
      <c r="G15551" t="s">
        <v>126</v>
      </c>
      <c r="H15551" t="s">
        <v>122</v>
      </c>
      <c r="I15551" t="s">
        <v>15</v>
      </c>
      <c r="J15551" s="10">
        <v>22.376385599999999</v>
      </c>
    </row>
    <row r="15552" spans="1:10" x14ac:dyDescent="0.35">
      <c r="A15552" t="s">
        <v>35</v>
      </c>
      <c r="B15552" t="s">
        <v>93</v>
      </c>
      <c r="C15552" t="s">
        <v>117</v>
      </c>
      <c r="D15552" t="s">
        <v>118</v>
      </c>
      <c r="E15552">
        <v>2013</v>
      </c>
      <c r="F15552">
        <v>2013</v>
      </c>
      <c r="G15552" t="s">
        <v>126</v>
      </c>
      <c r="H15552" t="s">
        <v>123</v>
      </c>
      <c r="I15552" t="s">
        <v>15</v>
      </c>
      <c r="J15552" s="10">
        <v>19.053431310000001</v>
      </c>
    </row>
    <row r="15553" spans="1:10" x14ac:dyDescent="0.35">
      <c r="A15553" t="s">
        <v>35</v>
      </c>
      <c r="B15553" t="s">
        <v>93</v>
      </c>
      <c r="C15553" t="s">
        <v>117</v>
      </c>
      <c r="D15553" t="s">
        <v>118</v>
      </c>
      <c r="E15553">
        <v>2013</v>
      </c>
      <c r="F15553">
        <v>2013</v>
      </c>
      <c r="G15553" t="s">
        <v>126</v>
      </c>
      <c r="H15553" t="s">
        <v>124</v>
      </c>
      <c r="I15553" t="s">
        <v>15</v>
      </c>
      <c r="J15553" s="10">
        <v>2.9592726370000002</v>
      </c>
    </row>
    <row r="15554" spans="1:10" x14ac:dyDescent="0.35">
      <c r="A15554" t="s">
        <v>35</v>
      </c>
      <c r="B15554" t="s">
        <v>93</v>
      </c>
      <c r="C15554" t="s">
        <v>117</v>
      </c>
      <c r="D15554" t="s">
        <v>118</v>
      </c>
      <c r="E15554">
        <v>2012</v>
      </c>
      <c r="F15554">
        <v>2012</v>
      </c>
      <c r="G15554" t="s">
        <v>14</v>
      </c>
      <c r="H15554" t="s">
        <v>119</v>
      </c>
      <c r="I15554" t="s">
        <v>15</v>
      </c>
      <c r="J15554" s="10">
        <v>17.107048670000001</v>
      </c>
    </row>
    <row r="15555" spans="1:10" x14ac:dyDescent="0.35">
      <c r="A15555" t="s">
        <v>35</v>
      </c>
      <c r="B15555" t="s">
        <v>93</v>
      </c>
      <c r="C15555" t="s">
        <v>117</v>
      </c>
      <c r="D15555" t="s">
        <v>118</v>
      </c>
      <c r="E15555">
        <v>2012</v>
      </c>
      <c r="F15555">
        <v>2012</v>
      </c>
      <c r="G15555" t="s">
        <v>14</v>
      </c>
      <c r="H15555" t="s">
        <v>120</v>
      </c>
      <c r="I15555" t="s">
        <v>15</v>
      </c>
      <c r="J15555" s="10">
        <v>11.4140871</v>
      </c>
    </row>
    <row r="15556" spans="1:10" x14ac:dyDescent="0.35">
      <c r="A15556" t="s">
        <v>35</v>
      </c>
      <c r="B15556" t="s">
        <v>93</v>
      </c>
      <c r="C15556" t="s">
        <v>117</v>
      </c>
      <c r="D15556" t="s">
        <v>118</v>
      </c>
      <c r="E15556">
        <v>2012</v>
      </c>
      <c r="F15556">
        <v>2012</v>
      </c>
      <c r="G15556" t="s">
        <v>14</v>
      </c>
      <c r="H15556" t="s">
        <v>121</v>
      </c>
      <c r="I15556" t="s">
        <v>15</v>
      </c>
      <c r="J15556" s="10">
        <v>29.90501063</v>
      </c>
    </row>
    <row r="15557" spans="1:10" x14ac:dyDescent="0.35">
      <c r="A15557" t="s">
        <v>35</v>
      </c>
      <c r="B15557" t="s">
        <v>93</v>
      </c>
      <c r="C15557" t="s">
        <v>117</v>
      </c>
      <c r="D15557" t="s">
        <v>118</v>
      </c>
      <c r="E15557">
        <v>2012</v>
      </c>
      <c r="F15557">
        <v>2012</v>
      </c>
      <c r="G15557" t="s">
        <v>14</v>
      </c>
      <c r="H15557" t="s">
        <v>122</v>
      </c>
      <c r="I15557" t="s">
        <v>15</v>
      </c>
      <c r="J15557" s="10">
        <v>21.789948020000001</v>
      </c>
    </row>
    <row r="15558" spans="1:10" x14ac:dyDescent="0.35">
      <c r="A15558" t="s">
        <v>35</v>
      </c>
      <c r="B15558" t="s">
        <v>93</v>
      </c>
      <c r="C15558" t="s">
        <v>117</v>
      </c>
      <c r="D15558" t="s">
        <v>118</v>
      </c>
      <c r="E15558">
        <v>2012</v>
      </c>
      <c r="F15558">
        <v>2012</v>
      </c>
      <c r="G15558" t="s">
        <v>14</v>
      </c>
      <c r="H15558" t="s">
        <v>123</v>
      </c>
      <c r="I15558" t="s">
        <v>15</v>
      </c>
      <c r="J15558" s="10">
        <v>17.580715359999999</v>
      </c>
    </row>
    <row r="15559" spans="1:10" x14ac:dyDescent="0.35">
      <c r="A15559" t="s">
        <v>35</v>
      </c>
      <c r="B15559" t="s">
        <v>93</v>
      </c>
      <c r="C15559" t="s">
        <v>117</v>
      </c>
      <c r="D15559" t="s">
        <v>118</v>
      </c>
      <c r="E15559">
        <v>2012</v>
      </c>
      <c r="F15559">
        <v>2012</v>
      </c>
      <c r="G15559" t="s">
        <v>14</v>
      </c>
      <c r="H15559" t="s">
        <v>124</v>
      </c>
      <c r="I15559" t="s">
        <v>15</v>
      </c>
      <c r="J15559" s="10">
        <v>2.2031902090000002</v>
      </c>
    </row>
    <row r="15560" spans="1:10" x14ac:dyDescent="0.35">
      <c r="A15560" t="s">
        <v>35</v>
      </c>
      <c r="B15560" t="s">
        <v>93</v>
      </c>
      <c r="C15560" t="s">
        <v>117</v>
      </c>
      <c r="D15560" t="s">
        <v>118</v>
      </c>
      <c r="E15560">
        <v>2012</v>
      </c>
      <c r="F15560">
        <v>2012</v>
      </c>
      <c r="G15560" t="s">
        <v>125</v>
      </c>
      <c r="H15560" t="s">
        <v>119</v>
      </c>
      <c r="I15560" t="s">
        <v>15</v>
      </c>
      <c r="J15560" s="10">
        <v>18.150404900000002</v>
      </c>
    </row>
    <row r="15561" spans="1:10" x14ac:dyDescent="0.35">
      <c r="A15561" t="s">
        <v>35</v>
      </c>
      <c r="B15561" t="s">
        <v>93</v>
      </c>
      <c r="C15561" t="s">
        <v>117</v>
      </c>
      <c r="D15561" t="s">
        <v>118</v>
      </c>
      <c r="E15561">
        <v>2012</v>
      </c>
      <c r="F15561">
        <v>2012</v>
      </c>
      <c r="G15561" t="s">
        <v>125</v>
      </c>
      <c r="H15561" t="s">
        <v>120</v>
      </c>
      <c r="I15561" t="s">
        <v>15</v>
      </c>
      <c r="J15561" s="10">
        <v>12.452850099999999</v>
      </c>
    </row>
    <row r="15562" spans="1:10" x14ac:dyDescent="0.35">
      <c r="A15562" t="s">
        <v>35</v>
      </c>
      <c r="B15562" t="s">
        <v>93</v>
      </c>
      <c r="C15562" t="s">
        <v>117</v>
      </c>
      <c r="D15562" t="s">
        <v>118</v>
      </c>
      <c r="E15562">
        <v>2012</v>
      </c>
      <c r="F15562">
        <v>2012</v>
      </c>
      <c r="G15562" t="s">
        <v>125</v>
      </c>
      <c r="H15562" t="s">
        <v>121</v>
      </c>
      <c r="I15562" t="s">
        <v>15</v>
      </c>
      <c r="J15562" s="10">
        <v>29.922713720000001</v>
      </c>
    </row>
    <row r="15563" spans="1:10" x14ac:dyDescent="0.35">
      <c r="A15563" t="s">
        <v>35</v>
      </c>
      <c r="B15563" t="s">
        <v>93</v>
      </c>
      <c r="C15563" t="s">
        <v>117</v>
      </c>
      <c r="D15563" t="s">
        <v>118</v>
      </c>
      <c r="E15563">
        <v>2012</v>
      </c>
      <c r="F15563">
        <v>2012</v>
      </c>
      <c r="G15563" t="s">
        <v>125</v>
      </c>
      <c r="H15563" t="s">
        <v>122</v>
      </c>
      <c r="I15563" t="s">
        <v>15</v>
      </c>
      <c r="J15563" s="10">
        <v>21.55838675</v>
      </c>
    </row>
    <row r="15564" spans="1:10" x14ac:dyDescent="0.35">
      <c r="A15564" t="s">
        <v>35</v>
      </c>
      <c r="B15564" t="s">
        <v>93</v>
      </c>
      <c r="C15564" t="s">
        <v>117</v>
      </c>
      <c r="D15564" t="s">
        <v>118</v>
      </c>
      <c r="E15564">
        <v>2012</v>
      </c>
      <c r="F15564">
        <v>2012</v>
      </c>
      <c r="G15564" t="s">
        <v>125</v>
      </c>
      <c r="H15564" t="s">
        <v>123</v>
      </c>
      <c r="I15564" t="s">
        <v>15</v>
      </c>
      <c r="J15564" s="10">
        <v>16.33035267</v>
      </c>
    </row>
    <row r="15565" spans="1:10" x14ac:dyDescent="0.35">
      <c r="A15565" t="s">
        <v>35</v>
      </c>
      <c r="B15565" t="s">
        <v>93</v>
      </c>
      <c r="C15565" t="s">
        <v>117</v>
      </c>
      <c r="D15565" t="s">
        <v>118</v>
      </c>
      <c r="E15565">
        <v>2012</v>
      </c>
      <c r="F15565">
        <v>2012</v>
      </c>
      <c r="G15565" t="s">
        <v>125</v>
      </c>
      <c r="H15565" t="s">
        <v>124</v>
      </c>
      <c r="I15565" t="s">
        <v>15</v>
      </c>
      <c r="J15565" s="10">
        <v>1.5852918680000001</v>
      </c>
    </row>
    <row r="15566" spans="1:10" x14ac:dyDescent="0.35">
      <c r="A15566" t="s">
        <v>35</v>
      </c>
      <c r="B15566" t="s">
        <v>93</v>
      </c>
      <c r="C15566" t="s">
        <v>117</v>
      </c>
      <c r="D15566" t="s">
        <v>118</v>
      </c>
      <c r="E15566">
        <v>2012</v>
      </c>
      <c r="F15566">
        <v>2012</v>
      </c>
      <c r="G15566" t="s">
        <v>126</v>
      </c>
      <c r="H15566" t="s">
        <v>119</v>
      </c>
      <c r="I15566" t="s">
        <v>15</v>
      </c>
      <c r="J15566" s="10">
        <v>16.123174890000001</v>
      </c>
    </row>
    <row r="15567" spans="1:10" x14ac:dyDescent="0.35">
      <c r="A15567" t="s">
        <v>35</v>
      </c>
      <c r="B15567" t="s">
        <v>93</v>
      </c>
      <c r="C15567" t="s">
        <v>117</v>
      </c>
      <c r="D15567" t="s">
        <v>118</v>
      </c>
      <c r="E15567">
        <v>2012</v>
      </c>
      <c r="F15567">
        <v>2012</v>
      </c>
      <c r="G15567" t="s">
        <v>126</v>
      </c>
      <c r="H15567" t="s">
        <v>120</v>
      </c>
      <c r="I15567" t="s">
        <v>15</v>
      </c>
      <c r="J15567" s="10">
        <v>10.434544689999999</v>
      </c>
    </row>
    <row r="15568" spans="1:10" x14ac:dyDescent="0.35">
      <c r="A15568" t="s">
        <v>35</v>
      </c>
      <c r="B15568" t="s">
        <v>93</v>
      </c>
      <c r="C15568" t="s">
        <v>117</v>
      </c>
      <c r="D15568" t="s">
        <v>118</v>
      </c>
      <c r="E15568">
        <v>2012</v>
      </c>
      <c r="F15568">
        <v>2012</v>
      </c>
      <c r="G15568" t="s">
        <v>126</v>
      </c>
      <c r="H15568" t="s">
        <v>121</v>
      </c>
      <c r="I15568" t="s">
        <v>15</v>
      </c>
      <c r="J15568" s="10">
        <v>29.888316790000001</v>
      </c>
    </row>
    <row r="15569" spans="1:10" x14ac:dyDescent="0.35">
      <c r="A15569" t="s">
        <v>35</v>
      </c>
      <c r="B15569" t="s">
        <v>93</v>
      </c>
      <c r="C15569" t="s">
        <v>117</v>
      </c>
      <c r="D15569" t="s">
        <v>118</v>
      </c>
      <c r="E15569">
        <v>2012</v>
      </c>
      <c r="F15569">
        <v>2012</v>
      </c>
      <c r="G15569" t="s">
        <v>126</v>
      </c>
      <c r="H15569" t="s">
        <v>122</v>
      </c>
      <c r="I15569" t="s">
        <v>15</v>
      </c>
      <c r="J15569" s="10">
        <v>22.008307840000001</v>
      </c>
    </row>
    <row r="15570" spans="1:10" x14ac:dyDescent="0.35">
      <c r="A15570" t="s">
        <v>35</v>
      </c>
      <c r="B15570" t="s">
        <v>93</v>
      </c>
      <c r="C15570" t="s">
        <v>117</v>
      </c>
      <c r="D15570" t="s">
        <v>118</v>
      </c>
      <c r="E15570">
        <v>2012</v>
      </c>
      <c r="F15570">
        <v>2012</v>
      </c>
      <c r="G15570" t="s">
        <v>126</v>
      </c>
      <c r="H15570" t="s">
        <v>123</v>
      </c>
      <c r="I15570" t="s">
        <v>15</v>
      </c>
      <c r="J15570" s="10">
        <v>18.75979405</v>
      </c>
    </row>
    <row r="15571" spans="1:10" x14ac:dyDescent="0.35">
      <c r="A15571" t="s">
        <v>35</v>
      </c>
      <c r="B15571" t="s">
        <v>93</v>
      </c>
      <c r="C15571" t="s">
        <v>117</v>
      </c>
      <c r="D15571" t="s">
        <v>118</v>
      </c>
      <c r="E15571">
        <v>2012</v>
      </c>
      <c r="F15571">
        <v>2012</v>
      </c>
      <c r="G15571" t="s">
        <v>126</v>
      </c>
      <c r="H15571" t="s">
        <v>124</v>
      </c>
      <c r="I15571" t="s">
        <v>15</v>
      </c>
      <c r="J15571" s="10">
        <v>2.7858617520000002</v>
      </c>
    </row>
    <row r="15572" spans="1:10" x14ac:dyDescent="0.35">
      <c r="A15572" t="s">
        <v>35</v>
      </c>
      <c r="B15572" t="s">
        <v>93</v>
      </c>
      <c r="C15572" t="s">
        <v>117</v>
      </c>
      <c r="D15572" t="s">
        <v>118</v>
      </c>
      <c r="E15572">
        <v>2011</v>
      </c>
      <c r="F15572">
        <v>2011</v>
      </c>
      <c r="G15572" t="s">
        <v>14</v>
      </c>
      <c r="H15572" t="s">
        <v>119</v>
      </c>
      <c r="I15572" t="s">
        <v>15</v>
      </c>
      <c r="J15572" s="10">
        <v>17.42022309</v>
      </c>
    </row>
    <row r="15573" spans="1:10" x14ac:dyDescent="0.35">
      <c r="A15573" t="s">
        <v>35</v>
      </c>
      <c r="B15573" t="s">
        <v>93</v>
      </c>
      <c r="C15573" t="s">
        <v>117</v>
      </c>
      <c r="D15573" t="s">
        <v>118</v>
      </c>
      <c r="E15573">
        <v>2011</v>
      </c>
      <c r="F15573">
        <v>2011</v>
      </c>
      <c r="G15573" t="s">
        <v>14</v>
      </c>
      <c r="H15573" t="s">
        <v>120</v>
      </c>
      <c r="I15573" t="s">
        <v>15</v>
      </c>
      <c r="J15573" s="10">
        <v>11.309816509999999</v>
      </c>
    </row>
    <row r="15574" spans="1:10" x14ac:dyDescent="0.35">
      <c r="A15574" t="s">
        <v>35</v>
      </c>
      <c r="B15574" t="s">
        <v>93</v>
      </c>
      <c r="C15574" t="s">
        <v>117</v>
      </c>
      <c r="D15574" t="s">
        <v>118</v>
      </c>
      <c r="E15574">
        <v>2011</v>
      </c>
      <c r="F15574">
        <v>2011</v>
      </c>
      <c r="G15574" t="s">
        <v>14</v>
      </c>
      <c r="H15574" t="s">
        <v>121</v>
      </c>
      <c r="I15574" t="s">
        <v>15</v>
      </c>
      <c r="J15574" s="10">
        <v>30.193586790000001</v>
      </c>
    </row>
    <row r="15575" spans="1:10" x14ac:dyDescent="0.35">
      <c r="A15575" t="s">
        <v>35</v>
      </c>
      <c r="B15575" t="s">
        <v>93</v>
      </c>
      <c r="C15575" t="s">
        <v>117</v>
      </c>
      <c r="D15575" t="s">
        <v>118</v>
      </c>
      <c r="E15575">
        <v>2011</v>
      </c>
      <c r="F15575">
        <v>2011</v>
      </c>
      <c r="G15575" t="s">
        <v>14</v>
      </c>
      <c r="H15575" t="s">
        <v>122</v>
      </c>
      <c r="I15575" t="s">
        <v>15</v>
      </c>
      <c r="J15575" s="10">
        <v>21.942855659999999</v>
      </c>
    </row>
    <row r="15576" spans="1:10" x14ac:dyDescent="0.35">
      <c r="A15576" t="s">
        <v>35</v>
      </c>
      <c r="B15576" t="s">
        <v>93</v>
      </c>
      <c r="C15576" t="s">
        <v>117</v>
      </c>
      <c r="D15576" t="s">
        <v>118</v>
      </c>
      <c r="E15576">
        <v>2011</v>
      </c>
      <c r="F15576">
        <v>2011</v>
      </c>
      <c r="G15576" t="s">
        <v>14</v>
      </c>
      <c r="H15576" t="s">
        <v>123</v>
      </c>
      <c r="I15576" t="s">
        <v>15</v>
      </c>
      <c r="J15576" s="10">
        <v>17.14330081</v>
      </c>
    </row>
    <row r="15577" spans="1:10" x14ac:dyDescent="0.35">
      <c r="A15577" t="s">
        <v>35</v>
      </c>
      <c r="B15577" t="s">
        <v>93</v>
      </c>
      <c r="C15577" t="s">
        <v>117</v>
      </c>
      <c r="D15577" t="s">
        <v>118</v>
      </c>
      <c r="E15577">
        <v>2011</v>
      </c>
      <c r="F15577">
        <v>2011</v>
      </c>
      <c r="G15577" t="s">
        <v>14</v>
      </c>
      <c r="H15577" t="s">
        <v>124</v>
      </c>
      <c r="I15577" t="s">
        <v>15</v>
      </c>
      <c r="J15577" s="10">
        <v>1.990217138</v>
      </c>
    </row>
    <row r="15578" spans="1:10" x14ac:dyDescent="0.35">
      <c r="A15578" t="s">
        <v>35</v>
      </c>
      <c r="B15578" t="s">
        <v>93</v>
      </c>
      <c r="C15578" t="s">
        <v>117</v>
      </c>
      <c r="D15578" t="s">
        <v>118</v>
      </c>
      <c r="E15578">
        <v>2011</v>
      </c>
      <c r="F15578">
        <v>2011</v>
      </c>
      <c r="G15578" t="s">
        <v>125</v>
      </c>
      <c r="H15578" t="s">
        <v>119</v>
      </c>
      <c r="I15578" t="s">
        <v>15</v>
      </c>
      <c r="J15578" s="10">
        <v>18.64475062</v>
      </c>
    </row>
    <row r="15579" spans="1:10" x14ac:dyDescent="0.35">
      <c r="A15579" t="s">
        <v>35</v>
      </c>
      <c r="B15579" t="s">
        <v>93</v>
      </c>
      <c r="C15579" t="s">
        <v>117</v>
      </c>
      <c r="D15579" t="s">
        <v>118</v>
      </c>
      <c r="E15579">
        <v>2011</v>
      </c>
      <c r="F15579">
        <v>2011</v>
      </c>
      <c r="G15579" t="s">
        <v>125</v>
      </c>
      <c r="H15579" t="s">
        <v>120</v>
      </c>
      <c r="I15579" t="s">
        <v>15</v>
      </c>
      <c r="J15579" s="10">
        <v>12.279429540000001</v>
      </c>
    </row>
    <row r="15580" spans="1:10" x14ac:dyDescent="0.35">
      <c r="A15580" t="s">
        <v>35</v>
      </c>
      <c r="B15580" t="s">
        <v>93</v>
      </c>
      <c r="C15580" t="s">
        <v>117</v>
      </c>
      <c r="D15580" t="s">
        <v>118</v>
      </c>
      <c r="E15580">
        <v>2011</v>
      </c>
      <c r="F15580">
        <v>2011</v>
      </c>
      <c r="G15580" t="s">
        <v>125</v>
      </c>
      <c r="H15580" t="s">
        <v>121</v>
      </c>
      <c r="I15580" t="s">
        <v>15</v>
      </c>
      <c r="J15580" s="10">
        <v>29.750490159999998</v>
      </c>
    </row>
    <row r="15581" spans="1:10" x14ac:dyDescent="0.35">
      <c r="A15581" t="s">
        <v>35</v>
      </c>
      <c r="B15581" t="s">
        <v>93</v>
      </c>
      <c r="C15581" t="s">
        <v>117</v>
      </c>
      <c r="D15581" t="s">
        <v>118</v>
      </c>
      <c r="E15581">
        <v>2011</v>
      </c>
      <c r="F15581">
        <v>2011</v>
      </c>
      <c r="G15581" t="s">
        <v>125</v>
      </c>
      <c r="H15581" t="s">
        <v>122</v>
      </c>
      <c r="I15581" t="s">
        <v>15</v>
      </c>
      <c r="J15581" s="10">
        <v>21.843525899999999</v>
      </c>
    </row>
    <row r="15582" spans="1:10" x14ac:dyDescent="0.35">
      <c r="A15582" t="s">
        <v>35</v>
      </c>
      <c r="B15582" t="s">
        <v>93</v>
      </c>
      <c r="C15582" t="s">
        <v>117</v>
      </c>
      <c r="D15582" t="s">
        <v>118</v>
      </c>
      <c r="E15582">
        <v>2011</v>
      </c>
      <c r="F15582">
        <v>2011</v>
      </c>
      <c r="G15582" t="s">
        <v>125</v>
      </c>
      <c r="H15582" t="s">
        <v>123</v>
      </c>
      <c r="I15582" t="s">
        <v>15</v>
      </c>
      <c r="J15582" s="10">
        <v>16.031477450000001</v>
      </c>
    </row>
    <row r="15583" spans="1:10" x14ac:dyDescent="0.35">
      <c r="A15583" t="s">
        <v>35</v>
      </c>
      <c r="B15583" t="s">
        <v>93</v>
      </c>
      <c r="C15583" t="s">
        <v>117</v>
      </c>
      <c r="D15583" t="s">
        <v>118</v>
      </c>
      <c r="E15583">
        <v>2011</v>
      </c>
      <c r="F15583">
        <v>2011</v>
      </c>
      <c r="G15583" t="s">
        <v>125</v>
      </c>
      <c r="H15583" t="s">
        <v>124</v>
      </c>
      <c r="I15583" t="s">
        <v>15</v>
      </c>
      <c r="J15583" s="10">
        <v>1.4503263230000001</v>
      </c>
    </row>
    <row r="15584" spans="1:10" x14ac:dyDescent="0.35">
      <c r="A15584" t="s">
        <v>35</v>
      </c>
      <c r="B15584" t="s">
        <v>93</v>
      </c>
      <c r="C15584" t="s">
        <v>117</v>
      </c>
      <c r="D15584" t="s">
        <v>118</v>
      </c>
      <c r="E15584">
        <v>2011</v>
      </c>
      <c r="F15584">
        <v>2011</v>
      </c>
      <c r="G15584" t="s">
        <v>126</v>
      </c>
      <c r="H15584" t="s">
        <v>119</v>
      </c>
      <c r="I15584" t="s">
        <v>15</v>
      </c>
      <c r="J15584" s="10">
        <v>16.281683109999999</v>
      </c>
    </row>
    <row r="15585" spans="1:10" x14ac:dyDescent="0.35">
      <c r="A15585" t="s">
        <v>35</v>
      </c>
      <c r="B15585" t="s">
        <v>93</v>
      </c>
      <c r="C15585" t="s">
        <v>117</v>
      </c>
      <c r="D15585" t="s">
        <v>118</v>
      </c>
      <c r="E15585">
        <v>2011</v>
      </c>
      <c r="F15585">
        <v>2011</v>
      </c>
      <c r="G15585" t="s">
        <v>126</v>
      </c>
      <c r="H15585" t="s">
        <v>120</v>
      </c>
      <c r="I15585" t="s">
        <v>15</v>
      </c>
      <c r="J15585" s="10">
        <v>10.40829067</v>
      </c>
    </row>
    <row r="15586" spans="1:10" x14ac:dyDescent="0.35">
      <c r="A15586" t="s">
        <v>35</v>
      </c>
      <c r="B15586" t="s">
        <v>93</v>
      </c>
      <c r="C15586" t="s">
        <v>117</v>
      </c>
      <c r="D15586" t="s">
        <v>118</v>
      </c>
      <c r="E15586">
        <v>2011</v>
      </c>
      <c r="F15586">
        <v>2011</v>
      </c>
      <c r="G15586" t="s">
        <v>126</v>
      </c>
      <c r="H15586" t="s">
        <v>121</v>
      </c>
      <c r="I15586" t="s">
        <v>15</v>
      </c>
      <c r="J15586" s="10">
        <v>30.605568739999999</v>
      </c>
    </row>
    <row r="15587" spans="1:10" x14ac:dyDescent="0.35">
      <c r="A15587" t="s">
        <v>35</v>
      </c>
      <c r="B15587" t="s">
        <v>93</v>
      </c>
      <c r="C15587" t="s">
        <v>117</v>
      </c>
      <c r="D15587" t="s">
        <v>118</v>
      </c>
      <c r="E15587">
        <v>2011</v>
      </c>
      <c r="F15587">
        <v>2011</v>
      </c>
      <c r="G15587" t="s">
        <v>126</v>
      </c>
      <c r="H15587" t="s">
        <v>122</v>
      </c>
      <c r="I15587" t="s">
        <v>15</v>
      </c>
      <c r="J15587" s="10">
        <v>22.03521039</v>
      </c>
    </row>
    <row r="15588" spans="1:10" x14ac:dyDescent="0.35">
      <c r="A15588" t="s">
        <v>35</v>
      </c>
      <c r="B15588" t="s">
        <v>93</v>
      </c>
      <c r="C15588" t="s">
        <v>117</v>
      </c>
      <c r="D15588" t="s">
        <v>118</v>
      </c>
      <c r="E15588">
        <v>2011</v>
      </c>
      <c r="F15588">
        <v>2011</v>
      </c>
      <c r="G15588" t="s">
        <v>126</v>
      </c>
      <c r="H15588" t="s">
        <v>123</v>
      </c>
      <c r="I15588" t="s">
        <v>15</v>
      </c>
      <c r="J15588" s="10">
        <v>18.177050820000002</v>
      </c>
    </row>
    <row r="15589" spans="1:10" x14ac:dyDescent="0.35">
      <c r="A15589" t="s">
        <v>35</v>
      </c>
      <c r="B15589" t="s">
        <v>93</v>
      </c>
      <c r="C15589" t="s">
        <v>117</v>
      </c>
      <c r="D15589" t="s">
        <v>118</v>
      </c>
      <c r="E15589">
        <v>2011</v>
      </c>
      <c r="F15589">
        <v>2011</v>
      </c>
      <c r="G15589" t="s">
        <v>126</v>
      </c>
      <c r="H15589" t="s">
        <v>124</v>
      </c>
      <c r="I15589" t="s">
        <v>15</v>
      </c>
      <c r="J15589" s="10">
        <v>2.4921962789999998</v>
      </c>
    </row>
    <row r="15590" spans="1:10" x14ac:dyDescent="0.35">
      <c r="A15590" t="s">
        <v>20</v>
      </c>
      <c r="B15590" t="s">
        <v>94</v>
      </c>
      <c r="C15590" t="s">
        <v>117</v>
      </c>
      <c r="D15590" t="s">
        <v>118</v>
      </c>
      <c r="E15590">
        <v>2020</v>
      </c>
      <c r="F15590">
        <v>2020</v>
      </c>
      <c r="G15590" t="s">
        <v>14</v>
      </c>
      <c r="H15590" t="s">
        <v>119</v>
      </c>
      <c r="I15590" t="s">
        <v>15</v>
      </c>
      <c r="J15590" s="10">
        <v>17.909587089999999</v>
      </c>
    </row>
    <row r="15591" spans="1:10" x14ac:dyDescent="0.35">
      <c r="A15591" t="s">
        <v>20</v>
      </c>
      <c r="B15591" t="s">
        <v>94</v>
      </c>
      <c r="C15591" t="s">
        <v>117</v>
      </c>
      <c r="D15591" t="s">
        <v>118</v>
      </c>
      <c r="E15591">
        <v>2020</v>
      </c>
      <c r="F15591">
        <v>2020</v>
      </c>
      <c r="G15591" t="s">
        <v>14</v>
      </c>
      <c r="H15591" t="s">
        <v>120</v>
      </c>
      <c r="I15591" t="s">
        <v>15</v>
      </c>
      <c r="J15591" s="10">
        <v>10.26029583</v>
      </c>
    </row>
    <row r="15592" spans="1:10" x14ac:dyDescent="0.35">
      <c r="A15592" t="s">
        <v>20</v>
      </c>
      <c r="B15592" t="s">
        <v>94</v>
      </c>
      <c r="C15592" t="s">
        <v>117</v>
      </c>
      <c r="D15592" t="s">
        <v>118</v>
      </c>
      <c r="E15592">
        <v>2020</v>
      </c>
      <c r="F15592">
        <v>2020</v>
      </c>
      <c r="G15592" t="s">
        <v>14</v>
      </c>
      <c r="H15592" t="s">
        <v>121</v>
      </c>
      <c r="I15592" t="s">
        <v>15</v>
      </c>
      <c r="J15592" s="10">
        <v>32.15947646</v>
      </c>
    </row>
    <row r="15593" spans="1:10" x14ac:dyDescent="0.35">
      <c r="A15593" t="s">
        <v>20</v>
      </c>
      <c r="B15593" t="s">
        <v>94</v>
      </c>
      <c r="C15593" t="s">
        <v>117</v>
      </c>
      <c r="D15593" t="s">
        <v>118</v>
      </c>
      <c r="E15593">
        <v>2020</v>
      </c>
      <c r="F15593">
        <v>2020</v>
      </c>
      <c r="G15593" t="s">
        <v>14</v>
      </c>
      <c r="H15593" t="s">
        <v>122</v>
      </c>
      <c r="I15593" t="s">
        <v>15</v>
      </c>
      <c r="J15593" s="10">
        <v>21.909908940000001</v>
      </c>
    </row>
    <row r="15594" spans="1:10" x14ac:dyDescent="0.35">
      <c r="A15594" t="s">
        <v>20</v>
      </c>
      <c r="B15594" t="s">
        <v>94</v>
      </c>
      <c r="C15594" t="s">
        <v>117</v>
      </c>
      <c r="D15594" t="s">
        <v>118</v>
      </c>
      <c r="E15594">
        <v>2020</v>
      </c>
      <c r="F15594">
        <v>2020</v>
      </c>
      <c r="G15594" t="s">
        <v>14</v>
      </c>
      <c r="H15594" t="s">
        <v>123</v>
      </c>
      <c r="I15594" t="s">
        <v>15</v>
      </c>
      <c r="J15594" s="10">
        <v>15.975807639999999</v>
      </c>
    </row>
    <row r="15595" spans="1:10" x14ac:dyDescent="0.35">
      <c r="A15595" t="s">
        <v>20</v>
      </c>
      <c r="B15595" t="s">
        <v>94</v>
      </c>
      <c r="C15595" t="s">
        <v>117</v>
      </c>
      <c r="D15595" t="s">
        <v>118</v>
      </c>
      <c r="E15595">
        <v>2020</v>
      </c>
      <c r="F15595">
        <v>2020</v>
      </c>
      <c r="G15595" t="s">
        <v>14</v>
      </c>
      <c r="H15595" t="s">
        <v>124</v>
      </c>
      <c r="I15595" t="s">
        <v>15</v>
      </c>
      <c r="J15595" s="10">
        <v>1.78492403</v>
      </c>
    </row>
    <row r="15596" spans="1:10" x14ac:dyDescent="0.35">
      <c r="A15596" t="s">
        <v>20</v>
      </c>
      <c r="B15596" t="s">
        <v>94</v>
      </c>
      <c r="C15596" t="s">
        <v>117</v>
      </c>
      <c r="D15596" t="s">
        <v>118</v>
      </c>
      <c r="E15596">
        <v>2020</v>
      </c>
      <c r="F15596">
        <v>2020</v>
      </c>
      <c r="G15596" t="s">
        <v>125</v>
      </c>
      <c r="H15596" t="s">
        <v>119</v>
      </c>
      <c r="I15596" t="s">
        <v>15</v>
      </c>
      <c r="J15596" s="10">
        <v>18.882684650000002</v>
      </c>
    </row>
    <row r="15597" spans="1:10" x14ac:dyDescent="0.35">
      <c r="A15597" t="s">
        <v>20</v>
      </c>
      <c r="B15597" t="s">
        <v>94</v>
      </c>
      <c r="C15597" t="s">
        <v>117</v>
      </c>
      <c r="D15597" t="s">
        <v>118</v>
      </c>
      <c r="E15597">
        <v>2020</v>
      </c>
      <c r="F15597">
        <v>2020</v>
      </c>
      <c r="G15597" t="s">
        <v>125</v>
      </c>
      <c r="H15597" t="s">
        <v>120</v>
      </c>
      <c r="I15597" t="s">
        <v>15</v>
      </c>
      <c r="J15597" s="10">
        <v>10.79444936</v>
      </c>
    </row>
    <row r="15598" spans="1:10" x14ac:dyDescent="0.35">
      <c r="A15598" t="s">
        <v>20</v>
      </c>
      <c r="B15598" t="s">
        <v>94</v>
      </c>
      <c r="C15598" t="s">
        <v>117</v>
      </c>
      <c r="D15598" t="s">
        <v>118</v>
      </c>
      <c r="E15598">
        <v>2020</v>
      </c>
      <c r="F15598">
        <v>2020</v>
      </c>
      <c r="G15598" t="s">
        <v>125</v>
      </c>
      <c r="H15598" t="s">
        <v>121</v>
      </c>
      <c r="I15598" t="s">
        <v>15</v>
      </c>
      <c r="J15598" s="10">
        <v>32.471804509999998</v>
      </c>
    </row>
    <row r="15599" spans="1:10" x14ac:dyDescent="0.35">
      <c r="A15599" t="s">
        <v>20</v>
      </c>
      <c r="B15599" t="s">
        <v>94</v>
      </c>
      <c r="C15599" t="s">
        <v>117</v>
      </c>
      <c r="D15599" t="s">
        <v>118</v>
      </c>
      <c r="E15599">
        <v>2020</v>
      </c>
      <c r="F15599">
        <v>2020</v>
      </c>
      <c r="G15599" t="s">
        <v>125</v>
      </c>
      <c r="H15599" t="s">
        <v>122</v>
      </c>
      <c r="I15599" t="s">
        <v>15</v>
      </c>
      <c r="J15599" s="10">
        <v>21.602720040000001</v>
      </c>
    </row>
    <row r="15600" spans="1:10" x14ac:dyDescent="0.35">
      <c r="A15600" t="s">
        <v>20</v>
      </c>
      <c r="B15600" t="s">
        <v>94</v>
      </c>
      <c r="C15600" t="s">
        <v>117</v>
      </c>
      <c r="D15600" t="s">
        <v>118</v>
      </c>
      <c r="E15600">
        <v>2020</v>
      </c>
      <c r="F15600">
        <v>2020</v>
      </c>
      <c r="G15600" t="s">
        <v>125</v>
      </c>
      <c r="H15600" t="s">
        <v>123</v>
      </c>
      <c r="I15600" t="s">
        <v>15</v>
      </c>
      <c r="J15600" s="10">
        <v>14.960194599999999</v>
      </c>
    </row>
    <row r="15601" spans="1:10" x14ac:dyDescent="0.35">
      <c r="A15601" t="s">
        <v>20</v>
      </c>
      <c r="B15601" t="s">
        <v>94</v>
      </c>
      <c r="C15601" t="s">
        <v>117</v>
      </c>
      <c r="D15601" t="s">
        <v>118</v>
      </c>
      <c r="E15601">
        <v>2020</v>
      </c>
      <c r="F15601">
        <v>2020</v>
      </c>
      <c r="G15601" t="s">
        <v>125</v>
      </c>
      <c r="H15601" t="s">
        <v>124</v>
      </c>
      <c r="I15601" t="s">
        <v>15</v>
      </c>
      <c r="J15601" s="10">
        <v>1.2881468380000001</v>
      </c>
    </row>
    <row r="15602" spans="1:10" x14ac:dyDescent="0.35">
      <c r="A15602" t="s">
        <v>20</v>
      </c>
      <c r="B15602" t="s">
        <v>94</v>
      </c>
      <c r="C15602" t="s">
        <v>117</v>
      </c>
      <c r="D15602" t="s">
        <v>118</v>
      </c>
      <c r="E15602">
        <v>2020</v>
      </c>
      <c r="F15602">
        <v>2020</v>
      </c>
      <c r="G15602" t="s">
        <v>126</v>
      </c>
      <c r="H15602" t="s">
        <v>119</v>
      </c>
      <c r="I15602" t="s">
        <v>15</v>
      </c>
      <c r="J15602" s="10">
        <v>16.992680960000001</v>
      </c>
    </row>
    <row r="15603" spans="1:10" x14ac:dyDescent="0.35">
      <c r="A15603" t="s">
        <v>20</v>
      </c>
      <c r="B15603" t="s">
        <v>94</v>
      </c>
      <c r="C15603" t="s">
        <v>117</v>
      </c>
      <c r="D15603" t="s">
        <v>118</v>
      </c>
      <c r="E15603">
        <v>2020</v>
      </c>
      <c r="F15603">
        <v>2020</v>
      </c>
      <c r="G15603" t="s">
        <v>126</v>
      </c>
      <c r="H15603" t="s">
        <v>120</v>
      </c>
      <c r="I15603" t="s">
        <v>15</v>
      </c>
      <c r="J15603" s="10">
        <v>9.756986951</v>
      </c>
    </row>
    <row r="15604" spans="1:10" x14ac:dyDescent="0.35">
      <c r="A15604" t="s">
        <v>20</v>
      </c>
      <c r="B15604" t="s">
        <v>94</v>
      </c>
      <c r="C15604" t="s">
        <v>117</v>
      </c>
      <c r="D15604" t="s">
        <v>118</v>
      </c>
      <c r="E15604">
        <v>2020</v>
      </c>
      <c r="F15604">
        <v>2020</v>
      </c>
      <c r="G15604" t="s">
        <v>126</v>
      </c>
      <c r="H15604" t="s">
        <v>121</v>
      </c>
      <c r="I15604" t="s">
        <v>15</v>
      </c>
      <c r="J15604" s="10">
        <v>31.865183760000001</v>
      </c>
    </row>
    <row r="15605" spans="1:10" x14ac:dyDescent="0.35">
      <c r="A15605" t="s">
        <v>20</v>
      </c>
      <c r="B15605" t="s">
        <v>94</v>
      </c>
      <c r="C15605" t="s">
        <v>117</v>
      </c>
      <c r="D15605" t="s">
        <v>118</v>
      </c>
      <c r="E15605">
        <v>2020</v>
      </c>
      <c r="F15605">
        <v>2020</v>
      </c>
      <c r="G15605" t="s">
        <v>126</v>
      </c>
      <c r="H15605" t="s">
        <v>122</v>
      </c>
      <c r="I15605" t="s">
        <v>15</v>
      </c>
      <c r="J15605" s="10">
        <v>22.199359260000001</v>
      </c>
    </row>
    <row r="15606" spans="1:10" x14ac:dyDescent="0.35">
      <c r="A15606" t="s">
        <v>20</v>
      </c>
      <c r="B15606" t="s">
        <v>94</v>
      </c>
      <c r="C15606" t="s">
        <v>117</v>
      </c>
      <c r="D15606" t="s">
        <v>118</v>
      </c>
      <c r="E15606">
        <v>2020</v>
      </c>
      <c r="F15606">
        <v>2020</v>
      </c>
      <c r="G15606" t="s">
        <v>126</v>
      </c>
      <c r="H15606" t="s">
        <v>123</v>
      </c>
      <c r="I15606" t="s">
        <v>15</v>
      </c>
      <c r="J15606" s="10">
        <v>16.932774200000001</v>
      </c>
    </row>
    <row r="15607" spans="1:10" x14ac:dyDescent="0.35">
      <c r="A15607" t="s">
        <v>20</v>
      </c>
      <c r="B15607" t="s">
        <v>94</v>
      </c>
      <c r="C15607" t="s">
        <v>117</v>
      </c>
      <c r="D15607" t="s">
        <v>118</v>
      </c>
      <c r="E15607">
        <v>2020</v>
      </c>
      <c r="F15607">
        <v>2020</v>
      </c>
      <c r="G15607" t="s">
        <v>126</v>
      </c>
      <c r="H15607" t="s">
        <v>124</v>
      </c>
      <c r="I15607" t="s">
        <v>15</v>
      </c>
      <c r="J15607" s="10">
        <v>2.2530148730000001</v>
      </c>
    </row>
    <row r="15608" spans="1:10" x14ac:dyDescent="0.35">
      <c r="A15608" t="s">
        <v>20</v>
      </c>
      <c r="B15608" t="s">
        <v>94</v>
      </c>
      <c r="C15608" t="s">
        <v>117</v>
      </c>
      <c r="D15608" t="s">
        <v>118</v>
      </c>
      <c r="E15608">
        <v>2019</v>
      </c>
      <c r="F15608">
        <v>2019</v>
      </c>
      <c r="G15608" t="s">
        <v>14</v>
      </c>
      <c r="H15608" t="s">
        <v>119</v>
      </c>
      <c r="I15608" t="s">
        <v>15</v>
      </c>
      <c r="J15608" s="10">
        <v>18.064256489999998</v>
      </c>
    </row>
    <row r="15609" spans="1:10" x14ac:dyDescent="0.35">
      <c r="A15609" t="s">
        <v>20</v>
      </c>
      <c r="B15609" t="s">
        <v>94</v>
      </c>
      <c r="C15609" t="s">
        <v>117</v>
      </c>
      <c r="D15609" t="s">
        <v>118</v>
      </c>
      <c r="E15609">
        <v>2019</v>
      </c>
      <c r="F15609">
        <v>2019</v>
      </c>
      <c r="G15609" t="s">
        <v>14</v>
      </c>
      <c r="H15609" t="s">
        <v>120</v>
      </c>
      <c r="I15609" t="s">
        <v>15</v>
      </c>
      <c r="J15609" s="10">
        <v>10.259574750000001</v>
      </c>
    </row>
    <row r="15610" spans="1:10" x14ac:dyDescent="0.35">
      <c r="A15610" t="s">
        <v>20</v>
      </c>
      <c r="B15610" t="s">
        <v>94</v>
      </c>
      <c r="C15610" t="s">
        <v>117</v>
      </c>
      <c r="D15610" t="s">
        <v>118</v>
      </c>
      <c r="E15610">
        <v>2019</v>
      </c>
      <c r="F15610">
        <v>2019</v>
      </c>
      <c r="G15610" t="s">
        <v>14</v>
      </c>
      <c r="H15610" t="s">
        <v>121</v>
      </c>
      <c r="I15610" t="s">
        <v>15</v>
      </c>
      <c r="J15610" s="10">
        <v>32.473002880000003</v>
      </c>
    </row>
    <row r="15611" spans="1:10" x14ac:dyDescent="0.35">
      <c r="A15611" t="s">
        <v>20</v>
      </c>
      <c r="B15611" t="s">
        <v>94</v>
      </c>
      <c r="C15611" t="s">
        <v>117</v>
      </c>
      <c r="D15611" t="s">
        <v>118</v>
      </c>
      <c r="E15611">
        <v>2019</v>
      </c>
      <c r="F15611">
        <v>2019</v>
      </c>
      <c r="G15611" t="s">
        <v>14</v>
      </c>
      <c r="H15611" t="s">
        <v>122</v>
      </c>
      <c r="I15611" t="s">
        <v>15</v>
      </c>
      <c r="J15611" s="10">
        <v>21.770742500000001</v>
      </c>
    </row>
    <row r="15612" spans="1:10" x14ac:dyDescent="0.35">
      <c r="A15612" t="s">
        <v>20</v>
      </c>
      <c r="B15612" t="s">
        <v>94</v>
      </c>
      <c r="C15612" t="s">
        <v>117</v>
      </c>
      <c r="D15612" t="s">
        <v>118</v>
      </c>
      <c r="E15612">
        <v>2019</v>
      </c>
      <c r="F15612">
        <v>2019</v>
      </c>
      <c r="G15612" t="s">
        <v>14</v>
      </c>
      <c r="H15612" t="s">
        <v>123</v>
      </c>
      <c r="I15612" t="s">
        <v>15</v>
      </c>
      <c r="J15612" s="10">
        <v>15.69521765</v>
      </c>
    </row>
    <row r="15613" spans="1:10" x14ac:dyDescent="0.35">
      <c r="A15613" t="s">
        <v>20</v>
      </c>
      <c r="B15613" t="s">
        <v>94</v>
      </c>
      <c r="C15613" t="s">
        <v>117</v>
      </c>
      <c r="D15613" t="s">
        <v>118</v>
      </c>
      <c r="E15613">
        <v>2019</v>
      </c>
      <c r="F15613">
        <v>2019</v>
      </c>
      <c r="G15613" t="s">
        <v>14</v>
      </c>
      <c r="H15613" t="s">
        <v>124</v>
      </c>
      <c r="I15613" t="s">
        <v>15</v>
      </c>
      <c r="J15613" s="10">
        <v>1.737205715</v>
      </c>
    </row>
    <row r="15614" spans="1:10" x14ac:dyDescent="0.35">
      <c r="A15614" t="s">
        <v>20</v>
      </c>
      <c r="B15614" t="s">
        <v>94</v>
      </c>
      <c r="C15614" t="s">
        <v>117</v>
      </c>
      <c r="D15614" t="s">
        <v>118</v>
      </c>
      <c r="E15614">
        <v>2019</v>
      </c>
      <c r="F15614">
        <v>2019</v>
      </c>
      <c r="G15614" t="s">
        <v>125</v>
      </c>
      <c r="H15614" t="s">
        <v>119</v>
      </c>
      <c r="I15614" t="s">
        <v>15</v>
      </c>
      <c r="J15614" s="10">
        <v>19.028933039999998</v>
      </c>
    </row>
    <row r="15615" spans="1:10" x14ac:dyDescent="0.35">
      <c r="A15615" t="s">
        <v>20</v>
      </c>
      <c r="B15615" t="s">
        <v>94</v>
      </c>
      <c r="C15615" t="s">
        <v>117</v>
      </c>
      <c r="D15615" t="s">
        <v>118</v>
      </c>
      <c r="E15615">
        <v>2019</v>
      </c>
      <c r="F15615">
        <v>2019</v>
      </c>
      <c r="G15615" t="s">
        <v>125</v>
      </c>
      <c r="H15615" t="s">
        <v>120</v>
      </c>
      <c r="I15615" t="s">
        <v>15</v>
      </c>
      <c r="J15615" s="10">
        <v>10.81603891</v>
      </c>
    </row>
    <row r="15616" spans="1:10" x14ac:dyDescent="0.35">
      <c r="A15616" t="s">
        <v>20</v>
      </c>
      <c r="B15616" t="s">
        <v>94</v>
      </c>
      <c r="C15616" t="s">
        <v>117</v>
      </c>
      <c r="D15616" t="s">
        <v>118</v>
      </c>
      <c r="E15616">
        <v>2019</v>
      </c>
      <c r="F15616">
        <v>2019</v>
      </c>
      <c r="G15616" t="s">
        <v>125</v>
      </c>
      <c r="H15616" t="s">
        <v>121</v>
      </c>
      <c r="I15616" t="s">
        <v>15</v>
      </c>
      <c r="J15616" s="10">
        <v>32.771437259999999</v>
      </c>
    </row>
    <row r="15617" spans="1:10" x14ac:dyDescent="0.35">
      <c r="A15617" t="s">
        <v>20</v>
      </c>
      <c r="B15617" t="s">
        <v>94</v>
      </c>
      <c r="C15617" t="s">
        <v>117</v>
      </c>
      <c r="D15617" t="s">
        <v>118</v>
      </c>
      <c r="E15617">
        <v>2019</v>
      </c>
      <c r="F15617">
        <v>2019</v>
      </c>
      <c r="G15617" t="s">
        <v>125</v>
      </c>
      <c r="H15617" t="s">
        <v>122</v>
      </c>
      <c r="I15617" t="s">
        <v>15</v>
      </c>
      <c r="J15617" s="10">
        <v>21.39718684</v>
      </c>
    </row>
    <row r="15618" spans="1:10" x14ac:dyDescent="0.35">
      <c r="A15618" t="s">
        <v>20</v>
      </c>
      <c r="B15618" t="s">
        <v>94</v>
      </c>
      <c r="C15618" t="s">
        <v>117</v>
      </c>
      <c r="D15618" t="s">
        <v>118</v>
      </c>
      <c r="E15618">
        <v>2019</v>
      </c>
      <c r="F15618">
        <v>2019</v>
      </c>
      <c r="G15618" t="s">
        <v>125</v>
      </c>
      <c r="H15618" t="s">
        <v>123</v>
      </c>
      <c r="I15618" t="s">
        <v>15</v>
      </c>
      <c r="J15618" s="10">
        <v>14.72904634</v>
      </c>
    </row>
    <row r="15619" spans="1:10" x14ac:dyDescent="0.35">
      <c r="A15619" t="s">
        <v>20</v>
      </c>
      <c r="B15619" t="s">
        <v>94</v>
      </c>
      <c r="C15619" t="s">
        <v>117</v>
      </c>
      <c r="D15619" t="s">
        <v>118</v>
      </c>
      <c r="E15619">
        <v>2019</v>
      </c>
      <c r="F15619">
        <v>2019</v>
      </c>
      <c r="G15619" t="s">
        <v>125</v>
      </c>
      <c r="H15619" t="s">
        <v>124</v>
      </c>
      <c r="I15619" t="s">
        <v>15</v>
      </c>
      <c r="J15619" s="10">
        <v>1.2573576150000001</v>
      </c>
    </row>
    <row r="15620" spans="1:10" x14ac:dyDescent="0.35">
      <c r="A15620" t="s">
        <v>20</v>
      </c>
      <c r="B15620" t="s">
        <v>94</v>
      </c>
      <c r="C15620" t="s">
        <v>117</v>
      </c>
      <c r="D15620" t="s">
        <v>118</v>
      </c>
      <c r="E15620">
        <v>2019</v>
      </c>
      <c r="F15620">
        <v>2019</v>
      </c>
      <c r="G15620" t="s">
        <v>126</v>
      </c>
      <c r="H15620" t="s">
        <v>119</v>
      </c>
      <c r="I15620" t="s">
        <v>15</v>
      </c>
      <c r="J15620" s="10">
        <v>17.15417905</v>
      </c>
    </row>
    <row r="15621" spans="1:10" x14ac:dyDescent="0.35">
      <c r="A15621" t="s">
        <v>20</v>
      </c>
      <c r="B15621" t="s">
        <v>94</v>
      </c>
      <c r="C15621" t="s">
        <v>117</v>
      </c>
      <c r="D15621" t="s">
        <v>118</v>
      </c>
      <c r="E15621">
        <v>2019</v>
      </c>
      <c r="F15621">
        <v>2019</v>
      </c>
      <c r="G15621" t="s">
        <v>126</v>
      </c>
      <c r="H15621" t="s">
        <v>120</v>
      </c>
      <c r="I15621" t="s">
        <v>15</v>
      </c>
      <c r="J15621" s="10">
        <v>9.7346055580000002</v>
      </c>
    </row>
    <row r="15622" spans="1:10" x14ac:dyDescent="0.35">
      <c r="A15622" t="s">
        <v>20</v>
      </c>
      <c r="B15622" t="s">
        <v>94</v>
      </c>
      <c r="C15622" t="s">
        <v>117</v>
      </c>
      <c r="D15622" t="s">
        <v>118</v>
      </c>
      <c r="E15622">
        <v>2019</v>
      </c>
      <c r="F15622">
        <v>2019</v>
      </c>
      <c r="G15622" t="s">
        <v>126</v>
      </c>
      <c r="H15622" t="s">
        <v>121</v>
      </c>
      <c r="I15622" t="s">
        <v>15</v>
      </c>
      <c r="J15622" s="10">
        <v>32.19145941</v>
      </c>
    </row>
    <row r="15623" spans="1:10" x14ac:dyDescent="0.35">
      <c r="A15623" t="s">
        <v>20</v>
      </c>
      <c r="B15623" t="s">
        <v>94</v>
      </c>
      <c r="C15623" t="s">
        <v>117</v>
      </c>
      <c r="D15623" t="s">
        <v>118</v>
      </c>
      <c r="E15623">
        <v>2019</v>
      </c>
      <c r="F15623">
        <v>2019</v>
      </c>
      <c r="G15623" t="s">
        <v>126</v>
      </c>
      <c r="H15623" t="s">
        <v>122</v>
      </c>
      <c r="I15623" t="s">
        <v>15</v>
      </c>
      <c r="J15623" s="10">
        <v>22.123155529999998</v>
      </c>
    </row>
    <row r="15624" spans="1:10" x14ac:dyDescent="0.35">
      <c r="A15624" t="s">
        <v>20</v>
      </c>
      <c r="B15624" t="s">
        <v>94</v>
      </c>
      <c r="C15624" t="s">
        <v>117</v>
      </c>
      <c r="D15624" t="s">
        <v>118</v>
      </c>
      <c r="E15624">
        <v>2019</v>
      </c>
      <c r="F15624">
        <v>2019</v>
      </c>
      <c r="G15624" t="s">
        <v>126</v>
      </c>
      <c r="H15624" t="s">
        <v>123</v>
      </c>
      <c r="I15624" t="s">
        <v>15</v>
      </c>
      <c r="J15624" s="10">
        <v>16.606705250000001</v>
      </c>
    </row>
    <row r="15625" spans="1:10" x14ac:dyDescent="0.35">
      <c r="A15625" t="s">
        <v>20</v>
      </c>
      <c r="B15625" t="s">
        <v>94</v>
      </c>
      <c r="C15625" t="s">
        <v>117</v>
      </c>
      <c r="D15625" t="s">
        <v>118</v>
      </c>
      <c r="E15625">
        <v>2019</v>
      </c>
      <c r="F15625">
        <v>2019</v>
      </c>
      <c r="G15625" t="s">
        <v>126</v>
      </c>
      <c r="H15625" t="s">
        <v>124</v>
      </c>
      <c r="I15625" t="s">
        <v>15</v>
      </c>
      <c r="J15625" s="10">
        <v>2.1898951979999999</v>
      </c>
    </row>
    <row r="15626" spans="1:10" x14ac:dyDescent="0.35">
      <c r="A15626" t="s">
        <v>20</v>
      </c>
      <c r="B15626" t="s">
        <v>94</v>
      </c>
      <c r="C15626" t="s">
        <v>117</v>
      </c>
      <c r="D15626" t="s">
        <v>118</v>
      </c>
      <c r="E15626">
        <v>2018</v>
      </c>
      <c r="F15626">
        <v>2018</v>
      </c>
      <c r="G15626" t="s">
        <v>14</v>
      </c>
      <c r="H15626" t="s">
        <v>119</v>
      </c>
      <c r="I15626" t="s">
        <v>15</v>
      </c>
      <c r="J15626" s="10">
        <v>18.057591689999999</v>
      </c>
    </row>
    <row r="15627" spans="1:10" x14ac:dyDescent="0.35">
      <c r="A15627" t="s">
        <v>20</v>
      </c>
      <c r="B15627" t="s">
        <v>94</v>
      </c>
      <c r="C15627" t="s">
        <v>117</v>
      </c>
      <c r="D15627" t="s">
        <v>118</v>
      </c>
      <c r="E15627">
        <v>2018</v>
      </c>
      <c r="F15627">
        <v>2018</v>
      </c>
      <c r="G15627" t="s">
        <v>14</v>
      </c>
      <c r="H15627" t="s">
        <v>120</v>
      </c>
      <c r="I15627" t="s">
        <v>15</v>
      </c>
      <c r="J15627" s="10">
        <v>10.39797716</v>
      </c>
    </row>
    <row r="15628" spans="1:10" x14ac:dyDescent="0.35">
      <c r="A15628" t="s">
        <v>20</v>
      </c>
      <c r="B15628" t="s">
        <v>94</v>
      </c>
      <c r="C15628" t="s">
        <v>117</v>
      </c>
      <c r="D15628" t="s">
        <v>118</v>
      </c>
      <c r="E15628">
        <v>2018</v>
      </c>
      <c r="F15628">
        <v>2018</v>
      </c>
      <c r="G15628" t="s">
        <v>14</v>
      </c>
      <c r="H15628" t="s">
        <v>121</v>
      </c>
      <c r="I15628" t="s">
        <v>15</v>
      </c>
      <c r="J15628" s="10">
        <v>32.993503789999998</v>
      </c>
    </row>
    <row r="15629" spans="1:10" x14ac:dyDescent="0.35">
      <c r="A15629" t="s">
        <v>20</v>
      </c>
      <c r="B15629" t="s">
        <v>94</v>
      </c>
      <c r="C15629" t="s">
        <v>117</v>
      </c>
      <c r="D15629" t="s">
        <v>118</v>
      </c>
      <c r="E15629">
        <v>2018</v>
      </c>
      <c r="F15629">
        <v>2018</v>
      </c>
      <c r="G15629" t="s">
        <v>14</v>
      </c>
      <c r="H15629" t="s">
        <v>122</v>
      </c>
      <c r="I15629" t="s">
        <v>15</v>
      </c>
      <c r="J15629" s="10">
        <v>21.519549170000001</v>
      </c>
    </row>
    <row r="15630" spans="1:10" x14ac:dyDescent="0.35">
      <c r="A15630" t="s">
        <v>20</v>
      </c>
      <c r="B15630" t="s">
        <v>94</v>
      </c>
      <c r="C15630" t="s">
        <v>117</v>
      </c>
      <c r="D15630" t="s">
        <v>118</v>
      </c>
      <c r="E15630">
        <v>2018</v>
      </c>
      <c r="F15630">
        <v>2018</v>
      </c>
      <c r="G15630" t="s">
        <v>14</v>
      </c>
      <c r="H15630" t="s">
        <v>123</v>
      </c>
      <c r="I15630" t="s">
        <v>15</v>
      </c>
      <c r="J15630" s="10">
        <v>15.32326398</v>
      </c>
    </row>
    <row r="15631" spans="1:10" x14ac:dyDescent="0.35">
      <c r="A15631" t="s">
        <v>20</v>
      </c>
      <c r="B15631" t="s">
        <v>94</v>
      </c>
      <c r="C15631" t="s">
        <v>117</v>
      </c>
      <c r="D15631" t="s">
        <v>118</v>
      </c>
      <c r="E15631">
        <v>2018</v>
      </c>
      <c r="F15631">
        <v>2018</v>
      </c>
      <c r="G15631" t="s">
        <v>14</v>
      </c>
      <c r="H15631" t="s">
        <v>124</v>
      </c>
      <c r="I15631" t="s">
        <v>15</v>
      </c>
      <c r="J15631" s="10">
        <v>1.7081142149999999</v>
      </c>
    </row>
    <row r="15632" spans="1:10" x14ac:dyDescent="0.35">
      <c r="A15632" t="s">
        <v>20</v>
      </c>
      <c r="B15632" t="s">
        <v>94</v>
      </c>
      <c r="C15632" t="s">
        <v>117</v>
      </c>
      <c r="D15632" t="s">
        <v>118</v>
      </c>
      <c r="E15632">
        <v>2018</v>
      </c>
      <c r="F15632">
        <v>2018</v>
      </c>
      <c r="G15632" t="s">
        <v>125</v>
      </c>
      <c r="H15632" t="s">
        <v>119</v>
      </c>
      <c r="I15632" t="s">
        <v>15</v>
      </c>
      <c r="J15632" s="10">
        <v>18.969431830000001</v>
      </c>
    </row>
    <row r="15633" spans="1:10" x14ac:dyDescent="0.35">
      <c r="A15633" t="s">
        <v>20</v>
      </c>
      <c r="B15633" t="s">
        <v>94</v>
      </c>
      <c r="C15633" t="s">
        <v>117</v>
      </c>
      <c r="D15633" t="s">
        <v>118</v>
      </c>
      <c r="E15633">
        <v>2018</v>
      </c>
      <c r="F15633">
        <v>2018</v>
      </c>
      <c r="G15633" t="s">
        <v>125</v>
      </c>
      <c r="H15633" t="s">
        <v>120</v>
      </c>
      <c r="I15633" t="s">
        <v>15</v>
      </c>
      <c r="J15633" s="10">
        <v>11.080961350000001</v>
      </c>
    </row>
    <row r="15634" spans="1:10" x14ac:dyDescent="0.35">
      <c r="A15634" t="s">
        <v>20</v>
      </c>
      <c r="B15634" t="s">
        <v>94</v>
      </c>
      <c r="C15634" t="s">
        <v>117</v>
      </c>
      <c r="D15634" t="s">
        <v>118</v>
      </c>
      <c r="E15634">
        <v>2018</v>
      </c>
      <c r="F15634">
        <v>2018</v>
      </c>
      <c r="G15634" t="s">
        <v>125</v>
      </c>
      <c r="H15634" t="s">
        <v>121</v>
      </c>
      <c r="I15634" t="s">
        <v>15</v>
      </c>
      <c r="J15634" s="10">
        <v>33.284416880000002</v>
      </c>
    </row>
    <row r="15635" spans="1:10" x14ac:dyDescent="0.35">
      <c r="A15635" t="s">
        <v>20</v>
      </c>
      <c r="B15635" t="s">
        <v>94</v>
      </c>
      <c r="C15635" t="s">
        <v>117</v>
      </c>
      <c r="D15635" t="s">
        <v>118</v>
      </c>
      <c r="E15635">
        <v>2018</v>
      </c>
      <c r="F15635">
        <v>2018</v>
      </c>
      <c r="G15635" t="s">
        <v>125</v>
      </c>
      <c r="H15635" t="s">
        <v>122</v>
      </c>
      <c r="I15635" t="s">
        <v>15</v>
      </c>
      <c r="J15635" s="10">
        <v>21.187285410000001</v>
      </c>
    </row>
    <row r="15636" spans="1:10" x14ac:dyDescent="0.35">
      <c r="A15636" t="s">
        <v>20</v>
      </c>
      <c r="B15636" t="s">
        <v>94</v>
      </c>
      <c r="C15636" t="s">
        <v>117</v>
      </c>
      <c r="D15636" t="s">
        <v>118</v>
      </c>
      <c r="E15636">
        <v>2018</v>
      </c>
      <c r="F15636">
        <v>2018</v>
      </c>
      <c r="G15636" t="s">
        <v>125</v>
      </c>
      <c r="H15636" t="s">
        <v>123</v>
      </c>
      <c r="I15636" t="s">
        <v>15</v>
      </c>
      <c r="J15636" s="10">
        <v>14.24853251</v>
      </c>
    </row>
    <row r="15637" spans="1:10" x14ac:dyDescent="0.35">
      <c r="A15637" t="s">
        <v>20</v>
      </c>
      <c r="B15637" t="s">
        <v>94</v>
      </c>
      <c r="C15637" t="s">
        <v>117</v>
      </c>
      <c r="D15637" t="s">
        <v>118</v>
      </c>
      <c r="E15637">
        <v>2018</v>
      </c>
      <c r="F15637">
        <v>2018</v>
      </c>
      <c r="G15637" t="s">
        <v>125</v>
      </c>
      <c r="H15637" t="s">
        <v>124</v>
      </c>
      <c r="I15637" t="s">
        <v>15</v>
      </c>
      <c r="J15637" s="10">
        <v>1.229372023</v>
      </c>
    </row>
    <row r="15638" spans="1:10" x14ac:dyDescent="0.35">
      <c r="A15638" t="s">
        <v>20</v>
      </c>
      <c r="B15638" t="s">
        <v>94</v>
      </c>
      <c r="C15638" t="s">
        <v>117</v>
      </c>
      <c r="D15638" t="s">
        <v>118</v>
      </c>
      <c r="E15638">
        <v>2018</v>
      </c>
      <c r="F15638">
        <v>2018</v>
      </c>
      <c r="G15638" t="s">
        <v>126</v>
      </c>
      <c r="H15638" t="s">
        <v>119</v>
      </c>
      <c r="I15638" t="s">
        <v>15</v>
      </c>
      <c r="J15638" s="10">
        <v>17.196286130000001</v>
      </c>
    </row>
    <row r="15639" spans="1:10" x14ac:dyDescent="0.35">
      <c r="A15639" t="s">
        <v>20</v>
      </c>
      <c r="B15639" t="s">
        <v>94</v>
      </c>
      <c r="C15639" t="s">
        <v>117</v>
      </c>
      <c r="D15639" t="s">
        <v>118</v>
      </c>
      <c r="E15639">
        <v>2018</v>
      </c>
      <c r="F15639">
        <v>2018</v>
      </c>
      <c r="G15639" t="s">
        <v>126</v>
      </c>
      <c r="H15639" t="s">
        <v>120</v>
      </c>
      <c r="I15639" t="s">
        <v>15</v>
      </c>
      <c r="J15639" s="10">
        <v>9.7528442529999992</v>
      </c>
    </row>
    <row r="15640" spans="1:10" x14ac:dyDescent="0.35">
      <c r="A15640" t="s">
        <v>20</v>
      </c>
      <c r="B15640" t="s">
        <v>94</v>
      </c>
      <c r="C15640" t="s">
        <v>117</v>
      </c>
      <c r="D15640" t="s">
        <v>118</v>
      </c>
      <c r="E15640">
        <v>2018</v>
      </c>
      <c r="F15640">
        <v>2018</v>
      </c>
      <c r="G15640" t="s">
        <v>126</v>
      </c>
      <c r="H15640" t="s">
        <v>121</v>
      </c>
      <c r="I15640" t="s">
        <v>15</v>
      </c>
      <c r="J15640" s="10">
        <v>32.718713219999998</v>
      </c>
    </row>
    <row r="15641" spans="1:10" x14ac:dyDescent="0.35">
      <c r="A15641" t="s">
        <v>20</v>
      </c>
      <c r="B15641" t="s">
        <v>94</v>
      </c>
      <c r="C15641" t="s">
        <v>117</v>
      </c>
      <c r="D15641" t="s">
        <v>118</v>
      </c>
      <c r="E15641">
        <v>2018</v>
      </c>
      <c r="F15641">
        <v>2018</v>
      </c>
      <c r="G15641" t="s">
        <v>126</v>
      </c>
      <c r="H15641" t="s">
        <v>122</v>
      </c>
      <c r="I15641" t="s">
        <v>15</v>
      </c>
      <c r="J15641" s="10">
        <v>21.833398720000002</v>
      </c>
    </row>
    <row r="15642" spans="1:10" x14ac:dyDescent="0.35">
      <c r="A15642" t="s">
        <v>20</v>
      </c>
      <c r="B15642" t="s">
        <v>94</v>
      </c>
      <c r="C15642" t="s">
        <v>117</v>
      </c>
      <c r="D15642" t="s">
        <v>118</v>
      </c>
      <c r="E15642">
        <v>2018</v>
      </c>
      <c r="F15642">
        <v>2018</v>
      </c>
      <c r="G15642" t="s">
        <v>126</v>
      </c>
      <c r="H15642" t="s">
        <v>123</v>
      </c>
      <c r="I15642" t="s">
        <v>15</v>
      </c>
      <c r="J15642" s="10">
        <v>16.338433370000001</v>
      </c>
    </row>
    <row r="15643" spans="1:10" x14ac:dyDescent="0.35">
      <c r="A15643" t="s">
        <v>20</v>
      </c>
      <c r="B15643" t="s">
        <v>94</v>
      </c>
      <c r="C15643" t="s">
        <v>117</v>
      </c>
      <c r="D15643" t="s">
        <v>118</v>
      </c>
      <c r="E15643">
        <v>2018</v>
      </c>
      <c r="F15643">
        <v>2018</v>
      </c>
      <c r="G15643" t="s">
        <v>126</v>
      </c>
      <c r="H15643" t="s">
        <v>124</v>
      </c>
      <c r="I15643" t="s">
        <v>15</v>
      </c>
      <c r="J15643" s="10">
        <v>2.16032431</v>
      </c>
    </row>
    <row r="15644" spans="1:10" x14ac:dyDescent="0.35">
      <c r="A15644" t="s">
        <v>20</v>
      </c>
      <c r="B15644" t="s">
        <v>94</v>
      </c>
      <c r="C15644" t="s">
        <v>117</v>
      </c>
      <c r="D15644" t="s">
        <v>118</v>
      </c>
      <c r="E15644">
        <v>2017</v>
      </c>
      <c r="F15644">
        <v>2017</v>
      </c>
      <c r="G15644" t="s">
        <v>14</v>
      </c>
      <c r="H15644" t="s">
        <v>119</v>
      </c>
      <c r="I15644" t="s">
        <v>15</v>
      </c>
      <c r="J15644" s="10">
        <v>18.077787799999999</v>
      </c>
    </row>
    <row r="15645" spans="1:10" x14ac:dyDescent="0.35">
      <c r="A15645" t="s">
        <v>20</v>
      </c>
      <c r="B15645" t="s">
        <v>94</v>
      </c>
      <c r="C15645" t="s">
        <v>117</v>
      </c>
      <c r="D15645" t="s">
        <v>118</v>
      </c>
      <c r="E15645">
        <v>2017</v>
      </c>
      <c r="F15645">
        <v>2017</v>
      </c>
      <c r="G15645" t="s">
        <v>14</v>
      </c>
      <c r="H15645" t="s">
        <v>120</v>
      </c>
      <c r="I15645" t="s">
        <v>15</v>
      </c>
      <c r="J15645" s="10">
        <v>10.56422407</v>
      </c>
    </row>
    <row r="15646" spans="1:10" x14ac:dyDescent="0.35">
      <c r="A15646" t="s">
        <v>20</v>
      </c>
      <c r="B15646" t="s">
        <v>94</v>
      </c>
      <c r="C15646" t="s">
        <v>117</v>
      </c>
      <c r="D15646" t="s">
        <v>118</v>
      </c>
      <c r="E15646">
        <v>2017</v>
      </c>
      <c r="F15646">
        <v>2017</v>
      </c>
      <c r="G15646" t="s">
        <v>14</v>
      </c>
      <c r="H15646" t="s">
        <v>121</v>
      </c>
      <c r="I15646" t="s">
        <v>15</v>
      </c>
      <c r="J15646" s="10">
        <v>33.095491320000001</v>
      </c>
    </row>
    <row r="15647" spans="1:10" x14ac:dyDescent="0.35">
      <c r="A15647" t="s">
        <v>20</v>
      </c>
      <c r="B15647" t="s">
        <v>94</v>
      </c>
      <c r="C15647" t="s">
        <v>117</v>
      </c>
      <c r="D15647" t="s">
        <v>118</v>
      </c>
      <c r="E15647">
        <v>2017</v>
      </c>
      <c r="F15647">
        <v>2017</v>
      </c>
      <c r="G15647" t="s">
        <v>14</v>
      </c>
      <c r="H15647" t="s">
        <v>122</v>
      </c>
      <c r="I15647" t="s">
        <v>15</v>
      </c>
      <c r="J15647" s="10">
        <v>21.506751569999999</v>
      </c>
    </row>
    <row r="15648" spans="1:10" x14ac:dyDescent="0.35">
      <c r="A15648" t="s">
        <v>20</v>
      </c>
      <c r="B15648" t="s">
        <v>94</v>
      </c>
      <c r="C15648" t="s">
        <v>117</v>
      </c>
      <c r="D15648" t="s">
        <v>118</v>
      </c>
      <c r="E15648">
        <v>2017</v>
      </c>
      <c r="F15648">
        <v>2017</v>
      </c>
      <c r="G15648" t="s">
        <v>14</v>
      </c>
      <c r="H15648" t="s">
        <v>123</v>
      </c>
      <c r="I15648" t="s">
        <v>15</v>
      </c>
      <c r="J15648" s="10">
        <v>15.08636358</v>
      </c>
    </row>
    <row r="15649" spans="1:10" x14ac:dyDescent="0.35">
      <c r="A15649" t="s">
        <v>20</v>
      </c>
      <c r="B15649" t="s">
        <v>94</v>
      </c>
      <c r="C15649" t="s">
        <v>117</v>
      </c>
      <c r="D15649" t="s">
        <v>118</v>
      </c>
      <c r="E15649">
        <v>2017</v>
      </c>
      <c r="F15649">
        <v>2017</v>
      </c>
      <c r="G15649" t="s">
        <v>14</v>
      </c>
      <c r="H15649" t="s">
        <v>124</v>
      </c>
      <c r="I15649" t="s">
        <v>15</v>
      </c>
      <c r="J15649" s="10">
        <v>1.6693816560000001</v>
      </c>
    </row>
    <row r="15650" spans="1:10" x14ac:dyDescent="0.35">
      <c r="A15650" t="s">
        <v>20</v>
      </c>
      <c r="B15650" t="s">
        <v>94</v>
      </c>
      <c r="C15650" t="s">
        <v>117</v>
      </c>
      <c r="D15650" t="s">
        <v>118</v>
      </c>
      <c r="E15650">
        <v>2017</v>
      </c>
      <c r="F15650">
        <v>2017</v>
      </c>
      <c r="G15650" t="s">
        <v>125</v>
      </c>
      <c r="H15650" t="s">
        <v>119</v>
      </c>
      <c r="I15650" t="s">
        <v>15</v>
      </c>
      <c r="J15650" s="10">
        <v>18.949327700000001</v>
      </c>
    </row>
    <row r="15651" spans="1:10" x14ac:dyDescent="0.35">
      <c r="A15651" t="s">
        <v>20</v>
      </c>
      <c r="B15651" t="s">
        <v>94</v>
      </c>
      <c r="C15651" t="s">
        <v>117</v>
      </c>
      <c r="D15651" t="s">
        <v>118</v>
      </c>
      <c r="E15651">
        <v>2017</v>
      </c>
      <c r="F15651">
        <v>2017</v>
      </c>
      <c r="G15651" t="s">
        <v>125</v>
      </c>
      <c r="H15651" t="s">
        <v>120</v>
      </c>
      <c r="I15651" t="s">
        <v>15</v>
      </c>
      <c r="J15651" s="10">
        <v>11.298477610000001</v>
      </c>
    </row>
    <row r="15652" spans="1:10" x14ac:dyDescent="0.35">
      <c r="A15652" t="s">
        <v>20</v>
      </c>
      <c r="B15652" t="s">
        <v>94</v>
      </c>
      <c r="C15652" t="s">
        <v>117</v>
      </c>
      <c r="D15652" t="s">
        <v>118</v>
      </c>
      <c r="E15652">
        <v>2017</v>
      </c>
      <c r="F15652">
        <v>2017</v>
      </c>
      <c r="G15652" t="s">
        <v>125</v>
      </c>
      <c r="H15652" t="s">
        <v>121</v>
      </c>
      <c r="I15652" t="s">
        <v>15</v>
      </c>
      <c r="J15652" s="10">
        <v>33.23702634</v>
      </c>
    </row>
    <row r="15653" spans="1:10" x14ac:dyDescent="0.35">
      <c r="A15653" t="s">
        <v>20</v>
      </c>
      <c r="B15653" t="s">
        <v>94</v>
      </c>
      <c r="C15653" t="s">
        <v>117</v>
      </c>
      <c r="D15653" t="s">
        <v>118</v>
      </c>
      <c r="E15653">
        <v>2017</v>
      </c>
      <c r="F15653">
        <v>2017</v>
      </c>
      <c r="G15653" t="s">
        <v>125</v>
      </c>
      <c r="H15653" t="s">
        <v>122</v>
      </c>
      <c r="I15653" t="s">
        <v>15</v>
      </c>
      <c r="J15653" s="10">
        <v>21.255139459999999</v>
      </c>
    </row>
    <row r="15654" spans="1:10" x14ac:dyDescent="0.35">
      <c r="A15654" t="s">
        <v>20</v>
      </c>
      <c r="B15654" t="s">
        <v>94</v>
      </c>
      <c r="C15654" t="s">
        <v>117</v>
      </c>
      <c r="D15654" t="s">
        <v>118</v>
      </c>
      <c r="E15654">
        <v>2017</v>
      </c>
      <c r="F15654">
        <v>2017</v>
      </c>
      <c r="G15654" t="s">
        <v>125</v>
      </c>
      <c r="H15654" t="s">
        <v>123</v>
      </c>
      <c r="I15654" t="s">
        <v>15</v>
      </c>
      <c r="J15654" s="10">
        <v>14.068229799999999</v>
      </c>
    </row>
    <row r="15655" spans="1:10" x14ac:dyDescent="0.35">
      <c r="A15655" t="s">
        <v>20</v>
      </c>
      <c r="B15655" t="s">
        <v>94</v>
      </c>
      <c r="C15655" t="s">
        <v>117</v>
      </c>
      <c r="D15655" t="s">
        <v>118</v>
      </c>
      <c r="E15655">
        <v>2017</v>
      </c>
      <c r="F15655">
        <v>2017</v>
      </c>
      <c r="G15655" t="s">
        <v>125</v>
      </c>
      <c r="H15655" t="s">
        <v>124</v>
      </c>
      <c r="I15655" t="s">
        <v>15</v>
      </c>
      <c r="J15655" s="10">
        <v>1.1917990890000001</v>
      </c>
    </row>
    <row r="15656" spans="1:10" x14ac:dyDescent="0.35">
      <c r="A15656" t="s">
        <v>20</v>
      </c>
      <c r="B15656" t="s">
        <v>94</v>
      </c>
      <c r="C15656" t="s">
        <v>117</v>
      </c>
      <c r="D15656" t="s">
        <v>118</v>
      </c>
      <c r="E15656">
        <v>2017</v>
      </c>
      <c r="F15656">
        <v>2017</v>
      </c>
      <c r="G15656" t="s">
        <v>126</v>
      </c>
      <c r="H15656" t="s">
        <v>119</v>
      </c>
      <c r="I15656" t="s">
        <v>15</v>
      </c>
      <c r="J15656" s="10">
        <v>17.258313090000001</v>
      </c>
    </row>
    <row r="15657" spans="1:10" x14ac:dyDescent="0.35">
      <c r="A15657" t="s">
        <v>20</v>
      </c>
      <c r="B15657" t="s">
        <v>94</v>
      </c>
      <c r="C15657" t="s">
        <v>117</v>
      </c>
      <c r="D15657" t="s">
        <v>118</v>
      </c>
      <c r="E15657">
        <v>2017</v>
      </c>
      <c r="F15657">
        <v>2017</v>
      </c>
      <c r="G15657" t="s">
        <v>126</v>
      </c>
      <c r="H15657" t="s">
        <v>120</v>
      </c>
      <c r="I15657" t="s">
        <v>15</v>
      </c>
      <c r="J15657" s="10">
        <v>9.8738343390000001</v>
      </c>
    </row>
    <row r="15658" spans="1:10" x14ac:dyDescent="0.35">
      <c r="A15658" t="s">
        <v>20</v>
      </c>
      <c r="B15658" t="s">
        <v>94</v>
      </c>
      <c r="C15658" t="s">
        <v>117</v>
      </c>
      <c r="D15658" t="s">
        <v>118</v>
      </c>
      <c r="E15658">
        <v>2017</v>
      </c>
      <c r="F15658">
        <v>2017</v>
      </c>
      <c r="G15658" t="s">
        <v>126</v>
      </c>
      <c r="H15658" t="s">
        <v>121</v>
      </c>
      <c r="I15658" t="s">
        <v>15</v>
      </c>
      <c r="J15658" s="10">
        <v>32.962411510000003</v>
      </c>
    </row>
    <row r="15659" spans="1:10" x14ac:dyDescent="0.35">
      <c r="A15659" t="s">
        <v>20</v>
      </c>
      <c r="B15659" t="s">
        <v>94</v>
      </c>
      <c r="C15659" t="s">
        <v>117</v>
      </c>
      <c r="D15659" t="s">
        <v>118</v>
      </c>
      <c r="E15659">
        <v>2017</v>
      </c>
      <c r="F15659">
        <v>2017</v>
      </c>
      <c r="G15659" t="s">
        <v>126</v>
      </c>
      <c r="H15659" t="s">
        <v>122</v>
      </c>
      <c r="I15659" t="s">
        <v>15</v>
      </c>
      <c r="J15659" s="10">
        <v>21.743332550000002</v>
      </c>
    </row>
    <row r="15660" spans="1:10" x14ac:dyDescent="0.35">
      <c r="A15660" t="s">
        <v>20</v>
      </c>
      <c r="B15660" t="s">
        <v>94</v>
      </c>
      <c r="C15660" t="s">
        <v>117</v>
      </c>
      <c r="D15660" t="s">
        <v>118</v>
      </c>
      <c r="E15660">
        <v>2017</v>
      </c>
      <c r="F15660">
        <v>2017</v>
      </c>
      <c r="G15660" t="s">
        <v>126</v>
      </c>
      <c r="H15660" t="s">
        <v>123</v>
      </c>
      <c r="I15660" t="s">
        <v>15</v>
      </c>
      <c r="J15660" s="10">
        <v>16.04367474</v>
      </c>
    </row>
    <row r="15661" spans="1:10" x14ac:dyDescent="0.35">
      <c r="A15661" t="s">
        <v>20</v>
      </c>
      <c r="B15661" t="s">
        <v>94</v>
      </c>
      <c r="C15661" t="s">
        <v>117</v>
      </c>
      <c r="D15661" t="s">
        <v>118</v>
      </c>
      <c r="E15661">
        <v>2017</v>
      </c>
      <c r="F15661">
        <v>2017</v>
      </c>
      <c r="G15661" t="s">
        <v>126</v>
      </c>
      <c r="H15661" t="s">
        <v>124</v>
      </c>
      <c r="I15661" t="s">
        <v>15</v>
      </c>
      <c r="J15661" s="10">
        <v>2.1184337700000002</v>
      </c>
    </row>
    <row r="15662" spans="1:10" x14ac:dyDescent="0.35">
      <c r="A15662" t="s">
        <v>20</v>
      </c>
      <c r="B15662" t="s">
        <v>94</v>
      </c>
      <c r="C15662" t="s">
        <v>117</v>
      </c>
      <c r="D15662" t="s">
        <v>118</v>
      </c>
      <c r="E15662">
        <v>2016</v>
      </c>
      <c r="F15662">
        <v>2016</v>
      </c>
      <c r="G15662" t="s">
        <v>14</v>
      </c>
      <c r="H15662" t="s">
        <v>119</v>
      </c>
      <c r="I15662" t="s">
        <v>15</v>
      </c>
      <c r="J15662" s="10">
        <v>18.158291999999999</v>
      </c>
    </row>
    <row r="15663" spans="1:10" x14ac:dyDescent="0.35">
      <c r="A15663" t="s">
        <v>20</v>
      </c>
      <c r="B15663" t="s">
        <v>94</v>
      </c>
      <c r="C15663" t="s">
        <v>117</v>
      </c>
      <c r="D15663" t="s">
        <v>118</v>
      </c>
      <c r="E15663">
        <v>2016</v>
      </c>
      <c r="F15663">
        <v>2016</v>
      </c>
      <c r="G15663" t="s">
        <v>14</v>
      </c>
      <c r="H15663" t="s">
        <v>120</v>
      </c>
      <c r="I15663" t="s">
        <v>15</v>
      </c>
      <c r="J15663" s="10">
        <v>10.7572245</v>
      </c>
    </row>
    <row r="15664" spans="1:10" x14ac:dyDescent="0.35">
      <c r="A15664" t="s">
        <v>20</v>
      </c>
      <c r="B15664" t="s">
        <v>94</v>
      </c>
      <c r="C15664" t="s">
        <v>117</v>
      </c>
      <c r="D15664" t="s">
        <v>118</v>
      </c>
      <c r="E15664">
        <v>2016</v>
      </c>
      <c r="F15664">
        <v>2016</v>
      </c>
      <c r="G15664" t="s">
        <v>14</v>
      </c>
      <c r="H15664" t="s">
        <v>121</v>
      </c>
      <c r="I15664" t="s">
        <v>15</v>
      </c>
      <c r="J15664" s="10">
        <v>33.429480269999999</v>
      </c>
    </row>
    <row r="15665" spans="1:10" x14ac:dyDescent="0.35">
      <c r="A15665" t="s">
        <v>20</v>
      </c>
      <c r="B15665" t="s">
        <v>94</v>
      </c>
      <c r="C15665" t="s">
        <v>117</v>
      </c>
      <c r="D15665" t="s">
        <v>118</v>
      </c>
      <c r="E15665">
        <v>2016</v>
      </c>
      <c r="F15665">
        <v>2016</v>
      </c>
      <c r="G15665" t="s">
        <v>14</v>
      </c>
      <c r="H15665" t="s">
        <v>122</v>
      </c>
      <c r="I15665" t="s">
        <v>15</v>
      </c>
      <c r="J15665" s="10">
        <v>21.155919780000001</v>
      </c>
    </row>
    <row r="15666" spans="1:10" x14ac:dyDescent="0.35">
      <c r="A15666" t="s">
        <v>20</v>
      </c>
      <c r="B15666" t="s">
        <v>94</v>
      </c>
      <c r="C15666" t="s">
        <v>117</v>
      </c>
      <c r="D15666" t="s">
        <v>118</v>
      </c>
      <c r="E15666">
        <v>2016</v>
      </c>
      <c r="F15666">
        <v>2016</v>
      </c>
      <c r="G15666" t="s">
        <v>14</v>
      </c>
      <c r="H15666" t="s">
        <v>123</v>
      </c>
      <c r="I15666" t="s">
        <v>15</v>
      </c>
      <c r="J15666" s="10">
        <v>14.928833300000001</v>
      </c>
    </row>
    <row r="15667" spans="1:10" x14ac:dyDescent="0.35">
      <c r="A15667" t="s">
        <v>20</v>
      </c>
      <c r="B15667" t="s">
        <v>94</v>
      </c>
      <c r="C15667" t="s">
        <v>117</v>
      </c>
      <c r="D15667" t="s">
        <v>118</v>
      </c>
      <c r="E15667">
        <v>2016</v>
      </c>
      <c r="F15667">
        <v>2016</v>
      </c>
      <c r="G15667" t="s">
        <v>14</v>
      </c>
      <c r="H15667" t="s">
        <v>124</v>
      </c>
      <c r="I15667" t="s">
        <v>15</v>
      </c>
      <c r="J15667" s="10">
        <v>1.570250162</v>
      </c>
    </row>
    <row r="15668" spans="1:10" x14ac:dyDescent="0.35">
      <c r="A15668" t="s">
        <v>20</v>
      </c>
      <c r="B15668" t="s">
        <v>94</v>
      </c>
      <c r="C15668" t="s">
        <v>117</v>
      </c>
      <c r="D15668" t="s">
        <v>118</v>
      </c>
      <c r="E15668">
        <v>2016</v>
      </c>
      <c r="F15668">
        <v>2016</v>
      </c>
      <c r="G15668" t="s">
        <v>125</v>
      </c>
      <c r="H15668" t="s">
        <v>119</v>
      </c>
      <c r="I15668" t="s">
        <v>15</v>
      </c>
      <c r="J15668" s="10">
        <v>19.140179639999999</v>
      </c>
    </row>
    <row r="15669" spans="1:10" x14ac:dyDescent="0.35">
      <c r="A15669" t="s">
        <v>20</v>
      </c>
      <c r="B15669" t="s">
        <v>94</v>
      </c>
      <c r="C15669" t="s">
        <v>117</v>
      </c>
      <c r="D15669" t="s">
        <v>118</v>
      </c>
      <c r="E15669">
        <v>2016</v>
      </c>
      <c r="F15669">
        <v>2016</v>
      </c>
      <c r="G15669" t="s">
        <v>125</v>
      </c>
      <c r="H15669" t="s">
        <v>120</v>
      </c>
      <c r="I15669" t="s">
        <v>15</v>
      </c>
      <c r="J15669" s="10">
        <v>11.48188315</v>
      </c>
    </row>
    <row r="15670" spans="1:10" x14ac:dyDescent="0.35">
      <c r="A15670" t="s">
        <v>20</v>
      </c>
      <c r="B15670" t="s">
        <v>94</v>
      </c>
      <c r="C15670" t="s">
        <v>117</v>
      </c>
      <c r="D15670" t="s">
        <v>118</v>
      </c>
      <c r="E15670">
        <v>2016</v>
      </c>
      <c r="F15670">
        <v>2016</v>
      </c>
      <c r="G15670" t="s">
        <v>125</v>
      </c>
      <c r="H15670" t="s">
        <v>121</v>
      </c>
      <c r="I15670" t="s">
        <v>15</v>
      </c>
      <c r="J15670" s="10">
        <v>33.625316310000002</v>
      </c>
    </row>
    <row r="15671" spans="1:10" x14ac:dyDescent="0.35">
      <c r="A15671" t="s">
        <v>20</v>
      </c>
      <c r="B15671" t="s">
        <v>94</v>
      </c>
      <c r="C15671" t="s">
        <v>117</v>
      </c>
      <c r="D15671" t="s">
        <v>118</v>
      </c>
      <c r="E15671">
        <v>2016</v>
      </c>
      <c r="F15671">
        <v>2016</v>
      </c>
      <c r="G15671" t="s">
        <v>125</v>
      </c>
      <c r="H15671" t="s">
        <v>122</v>
      </c>
      <c r="I15671" t="s">
        <v>15</v>
      </c>
      <c r="J15671" s="10">
        <v>20.764161170000001</v>
      </c>
    </row>
    <row r="15672" spans="1:10" x14ac:dyDescent="0.35">
      <c r="A15672" t="s">
        <v>20</v>
      </c>
      <c r="B15672" t="s">
        <v>94</v>
      </c>
      <c r="C15672" t="s">
        <v>117</v>
      </c>
      <c r="D15672" t="s">
        <v>118</v>
      </c>
      <c r="E15672">
        <v>2016</v>
      </c>
      <c r="F15672">
        <v>2016</v>
      </c>
      <c r="G15672" t="s">
        <v>125</v>
      </c>
      <c r="H15672" t="s">
        <v>123</v>
      </c>
      <c r="I15672" t="s">
        <v>15</v>
      </c>
      <c r="J15672" s="10">
        <v>13.901170710000001</v>
      </c>
    </row>
    <row r="15673" spans="1:10" x14ac:dyDescent="0.35">
      <c r="A15673" t="s">
        <v>20</v>
      </c>
      <c r="B15673" t="s">
        <v>94</v>
      </c>
      <c r="C15673" t="s">
        <v>117</v>
      </c>
      <c r="D15673" t="s">
        <v>118</v>
      </c>
      <c r="E15673">
        <v>2016</v>
      </c>
      <c r="F15673">
        <v>2016</v>
      </c>
      <c r="G15673" t="s">
        <v>125</v>
      </c>
      <c r="H15673" t="s">
        <v>124</v>
      </c>
      <c r="I15673" t="s">
        <v>15</v>
      </c>
      <c r="J15673" s="10">
        <v>1.0872890079999999</v>
      </c>
    </row>
    <row r="15674" spans="1:10" x14ac:dyDescent="0.35">
      <c r="A15674" t="s">
        <v>20</v>
      </c>
      <c r="B15674" t="s">
        <v>94</v>
      </c>
      <c r="C15674" t="s">
        <v>117</v>
      </c>
      <c r="D15674" t="s">
        <v>118</v>
      </c>
      <c r="E15674">
        <v>2016</v>
      </c>
      <c r="F15674">
        <v>2016</v>
      </c>
      <c r="G15674" t="s">
        <v>126</v>
      </c>
      <c r="H15674" t="s">
        <v>119</v>
      </c>
      <c r="I15674" t="s">
        <v>15</v>
      </c>
      <c r="J15674" s="10">
        <v>17.234704820000001</v>
      </c>
    </row>
    <row r="15675" spans="1:10" x14ac:dyDescent="0.35">
      <c r="A15675" t="s">
        <v>20</v>
      </c>
      <c r="B15675" t="s">
        <v>94</v>
      </c>
      <c r="C15675" t="s">
        <v>117</v>
      </c>
      <c r="D15675" t="s">
        <v>118</v>
      </c>
      <c r="E15675">
        <v>2016</v>
      </c>
      <c r="F15675">
        <v>2016</v>
      </c>
      <c r="G15675" t="s">
        <v>126</v>
      </c>
      <c r="H15675" t="s">
        <v>120</v>
      </c>
      <c r="I15675" t="s">
        <v>15</v>
      </c>
      <c r="J15675" s="10">
        <v>10.07559311</v>
      </c>
    </row>
    <row r="15676" spans="1:10" x14ac:dyDescent="0.35">
      <c r="A15676" t="s">
        <v>20</v>
      </c>
      <c r="B15676" t="s">
        <v>94</v>
      </c>
      <c r="C15676" t="s">
        <v>117</v>
      </c>
      <c r="D15676" t="s">
        <v>118</v>
      </c>
      <c r="E15676">
        <v>2016</v>
      </c>
      <c r="F15676">
        <v>2016</v>
      </c>
      <c r="G15676" t="s">
        <v>126</v>
      </c>
      <c r="H15676" t="s">
        <v>121</v>
      </c>
      <c r="I15676" t="s">
        <v>15</v>
      </c>
      <c r="J15676" s="10">
        <v>33.245272159999999</v>
      </c>
    </row>
    <row r="15677" spans="1:10" x14ac:dyDescent="0.35">
      <c r="A15677" t="s">
        <v>20</v>
      </c>
      <c r="B15677" t="s">
        <v>94</v>
      </c>
      <c r="C15677" t="s">
        <v>117</v>
      </c>
      <c r="D15677" t="s">
        <v>118</v>
      </c>
      <c r="E15677">
        <v>2016</v>
      </c>
      <c r="F15677">
        <v>2016</v>
      </c>
      <c r="G15677" t="s">
        <v>126</v>
      </c>
      <c r="H15677" t="s">
        <v>122</v>
      </c>
      <c r="I15677" t="s">
        <v>15</v>
      </c>
      <c r="J15677" s="10">
        <v>21.524417360000001</v>
      </c>
    </row>
    <row r="15678" spans="1:10" x14ac:dyDescent="0.35">
      <c r="A15678" t="s">
        <v>20</v>
      </c>
      <c r="B15678" t="s">
        <v>94</v>
      </c>
      <c r="C15678" t="s">
        <v>117</v>
      </c>
      <c r="D15678" t="s">
        <v>118</v>
      </c>
      <c r="E15678">
        <v>2016</v>
      </c>
      <c r="F15678">
        <v>2016</v>
      </c>
      <c r="G15678" t="s">
        <v>126</v>
      </c>
      <c r="H15678" t="s">
        <v>123</v>
      </c>
      <c r="I15678" t="s">
        <v>15</v>
      </c>
      <c r="J15678" s="10">
        <v>15.895477489999999</v>
      </c>
    </row>
    <row r="15679" spans="1:10" x14ac:dyDescent="0.35">
      <c r="A15679" t="s">
        <v>20</v>
      </c>
      <c r="B15679" t="s">
        <v>94</v>
      </c>
      <c r="C15679" t="s">
        <v>117</v>
      </c>
      <c r="D15679" t="s">
        <v>118</v>
      </c>
      <c r="E15679">
        <v>2016</v>
      </c>
      <c r="F15679">
        <v>2016</v>
      </c>
      <c r="G15679" t="s">
        <v>126</v>
      </c>
      <c r="H15679" t="s">
        <v>124</v>
      </c>
      <c r="I15679" t="s">
        <v>15</v>
      </c>
      <c r="J15679" s="10">
        <v>2.0245350630000001</v>
      </c>
    </row>
    <row r="15680" spans="1:10" x14ac:dyDescent="0.35">
      <c r="A15680" t="s">
        <v>20</v>
      </c>
      <c r="B15680" t="s">
        <v>94</v>
      </c>
      <c r="C15680" t="s">
        <v>117</v>
      </c>
      <c r="D15680" t="s">
        <v>118</v>
      </c>
      <c r="E15680">
        <v>2015</v>
      </c>
      <c r="F15680">
        <v>2015</v>
      </c>
      <c r="G15680" t="s">
        <v>14</v>
      </c>
      <c r="H15680" t="s">
        <v>119</v>
      </c>
      <c r="I15680" t="s">
        <v>15</v>
      </c>
      <c r="J15680" s="10">
        <v>18.150276479999999</v>
      </c>
    </row>
    <row r="15681" spans="1:10" x14ac:dyDescent="0.35">
      <c r="A15681" t="s">
        <v>20</v>
      </c>
      <c r="B15681" t="s">
        <v>94</v>
      </c>
      <c r="C15681" t="s">
        <v>117</v>
      </c>
      <c r="D15681" t="s">
        <v>118</v>
      </c>
      <c r="E15681">
        <v>2015</v>
      </c>
      <c r="F15681">
        <v>2015</v>
      </c>
      <c r="G15681" t="s">
        <v>14</v>
      </c>
      <c r="H15681" t="s">
        <v>120</v>
      </c>
      <c r="I15681" t="s">
        <v>15</v>
      </c>
      <c r="J15681" s="10">
        <v>10.902092590000001</v>
      </c>
    </row>
    <row r="15682" spans="1:10" x14ac:dyDescent="0.35">
      <c r="A15682" t="s">
        <v>20</v>
      </c>
      <c r="B15682" t="s">
        <v>94</v>
      </c>
      <c r="C15682" t="s">
        <v>117</v>
      </c>
      <c r="D15682" t="s">
        <v>118</v>
      </c>
      <c r="E15682">
        <v>2015</v>
      </c>
      <c r="F15682">
        <v>2015</v>
      </c>
      <c r="G15682" t="s">
        <v>14</v>
      </c>
      <c r="H15682" t="s">
        <v>121</v>
      </c>
      <c r="I15682" t="s">
        <v>15</v>
      </c>
      <c r="J15682" s="10">
        <v>33.843380680000003</v>
      </c>
    </row>
    <row r="15683" spans="1:10" x14ac:dyDescent="0.35">
      <c r="A15683" t="s">
        <v>20</v>
      </c>
      <c r="B15683" t="s">
        <v>94</v>
      </c>
      <c r="C15683" t="s">
        <v>117</v>
      </c>
      <c r="D15683" t="s">
        <v>118</v>
      </c>
      <c r="E15683">
        <v>2015</v>
      </c>
      <c r="F15683">
        <v>2015</v>
      </c>
      <c r="G15683" t="s">
        <v>14</v>
      </c>
      <c r="H15683" t="s">
        <v>122</v>
      </c>
      <c r="I15683" t="s">
        <v>15</v>
      </c>
      <c r="J15683" s="10">
        <v>20.803968340000001</v>
      </c>
    </row>
    <row r="15684" spans="1:10" x14ac:dyDescent="0.35">
      <c r="A15684" t="s">
        <v>20</v>
      </c>
      <c r="B15684" t="s">
        <v>94</v>
      </c>
      <c r="C15684" t="s">
        <v>117</v>
      </c>
      <c r="D15684" t="s">
        <v>118</v>
      </c>
      <c r="E15684">
        <v>2015</v>
      </c>
      <c r="F15684">
        <v>2015</v>
      </c>
      <c r="G15684" t="s">
        <v>14</v>
      </c>
      <c r="H15684" t="s">
        <v>123</v>
      </c>
      <c r="I15684" t="s">
        <v>15</v>
      </c>
      <c r="J15684" s="10">
        <v>14.75658679</v>
      </c>
    </row>
    <row r="15685" spans="1:10" x14ac:dyDescent="0.35">
      <c r="A15685" t="s">
        <v>20</v>
      </c>
      <c r="B15685" t="s">
        <v>94</v>
      </c>
      <c r="C15685" t="s">
        <v>117</v>
      </c>
      <c r="D15685" t="s">
        <v>118</v>
      </c>
      <c r="E15685">
        <v>2015</v>
      </c>
      <c r="F15685">
        <v>2015</v>
      </c>
      <c r="G15685" t="s">
        <v>14</v>
      </c>
      <c r="H15685" t="s">
        <v>124</v>
      </c>
      <c r="I15685" t="s">
        <v>15</v>
      </c>
      <c r="J15685" s="10">
        <v>1.54369511</v>
      </c>
    </row>
    <row r="15686" spans="1:10" x14ac:dyDescent="0.35">
      <c r="A15686" t="s">
        <v>20</v>
      </c>
      <c r="B15686" t="s">
        <v>94</v>
      </c>
      <c r="C15686" t="s">
        <v>117</v>
      </c>
      <c r="D15686" t="s">
        <v>118</v>
      </c>
      <c r="E15686">
        <v>2015</v>
      </c>
      <c r="F15686">
        <v>2015</v>
      </c>
      <c r="G15686" t="s">
        <v>125</v>
      </c>
      <c r="H15686" t="s">
        <v>119</v>
      </c>
      <c r="I15686" t="s">
        <v>15</v>
      </c>
      <c r="J15686" s="10">
        <v>19.021906390000002</v>
      </c>
    </row>
    <row r="15687" spans="1:10" x14ac:dyDescent="0.35">
      <c r="A15687" t="s">
        <v>20</v>
      </c>
      <c r="B15687" t="s">
        <v>94</v>
      </c>
      <c r="C15687" t="s">
        <v>117</v>
      </c>
      <c r="D15687" t="s">
        <v>118</v>
      </c>
      <c r="E15687">
        <v>2015</v>
      </c>
      <c r="F15687">
        <v>2015</v>
      </c>
      <c r="G15687" t="s">
        <v>125</v>
      </c>
      <c r="H15687" t="s">
        <v>120</v>
      </c>
      <c r="I15687" t="s">
        <v>15</v>
      </c>
      <c r="J15687" s="10">
        <v>11.686204289999999</v>
      </c>
    </row>
    <row r="15688" spans="1:10" x14ac:dyDescent="0.35">
      <c r="A15688" t="s">
        <v>20</v>
      </c>
      <c r="B15688" t="s">
        <v>94</v>
      </c>
      <c r="C15688" t="s">
        <v>117</v>
      </c>
      <c r="D15688" t="s">
        <v>118</v>
      </c>
      <c r="E15688">
        <v>2015</v>
      </c>
      <c r="F15688">
        <v>2015</v>
      </c>
      <c r="G15688" t="s">
        <v>125</v>
      </c>
      <c r="H15688" t="s">
        <v>121</v>
      </c>
      <c r="I15688" t="s">
        <v>15</v>
      </c>
      <c r="J15688" s="10">
        <v>33.953501379999999</v>
      </c>
    </row>
    <row r="15689" spans="1:10" x14ac:dyDescent="0.35">
      <c r="A15689" t="s">
        <v>20</v>
      </c>
      <c r="B15689" t="s">
        <v>94</v>
      </c>
      <c r="C15689" t="s">
        <v>117</v>
      </c>
      <c r="D15689" t="s">
        <v>118</v>
      </c>
      <c r="E15689">
        <v>2015</v>
      </c>
      <c r="F15689">
        <v>2015</v>
      </c>
      <c r="G15689" t="s">
        <v>125</v>
      </c>
      <c r="H15689" t="s">
        <v>122</v>
      </c>
      <c r="I15689" t="s">
        <v>15</v>
      </c>
      <c r="J15689" s="10">
        <v>20.52709621</v>
      </c>
    </row>
    <row r="15690" spans="1:10" x14ac:dyDescent="0.35">
      <c r="A15690" t="s">
        <v>20</v>
      </c>
      <c r="B15690" t="s">
        <v>94</v>
      </c>
      <c r="C15690" t="s">
        <v>117</v>
      </c>
      <c r="D15690" t="s">
        <v>118</v>
      </c>
      <c r="E15690">
        <v>2015</v>
      </c>
      <c r="F15690">
        <v>2015</v>
      </c>
      <c r="G15690" t="s">
        <v>125</v>
      </c>
      <c r="H15690" t="s">
        <v>123</v>
      </c>
      <c r="I15690" t="s">
        <v>15</v>
      </c>
      <c r="J15690" s="10">
        <v>13.73695549</v>
      </c>
    </row>
    <row r="15691" spans="1:10" x14ac:dyDescent="0.35">
      <c r="A15691" t="s">
        <v>20</v>
      </c>
      <c r="B15691" t="s">
        <v>94</v>
      </c>
      <c r="C15691" t="s">
        <v>117</v>
      </c>
      <c r="D15691" t="s">
        <v>118</v>
      </c>
      <c r="E15691">
        <v>2015</v>
      </c>
      <c r="F15691">
        <v>2015</v>
      </c>
      <c r="G15691" t="s">
        <v>125</v>
      </c>
      <c r="H15691" t="s">
        <v>124</v>
      </c>
      <c r="I15691" t="s">
        <v>15</v>
      </c>
      <c r="J15691" s="10">
        <v>1.074336234</v>
      </c>
    </row>
    <row r="15692" spans="1:10" x14ac:dyDescent="0.35">
      <c r="A15692" t="s">
        <v>20</v>
      </c>
      <c r="B15692" t="s">
        <v>94</v>
      </c>
      <c r="C15692" t="s">
        <v>117</v>
      </c>
      <c r="D15692" t="s">
        <v>118</v>
      </c>
      <c r="E15692">
        <v>2015</v>
      </c>
      <c r="F15692">
        <v>2015</v>
      </c>
      <c r="G15692" t="s">
        <v>126</v>
      </c>
      <c r="H15692" t="s">
        <v>119</v>
      </c>
      <c r="I15692" t="s">
        <v>15</v>
      </c>
      <c r="J15692" s="10">
        <v>17.33130044</v>
      </c>
    </row>
    <row r="15693" spans="1:10" x14ac:dyDescent="0.35">
      <c r="A15693" t="s">
        <v>20</v>
      </c>
      <c r="B15693" t="s">
        <v>94</v>
      </c>
      <c r="C15693" t="s">
        <v>117</v>
      </c>
      <c r="D15693" t="s">
        <v>118</v>
      </c>
      <c r="E15693">
        <v>2015</v>
      </c>
      <c r="F15693">
        <v>2015</v>
      </c>
      <c r="G15693" t="s">
        <v>126</v>
      </c>
      <c r="H15693" t="s">
        <v>120</v>
      </c>
      <c r="I15693" t="s">
        <v>15</v>
      </c>
      <c r="J15693" s="10">
        <v>10.165347909999999</v>
      </c>
    </row>
    <row r="15694" spans="1:10" x14ac:dyDescent="0.35">
      <c r="A15694" t="s">
        <v>20</v>
      </c>
      <c r="B15694" t="s">
        <v>94</v>
      </c>
      <c r="C15694" t="s">
        <v>117</v>
      </c>
      <c r="D15694" t="s">
        <v>118</v>
      </c>
      <c r="E15694">
        <v>2015</v>
      </c>
      <c r="F15694">
        <v>2015</v>
      </c>
      <c r="G15694" t="s">
        <v>126</v>
      </c>
      <c r="H15694" t="s">
        <v>121</v>
      </c>
      <c r="I15694" t="s">
        <v>15</v>
      </c>
      <c r="J15694" s="10">
        <v>33.739912199999999</v>
      </c>
    </row>
    <row r="15695" spans="1:10" x14ac:dyDescent="0.35">
      <c r="A15695" t="s">
        <v>20</v>
      </c>
      <c r="B15695" t="s">
        <v>94</v>
      </c>
      <c r="C15695" t="s">
        <v>117</v>
      </c>
      <c r="D15695" t="s">
        <v>118</v>
      </c>
      <c r="E15695">
        <v>2015</v>
      </c>
      <c r="F15695">
        <v>2015</v>
      </c>
      <c r="G15695" t="s">
        <v>126</v>
      </c>
      <c r="H15695" t="s">
        <v>122</v>
      </c>
      <c r="I15695" t="s">
        <v>15</v>
      </c>
      <c r="J15695" s="10">
        <v>21.06411503</v>
      </c>
    </row>
    <row r="15696" spans="1:10" x14ac:dyDescent="0.35">
      <c r="A15696" t="s">
        <v>20</v>
      </c>
      <c r="B15696" t="s">
        <v>94</v>
      </c>
      <c r="C15696" t="s">
        <v>117</v>
      </c>
      <c r="D15696" t="s">
        <v>118</v>
      </c>
      <c r="E15696">
        <v>2015</v>
      </c>
      <c r="F15696">
        <v>2015</v>
      </c>
      <c r="G15696" t="s">
        <v>126</v>
      </c>
      <c r="H15696" t="s">
        <v>123</v>
      </c>
      <c r="I15696" t="s">
        <v>15</v>
      </c>
      <c r="J15696" s="10">
        <v>15.714623700000001</v>
      </c>
    </row>
    <row r="15697" spans="1:10" x14ac:dyDescent="0.35">
      <c r="A15697" t="s">
        <v>20</v>
      </c>
      <c r="B15697" t="s">
        <v>94</v>
      </c>
      <c r="C15697" t="s">
        <v>117</v>
      </c>
      <c r="D15697" t="s">
        <v>118</v>
      </c>
      <c r="E15697">
        <v>2015</v>
      </c>
      <c r="F15697">
        <v>2015</v>
      </c>
      <c r="G15697" t="s">
        <v>126</v>
      </c>
      <c r="H15697" t="s">
        <v>124</v>
      </c>
      <c r="I15697" t="s">
        <v>15</v>
      </c>
      <c r="J15697" s="10">
        <v>1.984700718</v>
      </c>
    </row>
    <row r="15698" spans="1:10" x14ac:dyDescent="0.35">
      <c r="A15698" t="s">
        <v>20</v>
      </c>
      <c r="B15698" t="s">
        <v>94</v>
      </c>
      <c r="C15698" t="s">
        <v>117</v>
      </c>
      <c r="D15698" t="s">
        <v>118</v>
      </c>
      <c r="E15698">
        <v>2014</v>
      </c>
      <c r="F15698">
        <v>2014</v>
      </c>
      <c r="G15698" t="s">
        <v>14</v>
      </c>
      <c r="H15698" t="s">
        <v>119</v>
      </c>
      <c r="I15698" t="s">
        <v>15</v>
      </c>
      <c r="J15698" s="10">
        <v>18.356134579999999</v>
      </c>
    </row>
    <row r="15699" spans="1:10" x14ac:dyDescent="0.35">
      <c r="A15699" t="s">
        <v>20</v>
      </c>
      <c r="B15699" t="s">
        <v>94</v>
      </c>
      <c r="C15699" t="s">
        <v>117</v>
      </c>
      <c r="D15699" t="s">
        <v>118</v>
      </c>
      <c r="E15699">
        <v>2014</v>
      </c>
      <c r="F15699">
        <v>2014</v>
      </c>
      <c r="G15699" t="s">
        <v>14</v>
      </c>
      <c r="H15699" t="s">
        <v>120</v>
      </c>
      <c r="I15699" t="s">
        <v>15</v>
      </c>
      <c r="J15699" s="10">
        <v>11.054750179999999</v>
      </c>
    </row>
    <row r="15700" spans="1:10" x14ac:dyDescent="0.35">
      <c r="A15700" t="s">
        <v>20</v>
      </c>
      <c r="B15700" t="s">
        <v>94</v>
      </c>
      <c r="C15700" t="s">
        <v>117</v>
      </c>
      <c r="D15700" t="s">
        <v>118</v>
      </c>
      <c r="E15700">
        <v>2014</v>
      </c>
      <c r="F15700">
        <v>2014</v>
      </c>
      <c r="G15700" t="s">
        <v>14</v>
      </c>
      <c r="H15700" t="s">
        <v>121</v>
      </c>
      <c r="I15700" t="s">
        <v>15</v>
      </c>
      <c r="J15700" s="10">
        <v>34.046835479999999</v>
      </c>
    </row>
    <row r="15701" spans="1:10" x14ac:dyDescent="0.35">
      <c r="A15701" t="s">
        <v>20</v>
      </c>
      <c r="B15701" t="s">
        <v>94</v>
      </c>
      <c r="C15701" t="s">
        <v>117</v>
      </c>
      <c r="D15701" t="s">
        <v>118</v>
      </c>
      <c r="E15701">
        <v>2014</v>
      </c>
      <c r="F15701">
        <v>2014</v>
      </c>
      <c r="G15701" t="s">
        <v>14</v>
      </c>
      <c r="H15701" t="s">
        <v>122</v>
      </c>
      <c r="I15701" t="s">
        <v>15</v>
      </c>
      <c r="J15701" s="10">
        <v>20.598634650000001</v>
      </c>
    </row>
    <row r="15702" spans="1:10" x14ac:dyDescent="0.35">
      <c r="A15702" t="s">
        <v>20</v>
      </c>
      <c r="B15702" t="s">
        <v>94</v>
      </c>
      <c r="C15702" t="s">
        <v>117</v>
      </c>
      <c r="D15702" t="s">
        <v>118</v>
      </c>
      <c r="E15702">
        <v>2014</v>
      </c>
      <c r="F15702">
        <v>2014</v>
      </c>
      <c r="G15702" t="s">
        <v>14</v>
      </c>
      <c r="H15702" t="s">
        <v>123</v>
      </c>
      <c r="I15702" t="s">
        <v>15</v>
      </c>
      <c r="J15702" s="10">
        <v>14.415100499999999</v>
      </c>
    </row>
    <row r="15703" spans="1:10" x14ac:dyDescent="0.35">
      <c r="A15703" t="s">
        <v>20</v>
      </c>
      <c r="B15703" t="s">
        <v>94</v>
      </c>
      <c r="C15703" t="s">
        <v>117</v>
      </c>
      <c r="D15703" t="s">
        <v>118</v>
      </c>
      <c r="E15703">
        <v>2014</v>
      </c>
      <c r="F15703">
        <v>2014</v>
      </c>
      <c r="G15703" t="s">
        <v>14</v>
      </c>
      <c r="H15703" t="s">
        <v>124</v>
      </c>
      <c r="I15703" t="s">
        <v>15</v>
      </c>
      <c r="J15703" s="10">
        <v>1.528544619</v>
      </c>
    </row>
    <row r="15704" spans="1:10" x14ac:dyDescent="0.35">
      <c r="A15704" t="s">
        <v>20</v>
      </c>
      <c r="B15704" t="s">
        <v>94</v>
      </c>
      <c r="C15704" t="s">
        <v>117</v>
      </c>
      <c r="D15704" t="s">
        <v>118</v>
      </c>
      <c r="E15704">
        <v>2014</v>
      </c>
      <c r="F15704">
        <v>2014</v>
      </c>
      <c r="G15704" t="s">
        <v>125</v>
      </c>
      <c r="H15704" t="s">
        <v>119</v>
      </c>
      <c r="I15704" t="s">
        <v>15</v>
      </c>
      <c r="J15704" s="10">
        <v>19.350405299999998</v>
      </c>
    </row>
    <row r="15705" spans="1:10" x14ac:dyDescent="0.35">
      <c r="A15705" t="s">
        <v>20</v>
      </c>
      <c r="B15705" t="s">
        <v>94</v>
      </c>
      <c r="C15705" t="s">
        <v>117</v>
      </c>
      <c r="D15705" t="s">
        <v>118</v>
      </c>
      <c r="E15705">
        <v>2014</v>
      </c>
      <c r="F15705">
        <v>2014</v>
      </c>
      <c r="G15705" t="s">
        <v>125</v>
      </c>
      <c r="H15705" t="s">
        <v>120</v>
      </c>
      <c r="I15705" t="s">
        <v>15</v>
      </c>
      <c r="J15705" s="10">
        <v>11.934479570000001</v>
      </c>
    </row>
    <row r="15706" spans="1:10" x14ac:dyDescent="0.35">
      <c r="A15706" t="s">
        <v>20</v>
      </c>
      <c r="B15706" t="s">
        <v>94</v>
      </c>
      <c r="C15706" t="s">
        <v>117</v>
      </c>
      <c r="D15706" t="s">
        <v>118</v>
      </c>
      <c r="E15706">
        <v>2014</v>
      </c>
      <c r="F15706">
        <v>2014</v>
      </c>
      <c r="G15706" t="s">
        <v>125</v>
      </c>
      <c r="H15706" t="s">
        <v>121</v>
      </c>
      <c r="I15706" t="s">
        <v>15</v>
      </c>
      <c r="J15706" s="10">
        <v>34.02799203</v>
      </c>
    </row>
    <row r="15707" spans="1:10" x14ac:dyDescent="0.35">
      <c r="A15707" t="s">
        <v>20</v>
      </c>
      <c r="B15707" t="s">
        <v>94</v>
      </c>
      <c r="C15707" t="s">
        <v>117</v>
      </c>
      <c r="D15707" t="s">
        <v>118</v>
      </c>
      <c r="E15707">
        <v>2014</v>
      </c>
      <c r="F15707">
        <v>2014</v>
      </c>
      <c r="G15707" t="s">
        <v>125</v>
      </c>
      <c r="H15707" t="s">
        <v>122</v>
      </c>
      <c r="I15707" t="s">
        <v>15</v>
      </c>
      <c r="J15707" s="10">
        <v>20.38538131</v>
      </c>
    </row>
    <row r="15708" spans="1:10" x14ac:dyDescent="0.35">
      <c r="A15708" t="s">
        <v>20</v>
      </c>
      <c r="B15708" t="s">
        <v>94</v>
      </c>
      <c r="C15708" t="s">
        <v>117</v>
      </c>
      <c r="D15708" t="s">
        <v>118</v>
      </c>
      <c r="E15708">
        <v>2014</v>
      </c>
      <c r="F15708">
        <v>2014</v>
      </c>
      <c r="G15708" t="s">
        <v>125</v>
      </c>
      <c r="H15708" t="s">
        <v>123</v>
      </c>
      <c r="I15708" t="s">
        <v>15</v>
      </c>
      <c r="J15708" s="10">
        <v>13.255546519999999</v>
      </c>
    </row>
    <row r="15709" spans="1:10" x14ac:dyDescent="0.35">
      <c r="A15709" t="s">
        <v>20</v>
      </c>
      <c r="B15709" t="s">
        <v>94</v>
      </c>
      <c r="C15709" t="s">
        <v>117</v>
      </c>
      <c r="D15709" t="s">
        <v>118</v>
      </c>
      <c r="E15709">
        <v>2014</v>
      </c>
      <c r="F15709">
        <v>2014</v>
      </c>
      <c r="G15709" t="s">
        <v>125</v>
      </c>
      <c r="H15709" t="s">
        <v>124</v>
      </c>
      <c r="I15709" t="s">
        <v>15</v>
      </c>
      <c r="J15709" s="10">
        <v>1.046195271</v>
      </c>
    </row>
    <row r="15710" spans="1:10" x14ac:dyDescent="0.35">
      <c r="A15710" t="s">
        <v>20</v>
      </c>
      <c r="B15710" t="s">
        <v>94</v>
      </c>
      <c r="C15710" t="s">
        <v>117</v>
      </c>
      <c r="D15710" t="s">
        <v>118</v>
      </c>
      <c r="E15710">
        <v>2014</v>
      </c>
      <c r="F15710">
        <v>2014</v>
      </c>
      <c r="G15710" t="s">
        <v>126</v>
      </c>
      <c r="H15710" t="s">
        <v>119</v>
      </c>
      <c r="I15710" t="s">
        <v>15</v>
      </c>
      <c r="J15710" s="10">
        <v>17.420342649999998</v>
      </c>
    </row>
    <row r="15711" spans="1:10" x14ac:dyDescent="0.35">
      <c r="A15711" t="s">
        <v>20</v>
      </c>
      <c r="B15711" t="s">
        <v>94</v>
      </c>
      <c r="C15711" t="s">
        <v>117</v>
      </c>
      <c r="D15711" t="s">
        <v>118</v>
      </c>
      <c r="E15711">
        <v>2014</v>
      </c>
      <c r="F15711">
        <v>2014</v>
      </c>
      <c r="G15711" t="s">
        <v>126</v>
      </c>
      <c r="H15711" t="s">
        <v>120</v>
      </c>
      <c r="I15711" t="s">
        <v>15</v>
      </c>
      <c r="J15711" s="10">
        <v>10.22676276</v>
      </c>
    </row>
    <row r="15712" spans="1:10" x14ac:dyDescent="0.35">
      <c r="A15712" t="s">
        <v>20</v>
      </c>
      <c r="B15712" t="s">
        <v>94</v>
      </c>
      <c r="C15712" t="s">
        <v>117</v>
      </c>
      <c r="D15712" t="s">
        <v>118</v>
      </c>
      <c r="E15712">
        <v>2014</v>
      </c>
      <c r="F15712">
        <v>2014</v>
      </c>
      <c r="G15712" t="s">
        <v>126</v>
      </c>
      <c r="H15712" t="s">
        <v>121</v>
      </c>
      <c r="I15712" t="s">
        <v>15</v>
      </c>
      <c r="J15712" s="10">
        <v>34.064570629999999</v>
      </c>
    </row>
    <row r="15713" spans="1:10" x14ac:dyDescent="0.35">
      <c r="A15713" t="s">
        <v>20</v>
      </c>
      <c r="B15713" t="s">
        <v>94</v>
      </c>
      <c r="C15713" t="s">
        <v>117</v>
      </c>
      <c r="D15713" t="s">
        <v>118</v>
      </c>
      <c r="E15713">
        <v>2014</v>
      </c>
      <c r="F15713">
        <v>2014</v>
      </c>
      <c r="G15713" t="s">
        <v>126</v>
      </c>
      <c r="H15713" t="s">
        <v>122</v>
      </c>
      <c r="I15713" t="s">
        <v>15</v>
      </c>
      <c r="J15713" s="10">
        <v>20.79934532</v>
      </c>
    </row>
    <row r="15714" spans="1:10" x14ac:dyDescent="0.35">
      <c r="A15714" t="s">
        <v>20</v>
      </c>
      <c r="B15714" t="s">
        <v>94</v>
      </c>
      <c r="C15714" t="s">
        <v>117</v>
      </c>
      <c r="D15714" t="s">
        <v>118</v>
      </c>
      <c r="E15714">
        <v>2014</v>
      </c>
      <c r="F15714">
        <v>2014</v>
      </c>
      <c r="G15714" t="s">
        <v>126</v>
      </c>
      <c r="H15714" t="s">
        <v>123</v>
      </c>
      <c r="I15714" t="s">
        <v>15</v>
      </c>
      <c r="J15714" s="10">
        <v>15.506454420000001</v>
      </c>
    </row>
    <row r="15715" spans="1:10" x14ac:dyDescent="0.35">
      <c r="A15715" t="s">
        <v>20</v>
      </c>
      <c r="B15715" t="s">
        <v>94</v>
      </c>
      <c r="C15715" t="s">
        <v>117</v>
      </c>
      <c r="D15715" t="s">
        <v>118</v>
      </c>
      <c r="E15715">
        <v>2014</v>
      </c>
      <c r="F15715">
        <v>2014</v>
      </c>
      <c r="G15715" t="s">
        <v>126</v>
      </c>
      <c r="H15715" t="s">
        <v>124</v>
      </c>
      <c r="I15715" t="s">
        <v>15</v>
      </c>
      <c r="J15715" s="10">
        <v>1.982524221</v>
      </c>
    </row>
    <row r="15716" spans="1:10" x14ac:dyDescent="0.35">
      <c r="A15716" t="s">
        <v>20</v>
      </c>
      <c r="B15716" t="s">
        <v>94</v>
      </c>
      <c r="C15716" t="s">
        <v>117</v>
      </c>
      <c r="D15716" t="s">
        <v>118</v>
      </c>
      <c r="E15716">
        <v>2013</v>
      </c>
      <c r="F15716">
        <v>2013</v>
      </c>
      <c r="G15716" t="s">
        <v>14</v>
      </c>
      <c r="H15716" t="s">
        <v>119</v>
      </c>
      <c r="I15716" t="s">
        <v>15</v>
      </c>
      <c r="J15716" s="10">
        <v>18.395236669999999</v>
      </c>
    </row>
    <row r="15717" spans="1:10" x14ac:dyDescent="0.35">
      <c r="A15717" t="s">
        <v>20</v>
      </c>
      <c r="B15717" t="s">
        <v>94</v>
      </c>
      <c r="C15717" t="s">
        <v>117</v>
      </c>
      <c r="D15717" t="s">
        <v>118</v>
      </c>
      <c r="E15717">
        <v>2013</v>
      </c>
      <c r="F15717">
        <v>2013</v>
      </c>
      <c r="G15717" t="s">
        <v>14</v>
      </c>
      <c r="H15717" t="s">
        <v>120</v>
      </c>
      <c r="I15717" t="s">
        <v>15</v>
      </c>
      <c r="J15717" s="10">
        <v>11.30746383</v>
      </c>
    </row>
    <row r="15718" spans="1:10" x14ac:dyDescent="0.35">
      <c r="A15718" t="s">
        <v>20</v>
      </c>
      <c r="B15718" t="s">
        <v>94</v>
      </c>
      <c r="C15718" t="s">
        <v>117</v>
      </c>
      <c r="D15718" t="s">
        <v>118</v>
      </c>
      <c r="E15718">
        <v>2013</v>
      </c>
      <c r="F15718">
        <v>2013</v>
      </c>
      <c r="G15718" t="s">
        <v>14</v>
      </c>
      <c r="H15718" t="s">
        <v>121</v>
      </c>
      <c r="I15718" t="s">
        <v>15</v>
      </c>
      <c r="J15718" s="10">
        <v>34.418344820000002</v>
      </c>
    </row>
    <row r="15719" spans="1:10" x14ac:dyDescent="0.35">
      <c r="A15719" t="s">
        <v>20</v>
      </c>
      <c r="B15719" t="s">
        <v>94</v>
      </c>
      <c r="C15719" t="s">
        <v>117</v>
      </c>
      <c r="D15719" t="s">
        <v>118</v>
      </c>
      <c r="E15719">
        <v>2013</v>
      </c>
      <c r="F15719">
        <v>2013</v>
      </c>
      <c r="G15719" t="s">
        <v>14</v>
      </c>
      <c r="H15719" t="s">
        <v>122</v>
      </c>
      <c r="I15719" t="s">
        <v>15</v>
      </c>
      <c r="J15719" s="10">
        <v>20.376325040000001</v>
      </c>
    </row>
    <row r="15720" spans="1:10" x14ac:dyDescent="0.35">
      <c r="A15720" t="s">
        <v>20</v>
      </c>
      <c r="B15720" t="s">
        <v>94</v>
      </c>
      <c r="C15720" t="s">
        <v>117</v>
      </c>
      <c r="D15720" t="s">
        <v>118</v>
      </c>
      <c r="E15720">
        <v>2013</v>
      </c>
      <c r="F15720">
        <v>2013</v>
      </c>
      <c r="G15720" t="s">
        <v>14</v>
      </c>
      <c r="H15720" t="s">
        <v>123</v>
      </c>
      <c r="I15720" t="s">
        <v>15</v>
      </c>
      <c r="J15720" s="10">
        <v>14.029757200000001</v>
      </c>
    </row>
    <row r="15721" spans="1:10" x14ac:dyDescent="0.35">
      <c r="A15721" t="s">
        <v>20</v>
      </c>
      <c r="B15721" t="s">
        <v>94</v>
      </c>
      <c r="C15721" t="s">
        <v>117</v>
      </c>
      <c r="D15721" t="s">
        <v>118</v>
      </c>
      <c r="E15721">
        <v>2013</v>
      </c>
      <c r="F15721">
        <v>2013</v>
      </c>
      <c r="G15721" t="s">
        <v>14</v>
      </c>
      <c r="H15721" t="s">
        <v>124</v>
      </c>
      <c r="I15721" t="s">
        <v>15</v>
      </c>
      <c r="J15721" s="10">
        <v>1.4728724419999999</v>
      </c>
    </row>
    <row r="15722" spans="1:10" x14ac:dyDescent="0.35">
      <c r="A15722" t="s">
        <v>20</v>
      </c>
      <c r="B15722" t="s">
        <v>94</v>
      </c>
      <c r="C15722" t="s">
        <v>117</v>
      </c>
      <c r="D15722" t="s">
        <v>118</v>
      </c>
      <c r="E15722">
        <v>2013</v>
      </c>
      <c r="F15722">
        <v>2013</v>
      </c>
      <c r="G15722" t="s">
        <v>125</v>
      </c>
      <c r="H15722" t="s">
        <v>119</v>
      </c>
      <c r="I15722" t="s">
        <v>15</v>
      </c>
      <c r="J15722" s="10">
        <v>19.331889889999999</v>
      </c>
    </row>
    <row r="15723" spans="1:10" x14ac:dyDescent="0.35">
      <c r="A15723" t="s">
        <v>20</v>
      </c>
      <c r="B15723" t="s">
        <v>94</v>
      </c>
      <c r="C15723" t="s">
        <v>117</v>
      </c>
      <c r="D15723" t="s">
        <v>118</v>
      </c>
      <c r="E15723">
        <v>2013</v>
      </c>
      <c r="F15723">
        <v>2013</v>
      </c>
      <c r="G15723" t="s">
        <v>125</v>
      </c>
      <c r="H15723" t="s">
        <v>120</v>
      </c>
      <c r="I15723" t="s">
        <v>15</v>
      </c>
      <c r="J15723" s="10">
        <v>12.172763829999999</v>
      </c>
    </row>
    <row r="15724" spans="1:10" x14ac:dyDescent="0.35">
      <c r="A15724" t="s">
        <v>20</v>
      </c>
      <c r="B15724" t="s">
        <v>94</v>
      </c>
      <c r="C15724" t="s">
        <v>117</v>
      </c>
      <c r="D15724" t="s">
        <v>118</v>
      </c>
      <c r="E15724">
        <v>2013</v>
      </c>
      <c r="F15724">
        <v>2013</v>
      </c>
      <c r="G15724" t="s">
        <v>125</v>
      </c>
      <c r="H15724" t="s">
        <v>121</v>
      </c>
      <c r="I15724" t="s">
        <v>15</v>
      </c>
      <c r="J15724" s="10">
        <v>34.504963019999998</v>
      </c>
    </row>
    <row r="15725" spans="1:10" x14ac:dyDescent="0.35">
      <c r="A15725" t="s">
        <v>20</v>
      </c>
      <c r="B15725" t="s">
        <v>94</v>
      </c>
      <c r="C15725" t="s">
        <v>117</v>
      </c>
      <c r="D15725" t="s">
        <v>118</v>
      </c>
      <c r="E15725">
        <v>2013</v>
      </c>
      <c r="F15725">
        <v>2013</v>
      </c>
      <c r="G15725" t="s">
        <v>125</v>
      </c>
      <c r="H15725" t="s">
        <v>122</v>
      </c>
      <c r="I15725" t="s">
        <v>15</v>
      </c>
      <c r="J15725" s="10">
        <v>20.220453840000001</v>
      </c>
    </row>
    <row r="15726" spans="1:10" x14ac:dyDescent="0.35">
      <c r="A15726" t="s">
        <v>20</v>
      </c>
      <c r="B15726" t="s">
        <v>94</v>
      </c>
      <c r="C15726" t="s">
        <v>117</v>
      </c>
      <c r="D15726" t="s">
        <v>118</v>
      </c>
      <c r="E15726">
        <v>2013</v>
      </c>
      <c r="F15726">
        <v>2013</v>
      </c>
      <c r="G15726" t="s">
        <v>125</v>
      </c>
      <c r="H15726" t="s">
        <v>123</v>
      </c>
      <c r="I15726" t="s">
        <v>15</v>
      </c>
      <c r="J15726" s="10">
        <v>12.791384300000001</v>
      </c>
    </row>
    <row r="15727" spans="1:10" x14ac:dyDescent="0.35">
      <c r="A15727" t="s">
        <v>20</v>
      </c>
      <c r="B15727" t="s">
        <v>94</v>
      </c>
      <c r="C15727" t="s">
        <v>117</v>
      </c>
      <c r="D15727" t="s">
        <v>118</v>
      </c>
      <c r="E15727">
        <v>2013</v>
      </c>
      <c r="F15727">
        <v>2013</v>
      </c>
      <c r="G15727" t="s">
        <v>125</v>
      </c>
      <c r="H15727" t="s">
        <v>124</v>
      </c>
      <c r="I15727" t="s">
        <v>15</v>
      </c>
      <c r="J15727" s="10">
        <v>0.97854511700000002</v>
      </c>
    </row>
    <row r="15728" spans="1:10" x14ac:dyDescent="0.35">
      <c r="A15728" t="s">
        <v>20</v>
      </c>
      <c r="B15728" t="s">
        <v>94</v>
      </c>
      <c r="C15728" t="s">
        <v>117</v>
      </c>
      <c r="D15728" t="s">
        <v>118</v>
      </c>
      <c r="E15728">
        <v>2013</v>
      </c>
      <c r="F15728">
        <v>2013</v>
      </c>
      <c r="G15728" t="s">
        <v>126</v>
      </c>
      <c r="H15728" t="s">
        <v>119</v>
      </c>
      <c r="I15728" t="s">
        <v>15</v>
      </c>
      <c r="J15728" s="10">
        <v>17.514736589999998</v>
      </c>
    </row>
    <row r="15729" spans="1:10" x14ac:dyDescent="0.35">
      <c r="A15729" t="s">
        <v>20</v>
      </c>
      <c r="B15729" t="s">
        <v>94</v>
      </c>
      <c r="C15729" t="s">
        <v>117</v>
      </c>
      <c r="D15729" t="s">
        <v>118</v>
      </c>
      <c r="E15729">
        <v>2013</v>
      </c>
      <c r="F15729">
        <v>2013</v>
      </c>
      <c r="G15729" t="s">
        <v>126</v>
      </c>
      <c r="H15729" t="s">
        <v>120</v>
      </c>
      <c r="I15729" t="s">
        <v>15</v>
      </c>
      <c r="J15729" s="10">
        <v>10.494039280000001</v>
      </c>
    </row>
    <row r="15730" spans="1:10" x14ac:dyDescent="0.35">
      <c r="A15730" t="s">
        <v>20</v>
      </c>
      <c r="B15730" t="s">
        <v>94</v>
      </c>
      <c r="C15730" t="s">
        <v>117</v>
      </c>
      <c r="D15730" t="s">
        <v>118</v>
      </c>
      <c r="E15730">
        <v>2013</v>
      </c>
      <c r="F15730">
        <v>2013</v>
      </c>
      <c r="G15730" t="s">
        <v>126</v>
      </c>
      <c r="H15730" t="s">
        <v>121</v>
      </c>
      <c r="I15730" t="s">
        <v>15</v>
      </c>
      <c r="J15730" s="10">
        <v>34.336919459999997</v>
      </c>
    </row>
    <row r="15731" spans="1:10" x14ac:dyDescent="0.35">
      <c r="A15731" t="s">
        <v>20</v>
      </c>
      <c r="B15731" t="s">
        <v>94</v>
      </c>
      <c r="C15731" t="s">
        <v>117</v>
      </c>
      <c r="D15731" t="s">
        <v>118</v>
      </c>
      <c r="E15731">
        <v>2013</v>
      </c>
      <c r="F15731">
        <v>2013</v>
      </c>
      <c r="G15731" t="s">
        <v>126</v>
      </c>
      <c r="H15731" t="s">
        <v>122</v>
      </c>
      <c r="I15731" t="s">
        <v>15</v>
      </c>
      <c r="J15731" s="10">
        <v>20.522851630000002</v>
      </c>
    </row>
    <row r="15732" spans="1:10" x14ac:dyDescent="0.35">
      <c r="A15732" t="s">
        <v>20</v>
      </c>
      <c r="B15732" t="s">
        <v>94</v>
      </c>
      <c r="C15732" t="s">
        <v>117</v>
      </c>
      <c r="D15732" t="s">
        <v>118</v>
      </c>
      <c r="E15732">
        <v>2013</v>
      </c>
      <c r="F15732">
        <v>2013</v>
      </c>
      <c r="G15732" t="s">
        <v>126</v>
      </c>
      <c r="H15732" t="s">
        <v>123</v>
      </c>
      <c r="I15732" t="s">
        <v>15</v>
      </c>
      <c r="J15732" s="10">
        <v>15.19388861</v>
      </c>
    </row>
    <row r="15733" spans="1:10" x14ac:dyDescent="0.35">
      <c r="A15733" t="s">
        <v>20</v>
      </c>
      <c r="B15733" t="s">
        <v>94</v>
      </c>
      <c r="C15733" t="s">
        <v>117</v>
      </c>
      <c r="D15733" t="s">
        <v>118</v>
      </c>
      <c r="E15733">
        <v>2013</v>
      </c>
      <c r="F15733">
        <v>2013</v>
      </c>
      <c r="G15733" t="s">
        <v>126</v>
      </c>
      <c r="H15733" t="s">
        <v>124</v>
      </c>
      <c r="I15733" t="s">
        <v>15</v>
      </c>
      <c r="J15733" s="10">
        <v>1.937564431</v>
      </c>
    </row>
    <row r="15734" spans="1:10" x14ac:dyDescent="0.35">
      <c r="A15734" t="s">
        <v>20</v>
      </c>
      <c r="B15734" t="s">
        <v>94</v>
      </c>
      <c r="C15734" t="s">
        <v>117</v>
      </c>
      <c r="D15734" t="s">
        <v>118</v>
      </c>
      <c r="E15734">
        <v>2012</v>
      </c>
      <c r="F15734">
        <v>2012</v>
      </c>
      <c r="G15734" t="s">
        <v>14</v>
      </c>
      <c r="H15734" t="s">
        <v>119</v>
      </c>
      <c r="I15734" t="s">
        <v>15</v>
      </c>
      <c r="J15734" s="10">
        <v>18.594316930000002</v>
      </c>
    </row>
    <row r="15735" spans="1:10" x14ac:dyDescent="0.35">
      <c r="A15735" t="s">
        <v>20</v>
      </c>
      <c r="B15735" t="s">
        <v>94</v>
      </c>
      <c r="C15735" t="s">
        <v>117</v>
      </c>
      <c r="D15735" t="s">
        <v>118</v>
      </c>
      <c r="E15735">
        <v>2012</v>
      </c>
      <c r="F15735">
        <v>2012</v>
      </c>
      <c r="G15735" t="s">
        <v>14</v>
      </c>
      <c r="H15735" t="s">
        <v>120</v>
      </c>
      <c r="I15735" t="s">
        <v>15</v>
      </c>
      <c r="J15735" s="10">
        <v>11.461263539999999</v>
      </c>
    </row>
    <row r="15736" spans="1:10" x14ac:dyDescent="0.35">
      <c r="A15736" t="s">
        <v>20</v>
      </c>
      <c r="B15736" t="s">
        <v>94</v>
      </c>
      <c r="C15736" t="s">
        <v>117</v>
      </c>
      <c r="D15736" t="s">
        <v>118</v>
      </c>
      <c r="E15736">
        <v>2012</v>
      </c>
      <c r="F15736">
        <v>2012</v>
      </c>
      <c r="G15736" t="s">
        <v>14</v>
      </c>
      <c r="H15736" t="s">
        <v>121</v>
      </c>
      <c r="I15736" t="s">
        <v>15</v>
      </c>
      <c r="J15736" s="10">
        <v>34.700422629999998</v>
      </c>
    </row>
    <row r="15737" spans="1:10" x14ac:dyDescent="0.35">
      <c r="A15737" t="s">
        <v>20</v>
      </c>
      <c r="B15737" t="s">
        <v>94</v>
      </c>
      <c r="C15737" t="s">
        <v>117</v>
      </c>
      <c r="D15737" t="s">
        <v>118</v>
      </c>
      <c r="E15737">
        <v>2012</v>
      </c>
      <c r="F15737">
        <v>2012</v>
      </c>
      <c r="G15737" t="s">
        <v>14</v>
      </c>
      <c r="H15737" t="s">
        <v>122</v>
      </c>
      <c r="I15737" t="s">
        <v>15</v>
      </c>
      <c r="J15737" s="10">
        <v>20.16252871</v>
      </c>
    </row>
    <row r="15738" spans="1:10" x14ac:dyDescent="0.35">
      <c r="A15738" t="s">
        <v>20</v>
      </c>
      <c r="B15738" t="s">
        <v>94</v>
      </c>
      <c r="C15738" t="s">
        <v>117</v>
      </c>
      <c r="D15738" t="s">
        <v>118</v>
      </c>
      <c r="E15738">
        <v>2012</v>
      </c>
      <c r="F15738">
        <v>2012</v>
      </c>
      <c r="G15738" t="s">
        <v>14</v>
      </c>
      <c r="H15738" t="s">
        <v>123</v>
      </c>
      <c r="I15738" t="s">
        <v>15</v>
      </c>
      <c r="J15738" s="10">
        <v>13.589356820000001</v>
      </c>
    </row>
    <row r="15739" spans="1:10" x14ac:dyDescent="0.35">
      <c r="A15739" t="s">
        <v>20</v>
      </c>
      <c r="B15739" t="s">
        <v>94</v>
      </c>
      <c r="C15739" t="s">
        <v>117</v>
      </c>
      <c r="D15739" t="s">
        <v>118</v>
      </c>
      <c r="E15739">
        <v>2012</v>
      </c>
      <c r="F15739">
        <v>2012</v>
      </c>
      <c r="G15739" t="s">
        <v>14</v>
      </c>
      <c r="H15739" t="s">
        <v>124</v>
      </c>
      <c r="I15739" t="s">
        <v>15</v>
      </c>
      <c r="J15739" s="10">
        <v>1.4921113779999999</v>
      </c>
    </row>
    <row r="15740" spans="1:10" x14ac:dyDescent="0.35">
      <c r="A15740" t="s">
        <v>20</v>
      </c>
      <c r="B15740" t="s">
        <v>94</v>
      </c>
      <c r="C15740" t="s">
        <v>117</v>
      </c>
      <c r="D15740" t="s">
        <v>118</v>
      </c>
      <c r="E15740">
        <v>2012</v>
      </c>
      <c r="F15740">
        <v>2012</v>
      </c>
      <c r="G15740" t="s">
        <v>125</v>
      </c>
      <c r="H15740" t="s">
        <v>119</v>
      </c>
      <c r="I15740" t="s">
        <v>15</v>
      </c>
      <c r="J15740" s="10">
        <v>19.622758019999999</v>
      </c>
    </row>
    <row r="15741" spans="1:10" x14ac:dyDescent="0.35">
      <c r="A15741" t="s">
        <v>20</v>
      </c>
      <c r="B15741" t="s">
        <v>94</v>
      </c>
      <c r="C15741" t="s">
        <v>117</v>
      </c>
      <c r="D15741" t="s">
        <v>118</v>
      </c>
      <c r="E15741">
        <v>2012</v>
      </c>
      <c r="F15741">
        <v>2012</v>
      </c>
      <c r="G15741" t="s">
        <v>125</v>
      </c>
      <c r="H15741" t="s">
        <v>120</v>
      </c>
      <c r="I15741" t="s">
        <v>15</v>
      </c>
      <c r="J15741" s="10">
        <v>12.367025010000001</v>
      </c>
    </row>
    <row r="15742" spans="1:10" x14ac:dyDescent="0.35">
      <c r="A15742" t="s">
        <v>20</v>
      </c>
      <c r="B15742" t="s">
        <v>94</v>
      </c>
      <c r="C15742" t="s">
        <v>117</v>
      </c>
      <c r="D15742" t="s">
        <v>118</v>
      </c>
      <c r="E15742">
        <v>2012</v>
      </c>
      <c r="F15742">
        <v>2012</v>
      </c>
      <c r="G15742" t="s">
        <v>125</v>
      </c>
      <c r="H15742" t="s">
        <v>121</v>
      </c>
      <c r="I15742" t="s">
        <v>15</v>
      </c>
      <c r="J15742" s="10">
        <v>34.718050920000003</v>
      </c>
    </row>
    <row r="15743" spans="1:10" x14ac:dyDescent="0.35">
      <c r="A15743" t="s">
        <v>20</v>
      </c>
      <c r="B15743" t="s">
        <v>94</v>
      </c>
      <c r="C15743" t="s">
        <v>117</v>
      </c>
      <c r="D15743" t="s">
        <v>118</v>
      </c>
      <c r="E15743">
        <v>2012</v>
      </c>
      <c r="F15743">
        <v>2012</v>
      </c>
      <c r="G15743" t="s">
        <v>125</v>
      </c>
      <c r="H15743" t="s">
        <v>122</v>
      </c>
      <c r="I15743" t="s">
        <v>15</v>
      </c>
      <c r="J15743" s="10">
        <v>20.00729784</v>
      </c>
    </row>
    <row r="15744" spans="1:10" x14ac:dyDescent="0.35">
      <c r="A15744" t="s">
        <v>20</v>
      </c>
      <c r="B15744" t="s">
        <v>94</v>
      </c>
      <c r="C15744" t="s">
        <v>117</v>
      </c>
      <c r="D15744" t="s">
        <v>118</v>
      </c>
      <c r="E15744">
        <v>2012</v>
      </c>
      <c r="F15744">
        <v>2012</v>
      </c>
      <c r="G15744" t="s">
        <v>125</v>
      </c>
      <c r="H15744" t="s">
        <v>123</v>
      </c>
      <c r="I15744" t="s">
        <v>15</v>
      </c>
      <c r="J15744" s="10">
        <v>12.31650153</v>
      </c>
    </row>
    <row r="15745" spans="1:10" x14ac:dyDescent="0.35">
      <c r="A15745" t="s">
        <v>20</v>
      </c>
      <c r="B15745" t="s">
        <v>94</v>
      </c>
      <c r="C15745" t="s">
        <v>117</v>
      </c>
      <c r="D15745" t="s">
        <v>118</v>
      </c>
      <c r="E15745">
        <v>2012</v>
      </c>
      <c r="F15745">
        <v>2012</v>
      </c>
      <c r="G15745" t="s">
        <v>125</v>
      </c>
      <c r="H15745" t="s">
        <v>124</v>
      </c>
      <c r="I15745" t="s">
        <v>15</v>
      </c>
      <c r="J15745" s="10">
        <v>0.96836668800000003</v>
      </c>
    </row>
    <row r="15746" spans="1:10" x14ac:dyDescent="0.35">
      <c r="A15746" t="s">
        <v>20</v>
      </c>
      <c r="B15746" t="s">
        <v>94</v>
      </c>
      <c r="C15746" t="s">
        <v>117</v>
      </c>
      <c r="D15746" t="s">
        <v>118</v>
      </c>
      <c r="E15746">
        <v>2012</v>
      </c>
      <c r="F15746">
        <v>2012</v>
      </c>
      <c r="G15746" t="s">
        <v>126</v>
      </c>
      <c r="H15746" t="s">
        <v>119</v>
      </c>
      <c r="I15746" t="s">
        <v>15</v>
      </c>
      <c r="J15746" s="10">
        <v>17.629083250000001</v>
      </c>
    </row>
    <row r="15747" spans="1:10" x14ac:dyDescent="0.35">
      <c r="A15747" t="s">
        <v>20</v>
      </c>
      <c r="B15747" t="s">
        <v>94</v>
      </c>
      <c r="C15747" t="s">
        <v>117</v>
      </c>
      <c r="D15747" t="s">
        <v>118</v>
      </c>
      <c r="E15747">
        <v>2012</v>
      </c>
      <c r="F15747">
        <v>2012</v>
      </c>
      <c r="G15747" t="s">
        <v>126</v>
      </c>
      <c r="H15747" t="s">
        <v>120</v>
      </c>
      <c r="I15747" t="s">
        <v>15</v>
      </c>
      <c r="J15747" s="10">
        <v>10.611169650000001</v>
      </c>
    </row>
    <row r="15748" spans="1:10" x14ac:dyDescent="0.35">
      <c r="A15748" t="s">
        <v>20</v>
      </c>
      <c r="B15748" t="s">
        <v>94</v>
      </c>
      <c r="C15748" t="s">
        <v>117</v>
      </c>
      <c r="D15748" t="s">
        <v>118</v>
      </c>
      <c r="E15748">
        <v>2012</v>
      </c>
      <c r="F15748">
        <v>2012</v>
      </c>
      <c r="G15748" t="s">
        <v>126</v>
      </c>
      <c r="H15748" t="s">
        <v>121</v>
      </c>
      <c r="I15748" t="s">
        <v>15</v>
      </c>
      <c r="J15748" s="10">
        <v>34.683877770000002</v>
      </c>
    </row>
    <row r="15749" spans="1:10" x14ac:dyDescent="0.35">
      <c r="A15749" t="s">
        <v>20</v>
      </c>
      <c r="B15749" t="s">
        <v>94</v>
      </c>
      <c r="C15749" t="s">
        <v>117</v>
      </c>
      <c r="D15749" t="s">
        <v>118</v>
      </c>
      <c r="E15749">
        <v>2012</v>
      </c>
      <c r="F15749">
        <v>2012</v>
      </c>
      <c r="G15749" t="s">
        <v>126</v>
      </c>
      <c r="H15749" t="s">
        <v>122</v>
      </c>
      <c r="I15749" t="s">
        <v>15</v>
      </c>
      <c r="J15749" s="10">
        <v>20.308219179999998</v>
      </c>
    </row>
    <row r="15750" spans="1:10" x14ac:dyDescent="0.35">
      <c r="A15750" t="s">
        <v>20</v>
      </c>
      <c r="B15750" t="s">
        <v>94</v>
      </c>
      <c r="C15750" t="s">
        <v>117</v>
      </c>
      <c r="D15750" t="s">
        <v>118</v>
      </c>
      <c r="E15750">
        <v>2012</v>
      </c>
      <c r="F15750">
        <v>2012</v>
      </c>
      <c r="G15750" t="s">
        <v>126</v>
      </c>
      <c r="H15750" t="s">
        <v>123</v>
      </c>
      <c r="I15750" t="s">
        <v>15</v>
      </c>
      <c r="J15750" s="10">
        <v>14.78398314</v>
      </c>
    </row>
    <row r="15751" spans="1:10" x14ac:dyDescent="0.35">
      <c r="A15751" t="s">
        <v>20</v>
      </c>
      <c r="B15751" t="s">
        <v>94</v>
      </c>
      <c r="C15751" t="s">
        <v>117</v>
      </c>
      <c r="D15751" t="s">
        <v>118</v>
      </c>
      <c r="E15751">
        <v>2012</v>
      </c>
      <c r="F15751">
        <v>2012</v>
      </c>
      <c r="G15751" t="s">
        <v>126</v>
      </c>
      <c r="H15751" t="s">
        <v>124</v>
      </c>
      <c r="I15751" t="s">
        <v>15</v>
      </c>
      <c r="J15751" s="10">
        <v>1.983667018</v>
      </c>
    </row>
    <row r="15752" spans="1:10" x14ac:dyDescent="0.35">
      <c r="A15752" t="s">
        <v>20</v>
      </c>
      <c r="B15752" t="s">
        <v>94</v>
      </c>
      <c r="C15752" t="s">
        <v>117</v>
      </c>
      <c r="D15752" t="s">
        <v>118</v>
      </c>
      <c r="E15752">
        <v>2011</v>
      </c>
      <c r="F15752">
        <v>2011</v>
      </c>
      <c r="G15752" t="s">
        <v>14</v>
      </c>
      <c r="H15752" t="s">
        <v>119</v>
      </c>
      <c r="I15752" t="s">
        <v>15</v>
      </c>
      <c r="J15752" s="10">
        <v>18.656443459999998</v>
      </c>
    </row>
    <row r="15753" spans="1:10" x14ac:dyDescent="0.35">
      <c r="A15753" t="s">
        <v>20</v>
      </c>
      <c r="B15753" t="s">
        <v>94</v>
      </c>
      <c r="C15753" t="s">
        <v>117</v>
      </c>
      <c r="D15753" t="s">
        <v>118</v>
      </c>
      <c r="E15753">
        <v>2011</v>
      </c>
      <c r="F15753">
        <v>2011</v>
      </c>
      <c r="G15753" t="s">
        <v>14</v>
      </c>
      <c r="H15753" t="s">
        <v>120</v>
      </c>
      <c r="I15753" t="s">
        <v>15</v>
      </c>
      <c r="J15753" s="10">
        <v>11.698885110000001</v>
      </c>
    </row>
    <row r="15754" spans="1:10" x14ac:dyDescent="0.35">
      <c r="A15754" t="s">
        <v>20</v>
      </c>
      <c r="B15754" t="s">
        <v>94</v>
      </c>
      <c r="C15754" t="s">
        <v>117</v>
      </c>
      <c r="D15754" t="s">
        <v>118</v>
      </c>
      <c r="E15754">
        <v>2011</v>
      </c>
      <c r="F15754">
        <v>2011</v>
      </c>
      <c r="G15754" t="s">
        <v>14</v>
      </c>
      <c r="H15754" t="s">
        <v>121</v>
      </c>
      <c r="I15754" t="s">
        <v>15</v>
      </c>
      <c r="J15754" s="10">
        <v>35.087172680000002</v>
      </c>
    </row>
    <row r="15755" spans="1:10" x14ac:dyDescent="0.35">
      <c r="A15755" t="s">
        <v>20</v>
      </c>
      <c r="B15755" t="s">
        <v>94</v>
      </c>
      <c r="C15755" t="s">
        <v>117</v>
      </c>
      <c r="D15755" t="s">
        <v>118</v>
      </c>
      <c r="E15755">
        <v>2011</v>
      </c>
      <c r="F15755">
        <v>2011</v>
      </c>
      <c r="G15755" t="s">
        <v>14</v>
      </c>
      <c r="H15755" t="s">
        <v>122</v>
      </c>
      <c r="I15755" t="s">
        <v>15</v>
      </c>
      <c r="J15755" s="10">
        <v>19.95827632</v>
      </c>
    </row>
    <row r="15756" spans="1:10" x14ac:dyDescent="0.35">
      <c r="A15756" t="s">
        <v>20</v>
      </c>
      <c r="B15756" t="s">
        <v>94</v>
      </c>
      <c r="C15756" t="s">
        <v>117</v>
      </c>
      <c r="D15756" t="s">
        <v>118</v>
      </c>
      <c r="E15756">
        <v>2011</v>
      </c>
      <c r="F15756">
        <v>2011</v>
      </c>
      <c r="G15756" t="s">
        <v>14</v>
      </c>
      <c r="H15756" t="s">
        <v>123</v>
      </c>
      <c r="I15756" t="s">
        <v>15</v>
      </c>
      <c r="J15756" s="10">
        <v>13.1036725</v>
      </c>
    </row>
    <row r="15757" spans="1:10" x14ac:dyDescent="0.35">
      <c r="A15757" t="s">
        <v>20</v>
      </c>
      <c r="B15757" t="s">
        <v>94</v>
      </c>
      <c r="C15757" t="s">
        <v>117</v>
      </c>
      <c r="D15757" t="s">
        <v>118</v>
      </c>
      <c r="E15757">
        <v>2011</v>
      </c>
      <c r="F15757">
        <v>2011</v>
      </c>
      <c r="G15757" t="s">
        <v>14</v>
      </c>
      <c r="H15757" t="s">
        <v>124</v>
      </c>
      <c r="I15757" t="s">
        <v>15</v>
      </c>
      <c r="J15757" s="10">
        <v>1.495549926</v>
      </c>
    </row>
    <row r="15758" spans="1:10" x14ac:dyDescent="0.35">
      <c r="A15758" t="s">
        <v>20</v>
      </c>
      <c r="B15758" t="s">
        <v>94</v>
      </c>
      <c r="C15758" t="s">
        <v>117</v>
      </c>
      <c r="D15758" t="s">
        <v>118</v>
      </c>
      <c r="E15758">
        <v>2011</v>
      </c>
      <c r="F15758">
        <v>2011</v>
      </c>
      <c r="G15758" t="s">
        <v>125</v>
      </c>
      <c r="H15758" t="s">
        <v>119</v>
      </c>
      <c r="I15758" t="s">
        <v>15</v>
      </c>
      <c r="J15758" s="10">
        <v>19.731242999999999</v>
      </c>
    </row>
    <row r="15759" spans="1:10" x14ac:dyDescent="0.35">
      <c r="A15759" t="s">
        <v>20</v>
      </c>
      <c r="B15759" t="s">
        <v>94</v>
      </c>
      <c r="C15759" t="s">
        <v>117</v>
      </c>
      <c r="D15759" t="s">
        <v>118</v>
      </c>
      <c r="E15759">
        <v>2011</v>
      </c>
      <c r="F15759">
        <v>2011</v>
      </c>
      <c r="G15759" t="s">
        <v>125</v>
      </c>
      <c r="H15759" t="s">
        <v>120</v>
      </c>
      <c r="I15759" t="s">
        <v>15</v>
      </c>
      <c r="J15759" s="10">
        <v>12.51959686</v>
      </c>
    </row>
    <row r="15760" spans="1:10" x14ac:dyDescent="0.35">
      <c r="A15760" t="s">
        <v>20</v>
      </c>
      <c r="B15760" t="s">
        <v>94</v>
      </c>
      <c r="C15760" t="s">
        <v>117</v>
      </c>
      <c r="D15760" t="s">
        <v>118</v>
      </c>
      <c r="E15760">
        <v>2011</v>
      </c>
      <c r="F15760">
        <v>2011</v>
      </c>
      <c r="G15760" t="s">
        <v>125</v>
      </c>
      <c r="H15760" t="s">
        <v>121</v>
      </c>
      <c r="I15760" t="s">
        <v>15</v>
      </c>
      <c r="J15760" s="10">
        <v>35.106382979999999</v>
      </c>
    </row>
    <row r="15761" spans="1:10" x14ac:dyDescent="0.35">
      <c r="A15761" t="s">
        <v>20</v>
      </c>
      <c r="B15761" t="s">
        <v>94</v>
      </c>
      <c r="C15761" t="s">
        <v>117</v>
      </c>
      <c r="D15761" t="s">
        <v>118</v>
      </c>
      <c r="E15761">
        <v>2011</v>
      </c>
      <c r="F15761">
        <v>2011</v>
      </c>
      <c r="G15761" t="s">
        <v>125</v>
      </c>
      <c r="H15761" t="s">
        <v>122</v>
      </c>
      <c r="I15761" t="s">
        <v>15</v>
      </c>
      <c r="J15761" s="10">
        <v>19.85442329</v>
      </c>
    </row>
    <row r="15762" spans="1:10" x14ac:dyDescent="0.35">
      <c r="A15762" t="s">
        <v>20</v>
      </c>
      <c r="B15762" t="s">
        <v>94</v>
      </c>
      <c r="C15762" t="s">
        <v>117</v>
      </c>
      <c r="D15762" t="s">
        <v>118</v>
      </c>
      <c r="E15762">
        <v>2011</v>
      </c>
      <c r="F15762">
        <v>2011</v>
      </c>
      <c r="G15762" t="s">
        <v>125</v>
      </c>
      <c r="H15762" t="s">
        <v>123</v>
      </c>
      <c r="I15762" t="s">
        <v>15</v>
      </c>
      <c r="J15762" s="10">
        <v>11.800111980000001</v>
      </c>
    </row>
    <row r="15763" spans="1:10" x14ac:dyDescent="0.35">
      <c r="A15763" t="s">
        <v>20</v>
      </c>
      <c r="B15763" t="s">
        <v>94</v>
      </c>
      <c r="C15763" t="s">
        <v>117</v>
      </c>
      <c r="D15763" t="s">
        <v>118</v>
      </c>
      <c r="E15763">
        <v>2011</v>
      </c>
      <c r="F15763">
        <v>2011</v>
      </c>
      <c r="G15763" t="s">
        <v>125</v>
      </c>
      <c r="H15763" t="s">
        <v>124</v>
      </c>
      <c r="I15763" t="s">
        <v>15</v>
      </c>
      <c r="J15763" s="10">
        <v>0.98824188099999999</v>
      </c>
    </row>
    <row r="15764" spans="1:10" x14ac:dyDescent="0.35">
      <c r="A15764" t="s">
        <v>20</v>
      </c>
      <c r="B15764" t="s">
        <v>94</v>
      </c>
      <c r="C15764" t="s">
        <v>117</v>
      </c>
      <c r="D15764" t="s">
        <v>118</v>
      </c>
      <c r="E15764">
        <v>2011</v>
      </c>
      <c r="F15764">
        <v>2011</v>
      </c>
      <c r="G15764" t="s">
        <v>126</v>
      </c>
      <c r="H15764" t="s">
        <v>119</v>
      </c>
      <c r="I15764" t="s">
        <v>15</v>
      </c>
      <c r="J15764" s="10">
        <v>17.648757190000001</v>
      </c>
    </row>
    <row r="15765" spans="1:10" x14ac:dyDescent="0.35">
      <c r="A15765" t="s">
        <v>20</v>
      </c>
      <c r="B15765" t="s">
        <v>94</v>
      </c>
      <c r="C15765" t="s">
        <v>117</v>
      </c>
      <c r="D15765" t="s">
        <v>118</v>
      </c>
      <c r="E15765">
        <v>2011</v>
      </c>
      <c r="F15765">
        <v>2011</v>
      </c>
      <c r="G15765" t="s">
        <v>126</v>
      </c>
      <c r="H15765" t="s">
        <v>120</v>
      </c>
      <c r="I15765" t="s">
        <v>15</v>
      </c>
      <c r="J15765" s="10">
        <v>10.92942072</v>
      </c>
    </row>
    <row r="15766" spans="1:10" x14ac:dyDescent="0.35">
      <c r="A15766" t="s">
        <v>20</v>
      </c>
      <c r="B15766" t="s">
        <v>94</v>
      </c>
      <c r="C15766" t="s">
        <v>117</v>
      </c>
      <c r="D15766" t="s">
        <v>118</v>
      </c>
      <c r="E15766">
        <v>2011</v>
      </c>
      <c r="F15766">
        <v>2011</v>
      </c>
      <c r="G15766" t="s">
        <v>126</v>
      </c>
      <c r="H15766" t="s">
        <v>121</v>
      </c>
      <c r="I15766" t="s">
        <v>15</v>
      </c>
      <c r="J15766" s="10">
        <v>35.069161919999999</v>
      </c>
    </row>
    <row r="15767" spans="1:10" x14ac:dyDescent="0.35">
      <c r="A15767" t="s">
        <v>20</v>
      </c>
      <c r="B15767" t="s">
        <v>94</v>
      </c>
      <c r="C15767" t="s">
        <v>117</v>
      </c>
      <c r="D15767" t="s">
        <v>118</v>
      </c>
      <c r="E15767">
        <v>2011</v>
      </c>
      <c r="F15767">
        <v>2011</v>
      </c>
      <c r="G15767" t="s">
        <v>126</v>
      </c>
      <c r="H15767" t="s">
        <v>122</v>
      </c>
      <c r="I15767" t="s">
        <v>15</v>
      </c>
      <c r="J15767" s="10">
        <v>20.05564451</v>
      </c>
    </row>
    <row r="15768" spans="1:10" x14ac:dyDescent="0.35">
      <c r="A15768" t="s">
        <v>20</v>
      </c>
      <c r="B15768" t="s">
        <v>94</v>
      </c>
      <c r="C15768" t="s">
        <v>117</v>
      </c>
      <c r="D15768" t="s">
        <v>118</v>
      </c>
      <c r="E15768">
        <v>2011</v>
      </c>
      <c r="F15768">
        <v>2011</v>
      </c>
      <c r="G15768" t="s">
        <v>126</v>
      </c>
      <c r="H15768" t="s">
        <v>123</v>
      </c>
      <c r="I15768" t="s">
        <v>15</v>
      </c>
      <c r="J15768" s="10">
        <v>14.325835319999999</v>
      </c>
    </row>
    <row r="15769" spans="1:10" x14ac:dyDescent="0.35">
      <c r="A15769" t="s">
        <v>20</v>
      </c>
      <c r="B15769" t="s">
        <v>94</v>
      </c>
      <c r="C15769" t="s">
        <v>117</v>
      </c>
      <c r="D15769" t="s">
        <v>118</v>
      </c>
      <c r="E15769">
        <v>2011</v>
      </c>
      <c r="F15769">
        <v>2011</v>
      </c>
      <c r="G15769" t="s">
        <v>126</v>
      </c>
      <c r="H15769" t="s">
        <v>124</v>
      </c>
      <c r="I15769" t="s">
        <v>15</v>
      </c>
      <c r="J15769" s="10">
        <v>1.9711803459999999</v>
      </c>
    </row>
    <row r="15770" spans="1:10" x14ac:dyDescent="0.35">
      <c r="A15770" t="s">
        <v>10</v>
      </c>
      <c r="B15770" t="s">
        <v>11</v>
      </c>
      <c r="C15770" t="s">
        <v>114</v>
      </c>
      <c r="D15770" t="s">
        <v>115</v>
      </c>
      <c r="E15770" s="6" t="s">
        <v>132</v>
      </c>
      <c r="F15770" s="3">
        <v>2021</v>
      </c>
      <c r="G15770" t="s">
        <v>97</v>
      </c>
      <c r="H15770" t="s">
        <v>116</v>
      </c>
      <c r="I15770" t="s">
        <v>15</v>
      </c>
      <c r="J15770" s="10">
        <v>76.295542201174271</v>
      </c>
    </row>
    <row r="15771" spans="1:10" x14ac:dyDescent="0.35">
      <c r="A15771" t="s">
        <v>10</v>
      </c>
      <c r="B15771" t="s">
        <v>16</v>
      </c>
      <c r="C15771" t="s">
        <v>114</v>
      </c>
      <c r="D15771" t="s">
        <v>115</v>
      </c>
      <c r="E15771" s="6" t="s">
        <v>132</v>
      </c>
      <c r="F15771" s="3">
        <v>2021</v>
      </c>
      <c r="G15771" t="s">
        <v>97</v>
      </c>
      <c r="H15771" t="s">
        <v>116</v>
      </c>
      <c r="I15771" t="s">
        <v>15</v>
      </c>
      <c r="J15771" s="10">
        <v>76.61771802865087</v>
      </c>
    </row>
    <row r="15772" spans="1:10" x14ac:dyDescent="0.35">
      <c r="A15772" t="s">
        <v>10</v>
      </c>
      <c r="B15772" t="s">
        <v>17</v>
      </c>
      <c r="C15772" t="s">
        <v>114</v>
      </c>
      <c r="D15772" t="s">
        <v>115</v>
      </c>
      <c r="E15772" s="6" t="s">
        <v>132</v>
      </c>
      <c r="F15772" s="3">
        <v>2021</v>
      </c>
      <c r="G15772" t="s">
        <v>97</v>
      </c>
      <c r="H15772" t="s">
        <v>116</v>
      </c>
      <c r="I15772" t="s">
        <v>15</v>
      </c>
      <c r="J15772" s="10">
        <v>78.493491061489863</v>
      </c>
    </row>
    <row r="15773" spans="1:10" x14ac:dyDescent="0.35">
      <c r="A15773" t="s">
        <v>10</v>
      </c>
      <c r="B15773" t="s">
        <v>18</v>
      </c>
      <c r="C15773" t="s">
        <v>114</v>
      </c>
      <c r="D15773" t="s">
        <v>115</v>
      </c>
      <c r="E15773" s="6" t="s">
        <v>132</v>
      </c>
      <c r="F15773" s="3">
        <v>2021</v>
      </c>
      <c r="G15773" t="s">
        <v>97</v>
      </c>
      <c r="H15773" t="s">
        <v>116</v>
      </c>
      <c r="I15773" t="s">
        <v>15</v>
      </c>
      <c r="J15773" s="10">
        <v>79.112218013771368</v>
      </c>
    </row>
    <row r="15774" spans="1:10" x14ac:dyDescent="0.35">
      <c r="A15774" t="s">
        <v>10</v>
      </c>
      <c r="B15774" t="s">
        <v>19</v>
      </c>
      <c r="C15774" t="s">
        <v>114</v>
      </c>
      <c r="D15774" t="s">
        <v>115</v>
      </c>
      <c r="E15774" s="6" t="s">
        <v>132</v>
      </c>
      <c r="F15774" s="3">
        <v>2021</v>
      </c>
      <c r="G15774" t="s">
        <v>97</v>
      </c>
      <c r="H15774" t="s">
        <v>116</v>
      </c>
      <c r="I15774" t="s">
        <v>15</v>
      </c>
      <c r="J15774" s="10">
        <v>81.087255147197993</v>
      </c>
    </row>
    <row r="15775" spans="1:10" x14ac:dyDescent="0.35">
      <c r="A15775" t="s">
        <v>20</v>
      </c>
      <c r="B15775" t="s">
        <v>21</v>
      </c>
      <c r="C15775" t="s">
        <v>114</v>
      </c>
      <c r="D15775" t="s">
        <v>115</v>
      </c>
      <c r="E15775" s="6" t="s">
        <v>132</v>
      </c>
      <c r="F15775" s="3">
        <v>2021</v>
      </c>
      <c r="G15775" t="s">
        <v>97</v>
      </c>
      <c r="H15775" t="s">
        <v>116</v>
      </c>
      <c r="I15775" t="s">
        <v>15</v>
      </c>
      <c r="J15775" s="10">
        <v>73.492663859122629</v>
      </c>
    </row>
    <row r="15776" spans="1:10" x14ac:dyDescent="0.35">
      <c r="A15776" t="s">
        <v>22</v>
      </c>
      <c r="B15776" t="s">
        <v>23</v>
      </c>
      <c r="C15776" t="s">
        <v>114</v>
      </c>
      <c r="D15776" t="s">
        <v>115</v>
      </c>
      <c r="E15776" s="6" t="s">
        <v>132</v>
      </c>
      <c r="F15776" s="3">
        <v>2021</v>
      </c>
      <c r="G15776" t="s">
        <v>97</v>
      </c>
      <c r="H15776" t="s">
        <v>116</v>
      </c>
      <c r="I15776" t="s">
        <v>15</v>
      </c>
      <c r="J15776" s="10">
        <v>77.206853847553276</v>
      </c>
    </row>
    <row r="15777" spans="1:10" x14ac:dyDescent="0.35">
      <c r="A15777" t="s">
        <v>10</v>
      </c>
      <c r="B15777" t="s">
        <v>24</v>
      </c>
      <c r="C15777" t="s">
        <v>114</v>
      </c>
      <c r="D15777" t="s">
        <v>115</v>
      </c>
      <c r="E15777" s="6" t="s">
        <v>132</v>
      </c>
      <c r="F15777" s="3">
        <v>2021</v>
      </c>
      <c r="G15777" t="s">
        <v>97</v>
      </c>
      <c r="H15777" t="s">
        <v>116</v>
      </c>
      <c r="I15777" t="s">
        <v>15</v>
      </c>
      <c r="J15777" s="10">
        <v>77.923123175223807</v>
      </c>
    </row>
    <row r="15778" spans="1:10" x14ac:dyDescent="0.35">
      <c r="A15778" t="s">
        <v>10</v>
      </c>
      <c r="B15778" t="s">
        <v>25</v>
      </c>
      <c r="C15778" t="s">
        <v>114</v>
      </c>
      <c r="D15778" t="s">
        <v>115</v>
      </c>
      <c r="E15778" s="6" t="s">
        <v>132</v>
      </c>
      <c r="F15778" s="3">
        <v>2021</v>
      </c>
      <c r="G15778" t="s">
        <v>97</v>
      </c>
      <c r="H15778" t="s">
        <v>116</v>
      </c>
      <c r="I15778" t="s">
        <v>15</v>
      </c>
      <c r="J15778" s="10">
        <v>78.950104366894422</v>
      </c>
    </row>
    <row r="15779" spans="1:10" x14ac:dyDescent="0.35">
      <c r="A15779" t="s">
        <v>26</v>
      </c>
      <c r="B15779" t="s">
        <v>27</v>
      </c>
      <c r="C15779" t="s">
        <v>114</v>
      </c>
      <c r="D15779" t="s">
        <v>115</v>
      </c>
      <c r="E15779" s="6" t="s">
        <v>132</v>
      </c>
      <c r="F15779" s="3">
        <v>2021</v>
      </c>
      <c r="G15779" t="s">
        <v>97</v>
      </c>
      <c r="H15779" t="s">
        <v>116</v>
      </c>
      <c r="I15779" t="s">
        <v>15</v>
      </c>
      <c r="J15779" s="10">
        <v>76.891112257103757</v>
      </c>
    </row>
    <row r="15780" spans="1:10" x14ac:dyDescent="0.35">
      <c r="A15780" t="s">
        <v>28</v>
      </c>
      <c r="B15780" t="s">
        <v>29</v>
      </c>
      <c r="C15780" t="s">
        <v>114</v>
      </c>
      <c r="D15780" t="s">
        <v>115</v>
      </c>
      <c r="E15780" s="6" t="s">
        <v>132</v>
      </c>
      <c r="F15780" s="3">
        <v>2021</v>
      </c>
      <c r="G15780" t="s">
        <v>97</v>
      </c>
      <c r="H15780" t="s">
        <v>116</v>
      </c>
      <c r="I15780" t="s">
        <v>15</v>
      </c>
      <c r="J15780" s="10">
        <v>75.922643909808968</v>
      </c>
    </row>
    <row r="15781" spans="1:10" x14ac:dyDescent="0.35">
      <c r="A15781" t="s">
        <v>10</v>
      </c>
      <c r="B15781" t="s">
        <v>30</v>
      </c>
      <c r="C15781" t="s">
        <v>114</v>
      </c>
      <c r="D15781" t="s">
        <v>115</v>
      </c>
      <c r="E15781" s="6" t="s">
        <v>132</v>
      </c>
      <c r="F15781" s="3">
        <v>2021</v>
      </c>
      <c r="G15781" t="s">
        <v>97</v>
      </c>
      <c r="H15781" t="s">
        <v>116</v>
      </c>
      <c r="I15781" t="s">
        <v>15</v>
      </c>
      <c r="J15781" s="10">
        <v>76.092986093199315</v>
      </c>
    </row>
    <row r="15782" spans="1:10" x14ac:dyDescent="0.35">
      <c r="A15782" t="s">
        <v>26</v>
      </c>
      <c r="B15782" t="s">
        <v>31</v>
      </c>
      <c r="C15782" t="s">
        <v>114</v>
      </c>
      <c r="D15782" t="s">
        <v>115</v>
      </c>
      <c r="E15782" s="6" t="s">
        <v>132</v>
      </c>
      <c r="F15782" s="3">
        <v>2021</v>
      </c>
      <c r="G15782" t="s">
        <v>97</v>
      </c>
      <c r="H15782" t="s">
        <v>116</v>
      </c>
      <c r="I15782" t="s">
        <v>15</v>
      </c>
      <c r="J15782" s="10">
        <v>76.977333635656521</v>
      </c>
    </row>
    <row r="15783" spans="1:10" x14ac:dyDescent="0.35">
      <c r="A15783" t="s">
        <v>28</v>
      </c>
      <c r="B15783" t="s">
        <v>32</v>
      </c>
      <c r="C15783" t="s">
        <v>114</v>
      </c>
      <c r="D15783" t="s">
        <v>115</v>
      </c>
      <c r="E15783" s="6" t="s">
        <v>132</v>
      </c>
      <c r="F15783" s="3">
        <v>2021</v>
      </c>
      <c r="G15783" t="s">
        <v>97</v>
      </c>
      <c r="H15783" t="s">
        <v>116</v>
      </c>
      <c r="I15783" t="s">
        <v>15</v>
      </c>
      <c r="J15783" s="10">
        <v>75.956895274052769</v>
      </c>
    </row>
    <row r="15784" spans="1:10" x14ac:dyDescent="0.35">
      <c r="A15784" t="s">
        <v>33</v>
      </c>
      <c r="B15784" t="s">
        <v>34</v>
      </c>
      <c r="C15784" t="s">
        <v>114</v>
      </c>
      <c r="D15784" t="s">
        <v>115</v>
      </c>
      <c r="E15784" s="6" t="s">
        <v>132</v>
      </c>
      <c r="F15784" s="3">
        <v>2021</v>
      </c>
      <c r="G15784" t="s">
        <v>97</v>
      </c>
      <c r="H15784" t="s">
        <v>116</v>
      </c>
      <c r="I15784" t="s">
        <v>15</v>
      </c>
      <c r="J15784" s="10">
        <v>76.934290338156416</v>
      </c>
    </row>
    <row r="15785" spans="1:10" x14ac:dyDescent="0.35">
      <c r="A15785" t="s">
        <v>35</v>
      </c>
      <c r="B15785" t="s">
        <v>36</v>
      </c>
      <c r="C15785" t="s">
        <v>114</v>
      </c>
      <c r="D15785" t="s">
        <v>115</v>
      </c>
      <c r="E15785" s="6" t="s">
        <v>132</v>
      </c>
      <c r="F15785" s="3">
        <v>2021</v>
      </c>
      <c r="G15785" t="s">
        <v>97</v>
      </c>
      <c r="H15785" t="s">
        <v>116</v>
      </c>
      <c r="I15785" t="s">
        <v>15</v>
      </c>
      <c r="J15785" s="10">
        <v>76.19913391924581</v>
      </c>
    </row>
    <row r="15786" spans="1:10" x14ac:dyDescent="0.35">
      <c r="A15786" t="s">
        <v>28</v>
      </c>
      <c r="B15786" t="s">
        <v>37</v>
      </c>
      <c r="C15786" t="s">
        <v>114</v>
      </c>
      <c r="D15786" t="s">
        <v>115</v>
      </c>
      <c r="E15786" s="6" t="s">
        <v>132</v>
      </c>
      <c r="F15786" s="3">
        <v>2021</v>
      </c>
      <c r="G15786" t="s">
        <v>97</v>
      </c>
      <c r="H15786" t="s">
        <v>116</v>
      </c>
      <c r="I15786" t="s">
        <v>15</v>
      </c>
      <c r="J15786" s="10">
        <v>77.583662586480159</v>
      </c>
    </row>
    <row r="15787" spans="1:10" x14ac:dyDescent="0.35">
      <c r="A15787" t="s">
        <v>20</v>
      </c>
      <c r="B15787" t="s">
        <v>38</v>
      </c>
      <c r="C15787" t="s">
        <v>114</v>
      </c>
      <c r="D15787" t="s">
        <v>115</v>
      </c>
      <c r="E15787" s="6" t="s">
        <v>132</v>
      </c>
      <c r="F15787" s="3">
        <v>2021</v>
      </c>
      <c r="G15787" t="s">
        <v>97</v>
      </c>
      <c r="H15787" t="s">
        <v>116</v>
      </c>
      <c r="I15787" t="s">
        <v>15</v>
      </c>
      <c r="J15787" s="10">
        <v>74.820815605237541</v>
      </c>
    </row>
    <row r="15788" spans="1:10" x14ac:dyDescent="0.35">
      <c r="A15788" t="s">
        <v>33</v>
      </c>
      <c r="B15788" t="s">
        <v>39</v>
      </c>
      <c r="C15788" t="s">
        <v>114</v>
      </c>
      <c r="D15788" t="s">
        <v>115</v>
      </c>
      <c r="E15788" s="6" t="s">
        <v>132</v>
      </c>
      <c r="F15788" s="3">
        <v>2021</v>
      </c>
      <c r="G15788" t="s">
        <v>97</v>
      </c>
      <c r="H15788" t="s">
        <v>116</v>
      </c>
      <c r="I15788" t="s">
        <v>15</v>
      </c>
      <c r="J15788" s="10">
        <v>76.65309248356445</v>
      </c>
    </row>
    <row r="15789" spans="1:10" x14ac:dyDescent="0.35">
      <c r="A15789" t="s">
        <v>20</v>
      </c>
      <c r="B15789" t="s">
        <v>40</v>
      </c>
      <c r="C15789" t="s">
        <v>114</v>
      </c>
      <c r="D15789" t="s">
        <v>115</v>
      </c>
      <c r="E15789" s="6" t="s">
        <v>132</v>
      </c>
      <c r="F15789" s="3">
        <v>2021</v>
      </c>
      <c r="G15789" t="s">
        <v>97</v>
      </c>
      <c r="H15789" t="s">
        <v>116</v>
      </c>
      <c r="I15789" t="s">
        <v>15</v>
      </c>
      <c r="J15789" s="10">
        <v>75.520705209041566</v>
      </c>
    </row>
    <row r="15790" spans="1:10" x14ac:dyDescent="0.35">
      <c r="A15790" t="s">
        <v>35</v>
      </c>
      <c r="B15790" t="s">
        <v>41</v>
      </c>
      <c r="C15790" t="s">
        <v>114</v>
      </c>
      <c r="D15790" t="s">
        <v>115</v>
      </c>
      <c r="E15790" s="6" t="s">
        <v>132</v>
      </c>
      <c r="F15790" s="3">
        <v>2021</v>
      </c>
      <c r="G15790" t="s">
        <v>97</v>
      </c>
      <c r="H15790" t="s">
        <v>116</v>
      </c>
      <c r="I15790" t="s">
        <v>15</v>
      </c>
      <c r="J15790" s="10">
        <v>75.26873203609631</v>
      </c>
    </row>
    <row r="15791" spans="1:10" x14ac:dyDescent="0.35">
      <c r="A15791" t="s">
        <v>35</v>
      </c>
      <c r="B15791" t="s">
        <v>42</v>
      </c>
      <c r="C15791" t="s">
        <v>114</v>
      </c>
      <c r="D15791" t="s">
        <v>115</v>
      </c>
      <c r="E15791" s="6" t="s">
        <v>132</v>
      </c>
      <c r="F15791" s="3">
        <v>2021</v>
      </c>
      <c r="G15791" t="s">
        <v>97</v>
      </c>
      <c r="H15791" t="s">
        <v>116</v>
      </c>
      <c r="I15791" t="s">
        <v>15</v>
      </c>
      <c r="J15791" s="10">
        <v>73.555135133289681</v>
      </c>
    </row>
    <row r="15792" spans="1:10" x14ac:dyDescent="0.35">
      <c r="A15792" t="s">
        <v>35</v>
      </c>
      <c r="B15792" t="s">
        <v>43</v>
      </c>
      <c r="C15792" t="s">
        <v>114</v>
      </c>
      <c r="D15792" t="s">
        <v>115</v>
      </c>
      <c r="E15792" s="6" t="s">
        <v>132</v>
      </c>
      <c r="F15792" s="3">
        <v>2021</v>
      </c>
      <c r="G15792" t="s">
        <v>97</v>
      </c>
      <c r="H15792" t="s">
        <v>116</v>
      </c>
      <c r="I15792" t="s">
        <v>15</v>
      </c>
      <c r="J15792" s="10">
        <v>76.053608111690821</v>
      </c>
    </row>
    <row r="15793" spans="1:10" x14ac:dyDescent="0.35">
      <c r="A15793" t="s">
        <v>28</v>
      </c>
      <c r="B15793" t="s">
        <v>44</v>
      </c>
      <c r="C15793" t="s">
        <v>114</v>
      </c>
      <c r="D15793" t="s">
        <v>115</v>
      </c>
      <c r="E15793" s="6" t="s">
        <v>132</v>
      </c>
      <c r="F15793" s="3">
        <v>2021</v>
      </c>
      <c r="G15793" t="s">
        <v>97</v>
      </c>
      <c r="H15793" t="s">
        <v>116</v>
      </c>
      <c r="I15793" t="s">
        <v>15</v>
      </c>
      <c r="J15793" s="10">
        <v>78.344145779034648</v>
      </c>
    </row>
    <row r="15794" spans="1:10" x14ac:dyDescent="0.35">
      <c r="A15794" t="s">
        <v>10</v>
      </c>
      <c r="B15794" t="s">
        <v>45</v>
      </c>
      <c r="C15794" t="s">
        <v>114</v>
      </c>
      <c r="D15794" t="s">
        <v>115</v>
      </c>
      <c r="E15794" s="6" t="s">
        <v>132</v>
      </c>
      <c r="F15794" s="3">
        <v>2021</v>
      </c>
      <c r="G15794" t="s">
        <v>97</v>
      </c>
      <c r="H15794" t="s">
        <v>116</v>
      </c>
      <c r="I15794" t="s">
        <v>15</v>
      </c>
      <c r="J15794" s="10">
        <v>73.677115666926795</v>
      </c>
    </row>
    <row r="15795" spans="1:10" x14ac:dyDescent="0.35">
      <c r="A15795" t="s">
        <v>10</v>
      </c>
      <c r="B15795" t="s">
        <v>46</v>
      </c>
      <c r="C15795" t="s">
        <v>114</v>
      </c>
      <c r="D15795" t="s">
        <v>115</v>
      </c>
      <c r="E15795" s="6" t="s">
        <v>132</v>
      </c>
      <c r="F15795" s="3">
        <v>2021</v>
      </c>
      <c r="G15795" t="s">
        <v>97</v>
      </c>
      <c r="H15795" t="s">
        <v>116</v>
      </c>
      <c r="I15795" t="s">
        <v>15</v>
      </c>
      <c r="J15795" s="10">
        <v>73.406991957004522</v>
      </c>
    </row>
    <row r="15796" spans="1:10" x14ac:dyDescent="0.35">
      <c r="A15796" t="s">
        <v>33</v>
      </c>
      <c r="B15796" t="s">
        <v>47</v>
      </c>
      <c r="C15796" t="s">
        <v>114</v>
      </c>
      <c r="D15796" t="s">
        <v>115</v>
      </c>
      <c r="E15796" s="6" t="s">
        <v>132</v>
      </c>
      <c r="F15796" s="3">
        <v>2021</v>
      </c>
      <c r="G15796" t="s">
        <v>97</v>
      </c>
      <c r="H15796" t="s">
        <v>116</v>
      </c>
      <c r="I15796" t="s">
        <v>15</v>
      </c>
      <c r="J15796" s="10">
        <v>78.175694624030243</v>
      </c>
    </row>
    <row r="15797" spans="1:10" x14ac:dyDescent="0.35">
      <c r="A15797" t="s">
        <v>20</v>
      </c>
      <c r="B15797" t="s">
        <v>48</v>
      </c>
      <c r="C15797" t="s">
        <v>114</v>
      </c>
      <c r="D15797" t="s">
        <v>115</v>
      </c>
      <c r="E15797" s="6" t="s">
        <v>132</v>
      </c>
      <c r="F15797" s="3">
        <v>2021</v>
      </c>
      <c r="G15797" t="s">
        <v>97</v>
      </c>
      <c r="H15797" t="s">
        <v>116</v>
      </c>
      <c r="I15797" t="s">
        <v>15</v>
      </c>
      <c r="J15797" s="10">
        <v>76.91787602668191</v>
      </c>
    </row>
    <row r="15798" spans="1:10" x14ac:dyDescent="0.35">
      <c r="A15798" t="s">
        <v>28</v>
      </c>
      <c r="B15798" t="s">
        <v>49</v>
      </c>
      <c r="C15798" t="s">
        <v>114</v>
      </c>
      <c r="D15798" t="s">
        <v>115</v>
      </c>
      <c r="E15798" s="6" t="s">
        <v>132</v>
      </c>
      <c r="F15798" s="3">
        <v>2021</v>
      </c>
      <c r="G15798" t="s">
        <v>97</v>
      </c>
      <c r="H15798" t="s">
        <v>116</v>
      </c>
      <c r="I15798" t="s">
        <v>15</v>
      </c>
      <c r="J15798" s="10">
        <v>79.484258499876105</v>
      </c>
    </row>
    <row r="15799" spans="1:10" x14ac:dyDescent="0.35">
      <c r="A15799" t="s">
        <v>35</v>
      </c>
      <c r="B15799" t="s">
        <v>50</v>
      </c>
      <c r="C15799" t="s">
        <v>114</v>
      </c>
      <c r="D15799" t="s">
        <v>115</v>
      </c>
      <c r="E15799" s="6" t="s">
        <v>132</v>
      </c>
      <c r="F15799" s="3">
        <v>2021</v>
      </c>
      <c r="G15799" t="s">
        <v>97</v>
      </c>
      <c r="H15799" t="s">
        <v>116</v>
      </c>
      <c r="I15799" t="s">
        <v>15</v>
      </c>
      <c r="J15799" s="10">
        <v>81.036748569703846</v>
      </c>
    </row>
    <row r="15800" spans="1:10" x14ac:dyDescent="0.35">
      <c r="A15800" t="s">
        <v>22</v>
      </c>
      <c r="B15800" t="s">
        <v>51</v>
      </c>
      <c r="C15800" t="s">
        <v>114</v>
      </c>
      <c r="D15800" t="s">
        <v>115</v>
      </c>
      <c r="E15800" s="6" t="s">
        <v>132</v>
      </c>
      <c r="F15800" s="3">
        <v>2021</v>
      </c>
      <c r="G15800" t="s">
        <v>97</v>
      </c>
      <c r="H15800" t="s">
        <v>116</v>
      </c>
      <c r="I15800" t="s">
        <v>15</v>
      </c>
      <c r="J15800" s="10">
        <v>79.773915774334384</v>
      </c>
    </row>
    <row r="15801" spans="1:10" x14ac:dyDescent="0.35">
      <c r="A15801" t="s">
        <v>22</v>
      </c>
      <c r="B15801" t="s">
        <v>52</v>
      </c>
      <c r="C15801" t="s">
        <v>114</v>
      </c>
      <c r="D15801" t="s">
        <v>115</v>
      </c>
      <c r="E15801" s="6" t="s">
        <v>132</v>
      </c>
      <c r="F15801" s="3">
        <v>2021</v>
      </c>
      <c r="G15801" t="s">
        <v>97</v>
      </c>
      <c r="H15801" t="s">
        <v>116</v>
      </c>
      <c r="I15801" t="s">
        <v>15</v>
      </c>
      <c r="J15801" s="10">
        <v>75.462453198196158</v>
      </c>
    </row>
    <row r="15802" spans="1:10" x14ac:dyDescent="0.35">
      <c r="A15802" t="s">
        <v>22</v>
      </c>
      <c r="B15802" t="s">
        <v>53</v>
      </c>
      <c r="C15802" t="s">
        <v>114</v>
      </c>
      <c r="D15802" t="s">
        <v>115</v>
      </c>
      <c r="E15802" s="6" t="s">
        <v>132</v>
      </c>
      <c r="F15802" s="3">
        <v>2021</v>
      </c>
      <c r="G15802" t="s">
        <v>97</v>
      </c>
      <c r="H15802" t="s">
        <v>116</v>
      </c>
      <c r="I15802" t="s">
        <v>15</v>
      </c>
      <c r="J15802" s="10">
        <v>75.913692712419916</v>
      </c>
    </row>
    <row r="15803" spans="1:10" x14ac:dyDescent="0.35">
      <c r="A15803" t="s">
        <v>22</v>
      </c>
      <c r="B15803" t="s">
        <v>54</v>
      </c>
      <c r="C15803" t="s">
        <v>114</v>
      </c>
      <c r="D15803" t="s">
        <v>115</v>
      </c>
      <c r="E15803" s="6" t="s">
        <v>132</v>
      </c>
      <c r="F15803" s="3">
        <v>2021</v>
      </c>
      <c r="G15803" t="s">
        <v>97</v>
      </c>
      <c r="H15803" t="s">
        <v>116</v>
      </c>
      <c r="I15803" t="s">
        <v>15</v>
      </c>
      <c r="J15803" s="10">
        <v>78.780385177948375</v>
      </c>
    </row>
    <row r="15804" spans="1:10" x14ac:dyDescent="0.35">
      <c r="A15804" t="s">
        <v>22</v>
      </c>
      <c r="B15804" t="s">
        <v>55</v>
      </c>
      <c r="C15804" t="s">
        <v>114</v>
      </c>
      <c r="D15804" t="s">
        <v>115</v>
      </c>
      <c r="E15804" s="6" t="s">
        <v>132</v>
      </c>
      <c r="F15804" s="3">
        <v>2021</v>
      </c>
      <c r="G15804" t="s">
        <v>97</v>
      </c>
      <c r="H15804" t="s">
        <v>116</v>
      </c>
      <c r="I15804" t="s">
        <v>15</v>
      </c>
      <c r="J15804" s="10">
        <v>79.356550729019844</v>
      </c>
    </row>
    <row r="15805" spans="1:10" x14ac:dyDescent="0.35">
      <c r="A15805" t="s">
        <v>22</v>
      </c>
      <c r="B15805" t="s">
        <v>56</v>
      </c>
      <c r="C15805" t="s">
        <v>114</v>
      </c>
      <c r="D15805" t="s">
        <v>115</v>
      </c>
      <c r="E15805" s="6" t="s">
        <v>132</v>
      </c>
      <c r="F15805" s="3">
        <v>2021</v>
      </c>
      <c r="G15805" t="s">
        <v>97</v>
      </c>
      <c r="H15805" t="s">
        <v>116</v>
      </c>
      <c r="I15805" t="s">
        <v>15</v>
      </c>
      <c r="J15805" s="10">
        <v>79.607717479467468</v>
      </c>
    </row>
    <row r="15806" spans="1:10" x14ac:dyDescent="0.35">
      <c r="A15806" t="s">
        <v>28</v>
      </c>
      <c r="B15806" t="s">
        <v>58</v>
      </c>
      <c r="C15806" t="s">
        <v>114</v>
      </c>
      <c r="D15806" t="s">
        <v>115</v>
      </c>
      <c r="E15806" s="6" t="s">
        <v>132</v>
      </c>
      <c r="F15806" s="3">
        <v>2021</v>
      </c>
      <c r="G15806" t="s">
        <v>97</v>
      </c>
      <c r="H15806" t="s">
        <v>116</v>
      </c>
      <c r="I15806" t="s">
        <v>15</v>
      </c>
      <c r="J15806" s="10">
        <v>78.96921861064375</v>
      </c>
    </row>
    <row r="15807" spans="1:10" x14ac:dyDescent="0.35">
      <c r="A15807" t="s">
        <v>20</v>
      </c>
      <c r="B15807" t="s">
        <v>59</v>
      </c>
      <c r="C15807" t="s">
        <v>114</v>
      </c>
      <c r="D15807" t="s">
        <v>115</v>
      </c>
      <c r="E15807" s="6" t="s">
        <v>132</v>
      </c>
      <c r="F15807" s="3">
        <v>2021</v>
      </c>
      <c r="G15807" t="s">
        <v>97</v>
      </c>
      <c r="H15807" t="s">
        <v>116</v>
      </c>
      <c r="I15807" t="s">
        <v>15</v>
      </c>
      <c r="J15807" s="10">
        <v>76.871708466713329</v>
      </c>
    </row>
    <row r="15808" spans="1:10" x14ac:dyDescent="0.35">
      <c r="A15808" t="s">
        <v>20</v>
      </c>
      <c r="B15808" t="s">
        <v>60</v>
      </c>
      <c r="C15808" t="s">
        <v>114</v>
      </c>
      <c r="D15808" t="s">
        <v>115</v>
      </c>
      <c r="E15808" s="6" t="s">
        <v>132</v>
      </c>
      <c r="F15808" s="3">
        <v>2021</v>
      </c>
      <c r="G15808" t="s">
        <v>97</v>
      </c>
      <c r="H15808" t="s">
        <v>116</v>
      </c>
      <c r="I15808" t="s">
        <v>15</v>
      </c>
      <c r="J15808" s="10">
        <v>75.623046937878044</v>
      </c>
    </row>
    <row r="15809" spans="1:10" x14ac:dyDescent="0.35">
      <c r="A15809" t="s">
        <v>28</v>
      </c>
      <c r="B15809" t="s">
        <v>61</v>
      </c>
      <c r="C15809" t="s">
        <v>114</v>
      </c>
      <c r="D15809" t="s">
        <v>115</v>
      </c>
      <c r="E15809" s="6" t="s">
        <v>132</v>
      </c>
      <c r="F15809" s="3">
        <v>2021</v>
      </c>
      <c r="G15809" t="s">
        <v>97</v>
      </c>
      <c r="H15809" t="s">
        <v>116</v>
      </c>
      <c r="I15809" t="s">
        <v>15</v>
      </c>
      <c r="J15809" s="10">
        <v>76.498481082447753</v>
      </c>
    </row>
    <row r="15810" spans="1:10" x14ac:dyDescent="0.35">
      <c r="A15810" t="s">
        <v>62</v>
      </c>
      <c r="B15810" t="s">
        <v>63</v>
      </c>
      <c r="C15810" t="s">
        <v>114</v>
      </c>
      <c r="D15810" t="s">
        <v>115</v>
      </c>
      <c r="E15810" s="6" t="s">
        <v>132</v>
      </c>
      <c r="F15810" s="3">
        <v>2021</v>
      </c>
      <c r="G15810" t="s">
        <v>97</v>
      </c>
      <c r="H15810" t="s">
        <v>116</v>
      </c>
      <c r="I15810" t="s">
        <v>15</v>
      </c>
      <c r="J15810" s="10">
        <v>73.115027519283402</v>
      </c>
    </row>
    <row r="15811" spans="1:10" x14ac:dyDescent="0.35">
      <c r="A15811" t="s">
        <v>62</v>
      </c>
      <c r="B15811" t="s">
        <v>64</v>
      </c>
      <c r="C15811" t="s">
        <v>114</v>
      </c>
      <c r="D15811" t="s">
        <v>115</v>
      </c>
      <c r="E15811" s="6" t="s">
        <v>132</v>
      </c>
      <c r="F15811" s="3">
        <v>2021</v>
      </c>
      <c r="G15811" t="s">
        <v>97</v>
      </c>
      <c r="H15811" t="s">
        <v>116</v>
      </c>
      <c r="I15811" t="s">
        <v>15</v>
      </c>
      <c r="J15811" s="10">
        <v>74.929767795861267</v>
      </c>
    </row>
    <row r="15812" spans="1:10" x14ac:dyDescent="0.35">
      <c r="A15812" t="s">
        <v>62</v>
      </c>
      <c r="B15812" t="s">
        <v>65</v>
      </c>
      <c r="C15812" t="s">
        <v>114</v>
      </c>
      <c r="D15812" t="s">
        <v>115</v>
      </c>
      <c r="E15812" s="6" t="s">
        <v>132</v>
      </c>
      <c r="F15812" s="3">
        <v>2021</v>
      </c>
      <c r="G15812" t="s">
        <v>97</v>
      </c>
      <c r="H15812" t="s">
        <v>116</v>
      </c>
      <c r="I15812" t="s">
        <v>15</v>
      </c>
      <c r="J15812" s="10">
        <v>74.383392431974571</v>
      </c>
    </row>
    <row r="15813" spans="1:10" x14ac:dyDescent="0.35">
      <c r="A15813" t="s">
        <v>62</v>
      </c>
      <c r="B15813" t="s">
        <v>66</v>
      </c>
      <c r="C15813" t="s">
        <v>114</v>
      </c>
      <c r="D15813" t="s">
        <v>115</v>
      </c>
      <c r="E15813" s="6" t="s">
        <v>132</v>
      </c>
      <c r="F15813" s="3">
        <v>2021</v>
      </c>
      <c r="G15813" t="s">
        <v>97</v>
      </c>
      <c r="H15813" t="s">
        <v>116</v>
      </c>
      <c r="I15813" t="s">
        <v>15</v>
      </c>
      <c r="J15813" s="10">
        <v>71.107353688949374</v>
      </c>
    </row>
    <row r="15814" spans="1:10" x14ac:dyDescent="0.35">
      <c r="A15814" t="s">
        <v>62</v>
      </c>
      <c r="B15814" t="s">
        <v>67</v>
      </c>
      <c r="C15814" t="s">
        <v>114</v>
      </c>
      <c r="D15814" t="s">
        <v>115</v>
      </c>
      <c r="E15814" s="6" t="s">
        <v>132</v>
      </c>
      <c r="F15814" s="3">
        <v>2021</v>
      </c>
      <c r="G15814" t="s">
        <v>97</v>
      </c>
      <c r="H15814" t="s">
        <v>116</v>
      </c>
      <c r="I15814" t="s">
        <v>15</v>
      </c>
      <c r="J15814" s="10">
        <v>71.99574505405846</v>
      </c>
    </row>
    <row r="15815" spans="1:10" x14ac:dyDescent="0.35">
      <c r="A15815" t="s">
        <v>62</v>
      </c>
      <c r="B15815" t="s">
        <v>68</v>
      </c>
      <c r="C15815" t="s">
        <v>114</v>
      </c>
      <c r="D15815" t="s">
        <v>115</v>
      </c>
      <c r="E15815" s="6" t="s">
        <v>132</v>
      </c>
      <c r="F15815" s="3">
        <v>2021</v>
      </c>
      <c r="G15815" t="s">
        <v>97</v>
      </c>
      <c r="H15815" t="s">
        <v>116</v>
      </c>
      <c r="I15815" t="s">
        <v>15</v>
      </c>
      <c r="J15815" s="10">
        <v>71.957843519119962</v>
      </c>
    </row>
    <row r="15816" spans="1:10" x14ac:dyDescent="0.35">
      <c r="A15816" t="s">
        <v>62</v>
      </c>
      <c r="B15816" t="s">
        <v>69</v>
      </c>
      <c r="C15816" t="s">
        <v>114</v>
      </c>
      <c r="D15816" t="s">
        <v>115</v>
      </c>
      <c r="E15816" s="6" t="s">
        <v>132</v>
      </c>
      <c r="F15816" s="3">
        <v>2021</v>
      </c>
      <c r="G15816" t="s">
        <v>97</v>
      </c>
      <c r="H15816" t="s">
        <v>116</v>
      </c>
      <c r="I15816" t="s">
        <v>15</v>
      </c>
      <c r="J15816" s="10">
        <v>72.304563398081356</v>
      </c>
    </row>
    <row r="15817" spans="1:10" x14ac:dyDescent="0.35">
      <c r="A15817" t="s">
        <v>62</v>
      </c>
      <c r="B15817" t="s">
        <v>70</v>
      </c>
      <c r="C15817" t="s">
        <v>114</v>
      </c>
      <c r="D15817" t="s">
        <v>115</v>
      </c>
      <c r="E15817" s="6" t="s">
        <v>132</v>
      </c>
      <c r="F15817" s="3">
        <v>2021</v>
      </c>
      <c r="G15817" t="s">
        <v>97</v>
      </c>
      <c r="H15817" t="s">
        <v>116</v>
      </c>
      <c r="I15817" t="s">
        <v>15</v>
      </c>
      <c r="J15817" s="10">
        <v>73.623817680164066</v>
      </c>
    </row>
    <row r="15818" spans="1:10" x14ac:dyDescent="0.35">
      <c r="A15818" t="s">
        <v>35</v>
      </c>
      <c r="B15818" t="s">
        <v>71</v>
      </c>
      <c r="C15818" t="s">
        <v>114</v>
      </c>
      <c r="D15818" t="s">
        <v>115</v>
      </c>
      <c r="E15818" s="6" t="s">
        <v>132</v>
      </c>
      <c r="F15818" s="3">
        <v>2021</v>
      </c>
      <c r="G15818" t="s">
        <v>97</v>
      </c>
      <c r="H15818" t="s">
        <v>116</v>
      </c>
      <c r="I15818" t="s">
        <v>15</v>
      </c>
      <c r="J15818" s="10">
        <v>73.674869944796967</v>
      </c>
    </row>
    <row r="15819" spans="1:10" x14ac:dyDescent="0.35">
      <c r="A15819" t="s">
        <v>20</v>
      </c>
      <c r="B15819" t="s">
        <v>72</v>
      </c>
      <c r="C15819" t="s">
        <v>114</v>
      </c>
      <c r="D15819" t="s">
        <v>115</v>
      </c>
      <c r="E15819" s="6" t="s">
        <v>132</v>
      </c>
      <c r="F15819" s="3">
        <v>2021</v>
      </c>
      <c r="G15819" t="s">
        <v>97</v>
      </c>
      <c r="H15819" t="s">
        <v>116</v>
      </c>
      <c r="I15819" t="s">
        <v>15</v>
      </c>
      <c r="J15819" s="10">
        <v>75.131516965409688</v>
      </c>
    </row>
    <row r="15820" spans="1:10" x14ac:dyDescent="0.35">
      <c r="A15820" t="s">
        <v>26</v>
      </c>
      <c r="B15820" t="s">
        <v>73</v>
      </c>
      <c r="C15820" t="s">
        <v>114</v>
      </c>
      <c r="D15820" t="s">
        <v>115</v>
      </c>
      <c r="E15820" s="6" t="s">
        <v>132</v>
      </c>
      <c r="F15820" s="3">
        <v>2021</v>
      </c>
      <c r="G15820" t="s">
        <v>97</v>
      </c>
      <c r="H15820" t="s">
        <v>116</v>
      </c>
      <c r="I15820" t="s">
        <v>15</v>
      </c>
      <c r="J15820" s="10">
        <v>76.774669050718373</v>
      </c>
    </row>
    <row r="15821" spans="1:10" x14ac:dyDescent="0.35">
      <c r="A15821" t="s">
        <v>28</v>
      </c>
      <c r="B15821" t="s">
        <v>74</v>
      </c>
      <c r="C15821" t="s">
        <v>114</v>
      </c>
      <c r="D15821" t="s">
        <v>115</v>
      </c>
      <c r="E15821" s="6" t="s">
        <v>132</v>
      </c>
      <c r="F15821" s="3">
        <v>2021</v>
      </c>
      <c r="G15821" t="s">
        <v>97</v>
      </c>
      <c r="H15821" t="s">
        <v>116</v>
      </c>
      <c r="I15821" t="s">
        <v>15</v>
      </c>
      <c r="J15821" s="10">
        <v>75.121690984560885</v>
      </c>
    </row>
    <row r="15822" spans="1:10" x14ac:dyDescent="0.35">
      <c r="A15822" t="s">
        <v>33</v>
      </c>
      <c r="B15822" t="s">
        <v>75</v>
      </c>
      <c r="C15822" t="s">
        <v>114</v>
      </c>
      <c r="D15822" t="s">
        <v>115</v>
      </c>
      <c r="E15822" s="6" t="s">
        <v>132</v>
      </c>
      <c r="F15822" s="3">
        <v>2021</v>
      </c>
      <c r="G15822" t="s">
        <v>97</v>
      </c>
      <c r="H15822" t="s">
        <v>116</v>
      </c>
      <c r="I15822" t="s">
        <v>15</v>
      </c>
      <c r="J15822" s="10">
        <v>74.077928348352998</v>
      </c>
    </row>
    <row r="15823" spans="1:10" x14ac:dyDescent="0.35">
      <c r="A15823" t="s">
        <v>22</v>
      </c>
      <c r="B15823" t="s">
        <v>76</v>
      </c>
      <c r="C15823" t="s">
        <v>114</v>
      </c>
      <c r="D15823" t="s">
        <v>115</v>
      </c>
      <c r="E15823" s="6" t="s">
        <v>132</v>
      </c>
      <c r="F15823" s="3">
        <v>2021</v>
      </c>
      <c r="G15823" t="s">
        <v>97</v>
      </c>
      <c r="H15823" t="s">
        <v>116</v>
      </c>
      <c r="I15823" t="s">
        <v>15</v>
      </c>
      <c r="J15823" s="10">
        <v>77.238956287217434</v>
      </c>
    </row>
    <row r="15824" spans="1:10" x14ac:dyDescent="0.35">
      <c r="A15824" t="s">
        <v>33</v>
      </c>
      <c r="B15824" t="s">
        <v>77</v>
      </c>
      <c r="C15824" t="s">
        <v>114</v>
      </c>
      <c r="D15824" t="s">
        <v>115</v>
      </c>
      <c r="E15824" s="6" t="s">
        <v>132</v>
      </c>
      <c r="F15824" s="3">
        <v>2021</v>
      </c>
      <c r="G15824" t="s">
        <v>97</v>
      </c>
      <c r="H15824" t="s">
        <v>116</v>
      </c>
      <c r="I15824" t="s">
        <v>15</v>
      </c>
      <c r="J15824" s="10">
        <v>76.027351606883485</v>
      </c>
    </row>
    <row r="15825" spans="1:10" x14ac:dyDescent="0.35">
      <c r="A15825" t="s">
        <v>22</v>
      </c>
      <c r="B15825" t="s">
        <v>78</v>
      </c>
      <c r="C15825" t="s">
        <v>114</v>
      </c>
      <c r="D15825" t="s">
        <v>115</v>
      </c>
      <c r="E15825" s="6" t="s">
        <v>132</v>
      </c>
      <c r="F15825" s="3">
        <v>2021</v>
      </c>
      <c r="G15825" t="s">
        <v>97</v>
      </c>
      <c r="H15825" t="s">
        <v>116</v>
      </c>
      <c r="I15825" t="s">
        <v>15</v>
      </c>
      <c r="J15825" s="10">
        <v>77.437563357712847</v>
      </c>
    </row>
    <row r="15826" spans="1:10" x14ac:dyDescent="0.35">
      <c r="A15826" t="s">
        <v>28</v>
      </c>
      <c r="B15826" t="s">
        <v>79</v>
      </c>
      <c r="C15826" t="s">
        <v>114</v>
      </c>
      <c r="D15826" t="s">
        <v>115</v>
      </c>
      <c r="E15826" s="6" t="s">
        <v>132</v>
      </c>
      <c r="F15826" s="3">
        <v>2021</v>
      </c>
      <c r="G15826" t="s">
        <v>97</v>
      </c>
      <c r="H15826" t="s">
        <v>116</v>
      </c>
      <c r="I15826" t="s">
        <v>15</v>
      </c>
      <c r="J15826" s="10">
        <v>78.866754138177228</v>
      </c>
    </row>
    <row r="15827" spans="1:10" x14ac:dyDescent="0.35">
      <c r="A15827" t="s">
        <v>26</v>
      </c>
      <c r="B15827" t="s">
        <v>80</v>
      </c>
      <c r="C15827" t="s">
        <v>114</v>
      </c>
      <c r="D15827" t="s">
        <v>115</v>
      </c>
      <c r="E15827" s="6" t="s">
        <v>132</v>
      </c>
      <c r="F15827" s="3">
        <v>2021</v>
      </c>
      <c r="G15827" t="s">
        <v>97</v>
      </c>
      <c r="H15827" t="s">
        <v>116</v>
      </c>
      <c r="I15827" t="s">
        <v>15</v>
      </c>
      <c r="J15827" s="10">
        <v>78.240251784129669</v>
      </c>
    </row>
    <row r="15828" spans="1:10" x14ac:dyDescent="0.35">
      <c r="A15828" t="s">
        <v>20</v>
      </c>
      <c r="B15828" t="s">
        <v>81</v>
      </c>
      <c r="C15828" t="s">
        <v>114</v>
      </c>
      <c r="D15828" t="s">
        <v>115</v>
      </c>
      <c r="E15828" s="6" t="s">
        <v>132</v>
      </c>
      <c r="F15828" s="3">
        <v>2021</v>
      </c>
      <c r="G15828" t="s">
        <v>97</v>
      </c>
      <c r="H15828" t="s">
        <v>116</v>
      </c>
      <c r="I15828" t="s">
        <v>15</v>
      </c>
      <c r="J15828" s="10">
        <v>73.102868361835576</v>
      </c>
    </row>
    <row r="15829" spans="1:10" x14ac:dyDescent="0.35">
      <c r="A15829" t="s">
        <v>26</v>
      </c>
      <c r="B15829" t="s">
        <v>57</v>
      </c>
      <c r="C15829" t="s">
        <v>114</v>
      </c>
      <c r="D15829" t="s">
        <v>115</v>
      </c>
      <c r="E15829" s="6" t="s">
        <v>132</v>
      </c>
      <c r="F15829" s="3">
        <v>2021</v>
      </c>
      <c r="G15829" t="s">
        <v>97</v>
      </c>
      <c r="H15829" t="s">
        <v>116</v>
      </c>
      <c r="I15829" t="s">
        <v>15</v>
      </c>
      <c r="J15829" s="10">
        <v>78.01301115991582</v>
      </c>
    </row>
    <row r="15830" spans="1:10" x14ac:dyDescent="0.35">
      <c r="A15830" t="s">
        <v>33</v>
      </c>
      <c r="B15830" t="s">
        <v>82</v>
      </c>
      <c r="C15830" t="s">
        <v>114</v>
      </c>
      <c r="D15830" t="s">
        <v>115</v>
      </c>
      <c r="E15830" s="6" t="s">
        <v>132</v>
      </c>
      <c r="F15830" s="3">
        <v>2021</v>
      </c>
      <c r="G15830" t="s">
        <v>97</v>
      </c>
      <c r="H15830" t="s">
        <v>116</v>
      </c>
      <c r="I15830" t="s">
        <v>15</v>
      </c>
      <c r="J15830" s="10">
        <v>79.749267147151812</v>
      </c>
    </row>
    <row r="15831" spans="1:10" x14ac:dyDescent="0.35">
      <c r="A15831" t="s">
        <v>26</v>
      </c>
      <c r="B15831" t="s">
        <v>83</v>
      </c>
      <c r="C15831" t="s">
        <v>114</v>
      </c>
      <c r="D15831" t="s">
        <v>115</v>
      </c>
      <c r="E15831" s="6" t="s">
        <v>132</v>
      </c>
      <c r="F15831" s="3">
        <v>2021</v>
      </c>
      <c r="G15831" t="s">
        <v>97</v>
      </c>
      <c r="H15831" t="s">
        <v>116</v>
      </c>
      <c r="I15831" t="s">
        <v>15</v>
      </c>
      <c r="J15831" s="10">
        <v>80.436959751832759</v>
      </c>
    </row>
    <row r="15832" spans="1:10" x14ac:dyDescent="0.35">
      <c r="A15832" t="s">
        <v>35</v>
      </c>
      <c r="B15832" t="s">
        <v>84</v>
      </c>
      <c r="C15832" t="s">
        <v>114</v>
      </c>
      <c r="D15832" t="s">
        <v>115</v>
      </c>
      <c r="E15832" s="6" t="s">
        <v>132</v>
      </c>
      <c r="F15832" s="3">
        <v>2021</v>
      </c>
      <c r="G15832" t="s">
        <v>97</v>
      </c>
      <c r="H15832" t="s">
        <v>116</v>
      </c>
      <c r="I15832" t="s">
        <v>15</v>
      </c>
      <c r="J15832" s="10">
        <v>73.772454198834922</v>
      </c>
    </row>
    <row r="15833" spans="1:10" x14ac:dyDescent="0.35">
      <c r="A15833" t="s">
        <v>33</v>
      </c>
      <c r="B15833" t="s">
        <v>85</v>
      </c>
      <c r="C15833" t="s">
        <v>114</v>
      </c>
      <c r="D15833" t="s">
        <v>115</v>
      </c>
      <c r="E15833" s="6" t="s">
        <v>132</v>
      </c>
      <c r="F15833" s="3">
        <v>2021</v>
      </c>
      <c r="G15833" t="s">
        <v>97</v>
      </c>
      <c r="H15833" t="s">
        <v>116</v>
      </c>
      <c r="I15833" t="s">
        <v>15</v>
      </c>
      <c r="J15833" s="10">
        <v>78.785856173666502</v>
      </c>
    </row>
    <row r="15834" spans="1:10" x14ac:dyDescent="0.35">
      <c r="A15834" t="s">
        <v>33</v>
      </c>
      <c r="B15834" t="s">
        <v>86</v>
      </c>
      <c r="C15834" t="s">
        <v>114</v>
      </c>
      <c r="D15834" t="s">
        <v>115</v>
      </c>
      <c r="E15834" s="6" t="s">
        <v>132</v>
      </c>
      <c r="F15834" s="3">
        <v>2021</v>
      </c>
      <c r="G15834" t="s">
        <v>97</v>
      </c>
      <c r="H15834" t="s">
        <v>116</v>
      </c>
      <c r="I15834" t="s">
        <v>15</v>
      </c>
      <c r="J15834" s="10">
        <v>79.116192362239431</v>
      </c>
    </row>
    <row r="15835" spans="1:10" x14ac:dyDescent="0.35">
      <c r="A15835" t="s">
        <v>35</v>
      </c>
      <c r="B15835" t="s">
        <v>87</v>
      </c>
      <c r="C15835" t="s">
        <v>114</v>
      </c>
      <c r="D15835" t="s">
        <v>115</v>
      </c>
      <c r="E15835" s="6" t="s">
        <v>132</v>
      </c>
      <c r="F15835" s="3">
        <v>2021</v>
      </c>
      <c r="G15835" t="s">
        <v>97</v>
      </c>
      <c r="H15835" t="s">
        <v>116</v>
      </c>
      <c r="I15835" t="s">
        <v>15</v>
      </c>
      <c r="J15835" s="10">
        <v>77.626953349316054</v>
      </c>
    </row>
    <row r="15836" spans="1:10" x14ac:dyDescent="0.35">
      <c r="A15836" t="s">
        <v>35</v>
      </c>
      <c r="B15836" t="s">
        <v>88</v>
      </c>
      <c r="C15836" t="s">
        <v>114</v>
      </c>
      <c r="D15836" t="s">
        <v>115</v>
      </c>
      <c r="E15836" s="6" t="s">
        <v>132</v>
      </c>
      <c r="F15836" s="3">
        <v>2021</v>
      </c>
      <c r="G15836" t="s">
        <v>97</v>
      </c>
      <c r="H15836" t="s">
        <v>116</v>
      </c>
      <c r="I15836" t="s">
        <v>15</v>
      </c>
      <c r="J15836" s="10">
        <v>75.836900432392</v>
      </c>
    </row>
    <row r="15837" spans="1:10" x14ac:dyDescent="0.35">
      <c r="A15837" t="s">
        <v>62</v>
      </c>
      <c r="B15837" t="s">
        <v>89</v>
      </c>
      <c r="C15837" t="s">
        <v>114</v>
      </c>
      <c r="D15837" t="s">
        <v>115</v>
      </c>
      <c r="E15837" s="6" t="s">
        <v>132</v>
      </c>
      <c r="F15837" s="3">
        <v>2021</v>
      </c>
      <c r="G15837" t="s">
        <v>97</v>
      </c>
      <c r="H15837" t="s">
        <v>116</v>
      </c>
      <c r="I15837" t="s">
        <v>15</v>
      </c>
      <c r="J15837" s="10">
        <v>74.038927265827056</v>
      </c>
    </row>
    <row r="15838" spans="1:10" x14ac:dyDescent="0.35">
      <c r="A15838" t="s">
        <v>26</v>
      </c>
      <c r="B15838" t="s">
        <v>90</v>
      </c>
      <c r="C15838" t="s">
        <v>114</v>
      </c>
      <c r="D15838" t="s">
        <v>115</v>
      </c>
      <c r="E15838" s="6" t="s">
        <v>132</v>
      </c>
      <c r="F15838" s="3">
        <v>2021</v>
      </c>
      <c r="G15838" t="s">
        <v>97</v>
      </c>
      <c r="H15838" t="s">
        <v>116</v>
      </c>
      <c r="I15838" t="s">
        <v>15</v>
      </c>
      <c r="J15838" s="10">
        <v>79.707367537944663</v>
      </c>
    </row>
    <row r="15839" spans="1:10" x14ac:dyDescent="0.35">
      <c r="A15839" t="s">
        <v>26</v>
      </c>
      <c r="B15839" t="s">
        <v>91</v>
      </c>
      <c r="C15839" t="s">
        <v>114</v>
      </c>
      <c r="D15839" t="s">
        <v>115</v>
      </c>
      <c r="E15839" s="6" t="s">
        <v>132</v>
      </c>
      <c r="F15839" s="3">
        <v>2021</v>
      </c>
      <c r="G15839" t="s">
        <v>97</v>
      </c>
      <c r="H15839" t="s">
        <v>116</v>
      </c>
      <c r="I15839" t="s">
        <v>15</v>
      </c>
      <c r="J15839" s="10">
        <v>79.272470015667011</v>
      </c>
    </row>
    <row r="15840" spans="1:10" x14ac:dyDescent="0.35">
      <c r="A15840" t="s">
        <v>33</v>
      </c>
      <c r="B15840" t="s">
        <v>92</v>
      </c>
      <c r="C15840" t="s">
        <v>114</v>
      </c>
      <c r="D15840" t="s">
        <v>115</v>
      </c>
      <c r="E15840" s="6" t="s">
        <v>132</v>
      </c>
      <c r="F15840" s="3">
        <v>2021</v>
      </c>
      <c r="G15840" t="s">
        <v>97</v>
      </c>
      <c r="H15840" t="s">
        <v>116</v>
      </c>
      <c r="I15840" t="s">
        <v>15</v>
      </c>
      <c r="J15840" s="10">
        <v>76.364218322861674</v>
      </c>
    </row>
    <row r="15841" spans="1:10" x14ac:dyDescent="0.35">
      <c r="A15841" t="s">
        <v>35</v>
      </c>
      <c r="B15841" t="s">
        <v>93</v>
      </c>
      <c r="C15841" t="s">
        <v>114</v>
      </c>
      <c r="D15841" t="s">
        <v>115</v>
      </c>
      <c r="E15841" s="6" t="s">
        <v>132</v>
      </c>
      <c r="F15841" s="3">
        <v>2021</v>
      </c>
      <c r="G15841" t="s">
        <v>97</v>
      </c>
      <c r="H15841" t="s">
        <v>116</v>
      </c>
      <c r="I15841" t="s">
        <v>15</v>
      </c>
      <c r="J15841" s="10">
        <v>79.44841074812453</v>
      </c>
    </row>
    <row r="15842" spans="1:10" x14ac:dyDescent="0.35">
      <c r="A15842" t="s">
        <v>20</v>
      </c>
      <c r="B15842" t="s">
        <v>94</v>
      </c>
      <c r="C15842" t="s">
        <v>114</v>
      </c>
      <c r="D15842" t="s">
        <v>115</v>
      </c>
      <c r="E15842" s="6" t="s">
        <v>132</v>
      </c>
      <c r="F15842" s="3">
        <v>2021</v>
      </c>
      <c r="G15842" t="s">
        <v>97</v>
      </c>
      <c r="H15842" t="s">
        <v>116</v>
      </c>
      <c r="I15842" t="s">
        <v>15</v>
      </c>
      <c r="J15842" s="10">
        <v>74.692356709398382</v>
      </c>
    </row>
    <row r="15843" spans="1:10" x14ac:dyDescent="0.35">
      <c r="A15843" t="s">
        <v>10</v>
      </c>
      <c r="B15843" t="s">
        <v>11</v>
      </c>
      <c r="C15843" t="s">
        <v>114</v>
      </c>
      <c r="D15843" t="s">
        <v>115</v>
      </c>
      <c r="E15843" s="6" t="s">
        <v>132</v>
      </c>
      <c r="F15843" s="3">
        <v>2021</v>
      </c>
      <c r="G15843" t="s">
        <v>98</v>
      </c>
      <c r="H15843" t="s">
        <v>116</v>
      </c>
      <c r="I15843" t="s">
        <v>15</v>
      </c>
      <c r="J15843" s="10">
        <v>80.467001749519326</v>
      </c>
    </row>
    <row r="15844" spans="1:10" x14ac:dyDescent="0.35">
      <c r="A15844" t="s">
        <v>10</v>
      </c>
      <c r="B15844" t="s">
        <v>16</v>
      </c>
      <c r="C15844" t="s">
        <v>114</v>
      </c>
      <c r="D15844" t="s">
        <v>115</v>
      </c>
      <c r="E15844" s="6" t="s">
        <v>132</v>
      </c>
      <c r="F15844" s="3">
        <v>2021</v>
      </c>
      <c r="G15844" t="s">
        <v>98</v>
      </c>
      <c r="H15844" t="s">
        <v>116</v>
      </c>
      <c r="I15844" t="s">
        <v>15</v>
      </c>
      <c r="J15844" s="10">
        <v>80.029248547704327</v>
      </c>
    </row>
    <row r="15845" spans="1:10" x14ac:dyDescent="0.35">
      <c r="A15845" t="s">
        <v>10</v>
      </c>
      <c r="B15845" t="s">
        <v>17</v>
      </c>
      <c r="C15845" t="s">
        <v>114</v>
      </c>
      <c r="D15845" t="s">
        <v>115</v>
      </c>
      <c r="E15845" s="6" t="s">
        <v>132</v>
      </c>
      <c r="F15845" s="3">
        <v>2021</v>
      </c>
      <c r="G15845" t="s">
        <v>98</v>
      </c>
      <c r="H15845" t="s">
        <v>116</v>
      </c>
      <c r="I15845" t="s">
        <v>15</v>
      </c>
      <c r="J15845" s="10">
        <v>82.591219032553752</v>
      </c>
    </row>
    <row r="15846" spans="1:10" x14ac:dyDescent="0.35">
      <c r="A15846" t="s">
        <v>10</v>
      </c>
      <c r="B15846" t="s">
        <v>18</v>
      </c>
      <c r="C15846" t="s">
        <v>114</v>
      </c>
      <c r="D15846" t="s">
        <v>115</v>
      </c>
      <c r="E15846" s="6" t="s">
        <v>132</v>
      </c>
      <c r="F15846" s="3">
        <v>2021</v>
      </c>
      <c r="G15846" t="s">
        <v>98</v>
      </c>
      <c r="H15846" t="s">
        <v>116</v>
      </c>
      <c r="I15846" t="s">
        <v>15</v>
      </c>
      <c r="J15846" s="10">
        <v>82.66949264216251</v>
      </c>
    </row>
    <row r="15847" spans="1:10" x14ac:dyDescent="0.35">
      <c r="A15847" t="s">
        <v>10</v>
      </c>
      <c r="B15847" t="s">
        <v>19</v>
      </c>
      <c r="C15847" t="s">
        <v>114</v>
      </c>
      <c r="D15847" t="s">
        <v>115</v>
      </c>
      <c r="E15847" s="6" t="s">
        <v>132</v>
      </c>
      <c r="F15847" s="3">
        <v>2021</v>
      </c>
      <c r="G15847" t="s">
        <v>98</v>
      </c>
      <c r="H15847" t="s">
        <v>116</v>
      </c>
      <c r="I15847" t="s">
        <v>15</v>
      </c>
      <c r="J15847" s="10">
        <v>83.613966789115238</v>
      </c>
    </row>
    <row r="15848" spans="1:10" x14ac:dyDescent="0.35">
      <c r="A15848" t="s">
        <v>20</v>
      </c>
      <c r="B15848" t="s">
        <v>21</v>
      </c>
      <c r="C15848" t="s">
        <v>114</v>
      </c>
      <c r="D15848" t="s">
        <v>115</v>
      </c>
      <c r="E15848" s="6" t="s">
        <v>132</v>
      </c>
      <c r="F15848" s="3">
        <v>2021</v>
      </c>
      <c r="G15848" t="s">
        <v>98</v>
      </c>
      <c r="H15848" t="s">
        <v>116</v>
      </c>
      <c r="I15848" t="s">
        <v>15</v>
      </c>
      <c r="J15848" s="10">
        <v>77.926114184502509</v>
      </c>
    </row>
    <row r="15849" spans="1:10" x14ac:dyDescent="0.35">
      <c r="A15849" t="s">
        <v>22</v>
      </c>
      <c r="B15849" t="s">
        <v>23</v>
      </c>
      <c r="C15849" t="s">
        <v>114</v>
      </c>
      <c r="D15849" t="s">
        <v>115</v>
      </c>
      <c r="E15849" s="6" t="s">
        <v>132</v>
      </c>
      <c r="F15849" s="3">
        <v>2021</v>
      </c>
      <c r="G15849" t="s">
        <v>98</v>
      </c>
      <c r="H15849" t="s">
        <v>116</v>
      </c>
      <c r="I15849" t="s">
        <v>15</v>
      </c>
      <c r="J15849" s="10">
        <v>81.006159911431041</v>
      </c>
    </row>
    <row r="15850" spans="1:10" x14ac:dyDescent="0.35">
      <c r="A15850" t="s">
        <v>10</v>
      </c>
      <c r="B15850" t="s">
        <v>24</v>
      </c>
      <c r="C15850" t="s">
        <v>114</v>
      </c>
      <c r="D15850" t="s">
        <v>115</v>
      </c>
      <c r="E15850" s="6" t="s">
        <v>132</v>
      </c>
      <c r="F15850" s="3">
        <v>2021</v>
      </c>
      <c r="G15850" t="s">
        <v>98</v>
      </c>
      <c r="H15850" t="s">
        <v>116</v>
      </c>
      <c r="I15850" t="s">
        <v>15</v>
      </c>
      <c r="J15850" s="10">
        <v>81.689737303800925</v>
      </c>
    </row>
    <row r="15851" spans="1:10" x14ac:dyDescent="0.35">
      <c r="A15851" t="s">
        <v>10</v>
      </c>
      <c r="B15851" t="s">
        <v>25</v>
      </c>
      <c r="C15851" t="s">
        <v>114</v>
      </c>
      <c r="D15851" t="s">
        <v>115</v>
      </c>
      <c r="E15851" s="6" t="s">
        <v>132</v>
      </c>
      <c r="F15851" s="3">
        <v>2021</v>
      </c>
      <c r="G15851" t="s">
        <v>98</v>
      </c>
      <c r="H15851" t="s">
        <v>116</v>
      </c>
      <c r="I15851" t="s">
        <v>15</v>
      </c>
      <c r="J15851" s="10">
        <v>81.624344231216753</v>
      </c>
    </row>
    <row r="15852" spans="1:10" x14ac:dyDescent="0.35">
      <c r="A15852" t="s">
        <v>26</v>
      </c>
      <c r="B15852" t="s">
        <v>27</v>
      </c>
      <c r="C15852" t="s">
        <v>114</v>
      </c>
      <c r="D15852" t="s">
        <v>115</v>
      </c>
      <c r="E15852" s="6" t="s">
        <v>132</v>
      </c>
      <c r="F15852" s="3">
        <v>2021</v>
      </c>
      <c r="G15852" t="s">
        <v>98</v>
      </c>
      <c r="H15852" t="s">
        <v>116</v>
      </c>
      <c r="I15852" t="s">
        <v>15</v>
      </c>
      <c r="J15852" s="10">
        <v>81.745470257774258</v>
      </c>
    </row>
    <row r="15853" spans="1:10" x14ac:dyDescent="0.35">
      <c r="A15853" t="s">
        <v>28</v>
      </c>
      <c r="B15853" t="s">
        <v>29</v>
      </c>
      <c r="C15853" t="s">
        <v>114</v>
      </c>
      <c r="D15853" t="s">
        <v>115</v>
      </c>
      <c r="E15853" s="6" t="s">
        <v>132</v>
      </c>
      <c r="F15853" s="3">
        <v>2021</v>
      </c>
      <c r="G15853" t="s">
        <v>98</v>
      </c>
      <c r="H15853" t="s">
        <v>116</v>
      </c>
      <c r="I15853" t="s">
        <v>15</v>
      </c>
      <c r="J15853" s="10">
        <v>80.87310706449108</v>
      </c>
    </row>
    <row r="15854" spans="1:10" x14ac:dyDescent="0.35">
      <c r="A15854" t="s">
        <v>10</v>
      </c>
      <c r="B15854" t="s">
        <v>30</v>
      </c>
      <c r="C15854" t="s">
        <v>114</v>
      </c>
      <c r="D15854" t="s">
        <v>115</v>
      </c>
      <c r="E15854" s="6" t="s">
        <v>132</v>
      </c>
      <c r="F15854" s="3">
        <v>2021</v>
      </c>
      <c r="G15854" t="s">
        <v>98</v>
      </c>
      <c r="H15854" t="s">
        <v>116</v>
      </c>
      <c r="I15854" t="s">
        <v>15</v>
      </c>
      <c r="J15854" s="10">
        <v>80.362010561072097</v>
      </c>
    </row>
    <row r="15855" spans="1:10" x14ac:dyDescent="0.35">
      <c r="A15855" t="s">
        <v>26</v>
      </c>
      <c r="B15855" t="s">
        <v>31</v>
      </c>
      <c r="C15855" t="s">
        <v>114</v>
      </c>
      <c r="D15855" t="s">
        <v>115</v>
      </c>
      <c r="E15855" s="6" t="s">
        <v>132</v>
      </c>
      <c r="F15855" s="3">
        <v>2021</v>
      </c>
      <c r="G15855" t="s">
        <v>98</v>
      </c>
      <c r="H15855" t="s">
        <v>116</v>
      </c>
      <c r="I15855" t="s">
        <v>15</v>
      </c>
      <c r="J15855" s="10">
        <v>81.402726640046879</v>
      </c>
    </row>
    <row r="15856" spans="1:10" x14ac:dyDescent="0.35">
      <c r="A15856" t="s">
        <v>28</v>
      </c>
      <c r="B15856" t="s">
        <v>32</v>
      </c>
      <c r="C15856" t="s">
        <v>114</v>
      </c>
      <c r="D15856" t="s">
        <v>115</v>
      </c>
      <c r="E15856" s="6" t="s">
        <v>132</v>
      </c>
      <c r="F15856" s="3">
        <v>2021</v>
      </c>
      <c r="G15856" t="s">
        <v>98</v>
      </c>
      <c r="H15856" t="s">
        <v>116</v>
      </c>
      <c r="I15856" t="s">
        <v>15</v>
      </c>
      <c r="J15856" s="10">
        <v>79.455810736944386</v>
      </c>
    </row>
    <row r="15857" spans="1:10" x14ac:dyDescent="0.35">
      <c r="A15857" t="s">
        <v>33</v>
      </c>
      <c r="B15857" t="s">
        <v>34</v>
      </c>
      <c r="C15857" t="s">
        <v>114</v>
      </c>
      <c r="D15857" t="s">
        <v>115</v>
      </c>
      <c r="E15857" s="6" t="s">
        <v>132</v>
      </c>
      <c r="F15857" s="3">
        <v>2021</v>
      </c>
      <c r="G15857" t="s">
        <v>98</v>
      </c>
      <c r="H15857" t="s">
        <v>116</v>
      </c>
      <c r="I15857" t="s">
        <v>15</v>
      </c>
      <c r="J15857" s="10">
        <v>81.060167030903926</v>
      </c>
    </row>
    <row r="15858" spans="1:10" x14ac:dyDescent="0.35">
      <c r="A15858" t="s">
        <v>35</v>
      </c>
      <c r="B15858" t="s">
        <v>36</v>
      </c>
      <c r="C15858" t="s">
        <v>114</v>
      </c>
      <c r="D15858" t="s">
        <v>115</v>
      </c>
      <c r="E15858" s="6" t="s">
        <v>132</v>
      </c>
      <c r="F15858" s="3">
        <v>2021</v>
      </c>
      <c r="G15858" t="s">
        <v>98</v>
      </c>
      <c r="H15858" t="s">
        <v>116</v>
      </c>
      <c r="I15858" t="s">
        <v>15</v>
      </c>
      <c r="J15858" s="10">
        <v>80.863337201712937</v>
      </c>
    </row>
    <row r="15859" spans="1:10" x14ac:dyDescent="0.35">
      <c r="A15859" t="s">
        <v>28</v>
      </c>
      <c r="B15859" t="s">
        <v>37</v>
      </c>
      <c r="C15859" t="s">
        <v>114</v>
      </c>
      <c r="D15859" t="s">
        <v>115</v>
      </c>
      <c r="E15859" s="6" t="s">
        <v>132</v>
      </c>
      <c r="F15859" s="3">
        <v>2021</v>
      </c>
      <c r="G15859" t="s">
        <v>98</v>
      </c>
      <c r="H15859" t="s">
        <v>116</v>
      </c>
      <c r="I15859" t="s">
        <v>15</v>
      </c>
      <c r="J15859" s="10">
        <v>80.89286708748574</v>
      </c>
    </row>
    <row r="15860" spans="1:10" x14ac:dyDescent="0.35">
      <c r="A15860" t="s">
        <v>20</v>
      </c>
      <c r="B15860" t="s">
        <v>38</v>
      </c>
      <c r="C15860" t="s">
        <v>114</v>
      </c>
      <c r="D15860" t="s">
        <v>115</v>
      </c>
      <c r="E15860" s="6" t="s">
        <v>132</v>
      </c>
      <c r="F15860" s="3">
        <v>2021</v>
      </c>
      <c r="G15860" t="s">
        <v>98</v>
      </c>
      <c r="H15860" t="s">
        <v>116</v>
      </c>
      <c r="I15860" t="s">
        <v>15</v>
      </c>
      <c r="J15860" s="10">
        <v>79.106257986124604</v>
      </c>
    </row>
    <row r="15861" spans="1:10" x14ac:dyDescent="0.35">
      <c r="A15861" t="s">
        <v>33</v>
      </c>
      <c r="B15861" t="s">
        <v>39</v>
      </c>
      <c r="C15861" t="s">
        <v>114</v>
      </c>
      <c r="D15861" t="s">
        <v>115</v>
      </c>
      <c r="E15861" s="6" t="s">
        <v>132</v>
      </c>
      <c r="F15861" s="3">
        <v>2021</v>
      </c>
      <c r="G15861" t="s">
        <v>98</v>
      </c>
      <c r="H15861" t="s">
        <v>116</v>
      </c>
      <c r="I15861" t="s">
        <v>15</v>
      </c>
      <c r="J15861" s="10">
        <v>80.561278701836429</v>
      </c>
    </row>
    <row r="15862" spans="1:10" x14ac:dyDescent="0.35">
      <c r="A15862" t="s">
        <v>20</v>
      </c>
      <c r="B15862" t="s">
        <v>40</v>
      </c>
      <c r="C15862" t="s">
        <v>114</v>
      </c>
      <c r="D15862" t="s">
        <v>115</v>
      </c>
      <c r="E15862" s="6" t="s">
        <v>132</v>
      </c>
      <c r="F15862" s="3">
        <v>2021</v>
      </c>
      <c r="G15862" t="s">
        <v>98</v>
      </c>
      <c r="H15862" t="s">
        <v>116</v>
      </c>
      <c r="I15862" t="s">
        <v>15</v>
      </c>
      <c r="J15862" s="10">
        <v>80.746032382571116</v>
      </c>
    </row>
    <row r="15863" spans="1:10" x14ac:dyDescent="0.35">
      <c r="A15863" t="s">
        <v>35</v>
      </c>
      <c r="B15863" t="s">
        <v>41</v>
      </c>
      <c r="C15863" t="s">
        <v>114</v>
      </c>
      <c r="D15863" t="s">
        <v>115</v>
      </c>
      <c r="E15863" s="6" t="s">
        <v>132</v>
      </c>
      <c r="F15863" s="3">
        <v>2021</v>
      </c>
      <c r="G15863" t="s">
        <v>98</v>
      </c>
      <c r="H15863" t="s">
        <v>116</v>
      </c>
      <c r="I15863" t="s">
        <v>15</v>
      </c>
      <c r="J15863" s="10">
        <v>80.644658587486774</v>
      </c>
    </row>
    <row r="15864" spans="1:10" x14ac:dyDescent="0.35">
      <c r="A15864" t="s">
        <v>35</v>
      </c>
      <c r="B15864" t="s">
        <v>42</v>
      </c>
      <c r="C15864" t="s">
        <v>114</v>
      </c>
      <c r="D15864" t="s">
        <v>115</v>
      </c>
      <c r="E15864" s="6" t="s">
        <v>132</v>
      </c>
      <c r="F15864" s="3">
        <v>2021</v>
      </c>
      <c r="G15864" t="s">
        <v>98</v>
      </c>
      <c r="H15864" t="s">
        <v>116</v>
      </c>
      <c r="I15864" t="s">
        <v>15</v>
      </c>
      <c r="J15864" s="10">
        <v>78.573868939495853</v>
      </c>
    </row>
    <row r="15865" spans="1:10" x14ac:dyDescent="0.35">
      <c r="A15865" t="s">
        <v>35</v>
      </c>
      <c r="B15865" t="s">
        <v>43</v>
      </c>
      <c r="C15865" t="s">
        <v>114</v>
      </c>
      <c r="D15865" t="s">
        <v>115</v>
      </c>
      <c r="E15865" s="6" t="s">
        <v>132</v>
      </c>
      <c r="F15865" s="3">
        <v>2021</v>
      </c>
      <c r="G15865" t="s">
        <v>98</v>
      </c>
      <c r="H15865" t="s">
        <v>116</v>
      </c>
      <c r="I15865" t="s">
        <v>15</v>
      </c>
      <c r="J15865" s="10">
        <v>79.759328266862667</v>
      </c>
    </row>
    <row r="15866" spans="1:10" x14ac:dyDescent="0.35">
      <c r="A15866" t="s">
        <v>28</v>
      </c>
      <c r="B15866" t="s">
        <v>44</v>
      </c>
      <c r="C15866" t="s">
        <v>114</v>
      </c>
      <c r="D15866" t="s">
        <v>115</v>
      </c>
      <c r="E15866" s="6" t="s">
        <v>132</v>
      </c>
      <c r="F15866" s="3">
        <v>2021</v>
      </c>
      <c r="G15866" t="s">
        <v>98</v>
      </c>
      <c r="H15866" t="s">
        <v>116</v>
      </c>
      <c r="I15866" t="s">
        <v>15</v>
      </c>
      <c r="J15866" s="10">
        <v>81.815995902574585</v>
      </c>
    </row>
    <row r="15867" spans="1:10" x14ac:dyDescent="0.35">
      <c r="A15867" t="s">
        <v>10</v>
      </c>
      <c r="B15867" t="s">
        <v>45</v>
      </c>
      <c r="C15867" t="s">
        <v>114</v>
      </c>
      <c r="D15867" t="s">
        <v>115</v>
      </c>
      <c r="E15867" s="6" t="s">
        <v>132</v>
      </c>
      <c r="F15867" s="3">
        <v>2021</v>
      </c>
      <c r="G15867" t="s">
        <v>98</v>
      </c>
      <c r="H15867" t="s">
        <v>116</v>
      </c>
      <c r="I15867" t="s">
        <v>15</v>
      </c>
      <c r="J15867" s="10">
        <v>79.575687306965278</v>
      </c>
    </row>
    <row r="15868" spans="1:10" x14ac:dyDescent="0.35">
      <c r="A15868" t="s">
        <v>10</v>
      </c>
      <c r="B15868" t="s">
        <v>46</v>
      </c>
      <c r="C15868" t="s">
        <v>114</v>
      </c>
      <c r="D15868" t="s">
        <v>115</v>
      </c>
      <c r="E15868" s="6" t="s">
        <v>132</v>
      </c>
      <c r="F15868" s="3">
        <v>2021</v>
      </c>
      <c r="G15868" t="s">
        <v>98</v>
      </c>
      <c r="H15868" t="s">
        <v>116</v>
      </c>
      <c r="I15868" t="s">
        <v>15</v>
      </c>
      <c r="J15868" s="10">
        <v>78.586792474032507</v>
      </c>
    </row>
    <row r="15869" spans="1:10" x14ac:dyDescent="0.35">
      <c r="A15869" t="s">
        <v>33</v>
      </c>
      <c r="B15869" t="s">
        <v>47</v>
      </c>
      <c r="C15869" t="s">
        <v>114</v>
      </c>
      <c r="D15869" t="s">
        <v>115</v>
      </c>
      <c r="E15869" s="6" t="s">
        <v>132</v>
      </c>
      <c r="F15869" s="3">
        <v>2021</v>
      </c>
      <c r="G15869" t="s">
        <v>98</v>
      </c>
      <c r="H15869" t="s">
        <v>116</v>
      </c>
      <c r="I15869" t="s">
        <v>15</v>
      </c>
      <c r="J15869" s="10">
        <v>81.376996209034544</v>
      </c>
    </row>
    <row r="15870" spans="1:10" x14ac:dyDescent="0.35">
      <c r="A15870" t="s">
        <v>20</v>
      </c>
      <c r="B15870" t="s">
        <v>48</v>
      </c>
      <c r="C15870" t="s">
        <v>114</v>
      </c>
      <c r="D15870" t="s">
        <v>115</v>
      </c>
      <c r="E15870" s="6" t="s">
        <v>132</v>
      </c>
      <c r="F15870" s="3">
        <v>2021</v>
      </c>
      <c r="G15870" t="s">
        <v>98</v>
      </c>
      <c r="H15870" t="s">
        <v>116</v>
      </c>
      <c r="I15870" t="s">
        <v>15</v>
      </c>
      <c r="J15870" s="10">
        <v>81.430942917244977</v>
      </c>
    </row>
    <row r="15871" spans="1:10" x14ac:dyDescent="0.35">
      <c r="A15871" t="s">
        <v>28</v>
      </c>
      <c r="B15871" t="s">
        <v>49</v>
      </c>
      <c r="C15871" t="s">
        <v>114</v>
      </c>
      <c r="D15871" t="s">
        <v>115</v>
      </c>
      <c r="E15871" s="6" t="s">
        <v>132</v>
      </c>
      <c r="F15871" s="3">
        <v>2021</v>
      </c>
      <c r="G15871" t="s">
        <v>98</v>
      </c>
      <c r="H15871" t="s">
        <v>116</v>
      </c>
      <c r="I15871" t="s">
        <v>15</v>
      </c>
      <c r="J15871" s="10">
        <v>82.883865022402247</v>
      </c>
    </row>
    <row r="15872" spans="1:10" x14ac:dyDescent="0.35">
      <c r="A15872" t="s">
        <v>35</v>
      </c>
      <c r="B15872" t="s">
        <v>50</v>
      </c>
      <c r="C15872" t="s">
        <v>114</v>
      </c>
      <c r="D15872" t="s">
        <v>115</v>
      </c>
      <c r="E15872" s="6" t="s">
        <v>132</v>
      </c>
      <c r="F15872" s="3">
        <v>2021</v>
      </c>
      <c r="G15872" t="s">
        <v>98</v>
      </c>
      <c r="H15872" t="s">
        <v>116</v>
      </c>
      <c r="I15872" t="s">
        <v>15</v>
      </c>
      <c r="J15872" s="10">
        <v>84.696998313820998</v>
      </c>
    </row>
    <row r="15873" spans="1:10" x14ac:dyDescent="0.35">
      <c r="A15873" t="s">
        <v>22</v>
      </c>
      <c r="B15873" t="s">
        <v>51</v>
      </c>
      <c r="C15873" t="s">
        <v>114</v>
      </c>
      <c r="D15873" t="s">
        <v>115</v>
      </c>
      <c r="E15873" s="6" t="s">
        <v>132</v>
      </c>
      <c r="F15873" s="3">
        <v>2021</v>
      </c>
      <c r="G15873" t="s">
        <v>98</v>
      </c>
      <c r="H15873" t="s">
        <v>116</v>
      </c>
      <c r="I15873" t="s">
        <v>15</v>
      </c>
      <c r="J15873" s="10">
        <v>83.488957153908686</v>
      </c>
    </row>
    <row r="15874" spans="1:10" x14ac:dyDescent="0.35">
      <c r="A15874" t="s">
        <v>22</v>
      </c>
      <c r="B15874" t="s">
        <v>52</v>
      </c>
      <c r="C15874" t="s">
        <v>114</v>
      </c>
      <c r="D15874" t="s">
        <v>115</v>
      </c>
      <c r="E15874" s="6" t="s">
        <v>132</v>
      </c>
      <c r="F15874" s="3">
        <v>2021</v>
      </c>
      <c r="G15874" t="s">
        <v>98</v>
      </c>
      <c r="H15874" t="s">
        <v>116</v>
      </c>
      <c r="I15874" t="s">
        <v>15</v>
      </c>
      <c r="J15874" s="10">
        <v>80.708059839554195</v>
      </c>
    </row>
    <row r="15875" spans="1:10" x14ac:dyDescent="0.35">
      <c r="A15875" t="s">
        <v>22</v>
      </c>
      <c r="B15875" t="s">
        <v>53</v>
      </c>
      <c r="C15875" t="s">
        <v>114</v>
      </c>
      <c r="D15875" t="s">
        <v>115</v>
      </c>
      <c r="E15875" s="6" t="s">
        <v>132</v>
      </c>
      <c r="F15875" s="3">
        <v>2021</v>
      </c>
      <c r="G15875" t="s">
        <v>98</v>
      </c>
      <c r="H15875" t="s">
        <v>116</v>
      </c>
      <c r="I15875" t="s">
        <v>15</v>
      </c>
      <c r="J15875" s="10">
        <v>80.234464404522171</v>
      </c>
    </row>
    <row r="15876" spans="1:10" x14ac:dyDescent="0.35">
      <c r="A15876" t="s">
        <v>22</v>
      </c>
      <c r="B15876" t="s">
        <v>54</v>
      </c>
      <c r="C15876" t="s">
        <v>114</v>
      </c>
      <c r="D15876" t="s">
        <v>115</v>
      </c>
      <c r="E15876" s="6" t="s">
        <v>132</v>
      </c>
      <c r="F15876" s="3">
        <v>2021</v>
      </c>
      <c r="G15876" t="s">
        <v>98</v>
      </c>
      <c r="H15876" t="s">
        <v>116</v>
      </c>
      <c r="I15876" t="s">
        <v>15</v>
      </c>
      <c r="J15876" s="10">
        <v>83.166128123817074</v>
      </c>
    </row>
    <row r="15877" spans="1:10" x14ac:dyDescent="0.35">
      <c r="A15877" t="s">
        <v>22</v>
      </c>
      <c r="B15877" t="s">
        <v>55</v>
      </c>
      <c r="C15877" t="s">
        <v>114</v>
      </c>
      <c r="D15877" t="s">
        <v>115</v>
      </c>
      <c r="E15877" s="6" t="s">
        <v>132</v>
      </c>
      <c r="F15877" s="3">
        <v>2021</v>
      </c>
      <c r="G15877" t="s">
        <v>98</v>
      </c>
      <c r="H15877" t="s">
        <v>116</v>
      </c>
      <c r="I15877" t="s">
        <v>15</v>
      </c>
      <c r="J15877" s="10">
        <v>83.429658810359612</v>
      </c>
    </row>
    <row r="15878" spans="1:10" x14ac:dyDescent="0.35">
      <c r="A15878" t="s">
        <v>22</v>
      </c>
      <c r="B15878" t="s">
        <v>56</v>
      </c>
      <c r="C15878" t="s">
        <v>114</v>
      </c>
      <c r="D15878" t="s">
        <v>115</v>
      </c>
      <c r="E15878" s="6" t="s">
        <v>132</v>
      </c>
      <c r="F15878" s="3">
        <v>2021</v>
      </c>
      <c r="G15878" t="s">
        <v>98</v>
      </c>
      <c r="H15878" t="s">
        <v>116</v>
      </c>
      <c r="I15878" t="s">
        <v>15</v>
      </c>
      <c r="J15878" s="10">
        <v>83.820149064757075</v>
      </c>
    </row>
    <row r="15879" spans="1:10" x14ac:dyDescent="0.35">
      <c r="A15879" t="s">
        <v>28</v>
      </c>
      <c r="B15879" t="s">
        <v>58</v>
      </c>
      <c r="C15879" t="s">
        <v>114</v>
      </c>
      <c r="D15879" t="s">
        <v>115</v>
      </c>
      <c r="E15879" s="6" t="s">
        <v>132</v>
      </c>
      <c r="F15879" s="3">
        <v>2021</v>
      </c>
      <c r="G15879" t="s">
        <v>98</v>
      </c>
      <c r="H15879" t="s">
        <v>116</v>
      </c>
      <c r="I15879" t="s">
        <v>15</v>
      </c>
      <c r="J15879" s="10">
        <v>81.732941953716178</v>
      </c>
    </row>
    <row r="15880" spans="1:10" x14ac:dyDescent="0.35">
      <c r="A15880" t="s">
        <v>20</v>
      </c>
      <c r="B15880" t="s">
        <v>59</v>
      </c>
      <c r="C15880" t="s">
        <v>114</v>
      </c>
      <c r="D15880" t="s">
        <v>115</v>
      </c>
      <c r="E15880" s="6" t="s">
        <v>132</v>
      </c>
      <c r="F15880" s="3">
        <v>2021</v>
      </c>
      <c r="G15880" t="s">
        <v>98</v>
      </c>
      <c r="H15880" t="s">
        <v>116</v>
      </c>
      <c r="I15880" t="s">
        <v>15</v>
      </c>
      <c r="J15880" s="10">
        <v>81.109511242406469</v>
      </c>
    </row>
    <row r="15881" spans="1:10" x14ac:dyDescent="0.35">
      <c r="A15881" t="s">
        <v>20</v>
      </c>
      <c r="B15881" t="s">
        <v>60</v>
      </c>
      <c r="C15881" t="s">
        <v>114</v>
      </c>
      <c r="D15881" t="s">
        <v>115</v>
      </c>
      <c r="E15881" s="6" t="s">
        <v>132</v>
      </c>
      <c r="F15881" s="3">
        <v>2021</v>
      </c>
      <c r="G15881" t="s">
        <v>98</v>
      </c>
      <c r="H15881" t="s">
        <v>116</v>
      </c>
      <c r="I15881" t="s">
        <v>15</v>
      </c>
      <c r="J15881" s="10">
        <v>79.271090526414525</v>
      </c>
    </row>
    <row r="15882" spans="1:10" x14ac:dyDescent="0.35">
      <c r="A15882" t="s">
        <v>28</v>
      </c>
      <c r="B15882" t="s">
        <v>61</v>
      </c>
      <c r="C15882" t="s">
        <v>114</v>
      </c>
      <c r="D15882" t="s">
        <v>115</v>
      </c>
      <c r="E15882" s="6" t="s">
        <v>132</v>
      </c>
      <c r="F15882" s="3">
        <v>2021</v>
      </c>
      <c r="G15882" t="s">
        <v>98</v>
      </c>
      <c r="H15882" t="s">
        <v>116</v>
      </c>
      <c r="I15882" t="s">
        <v>15</v>
      </c>
      <c r="J15882" s="10">
        <v>80.525735445696114</v>
      </c>
    </row>
    <row r="15883" spans="1:10" x14ac:dyDescent="0.35">
      <c r="A15883" t="s">
        <v>62</v>
      </c>
      <c r="B15883" t="s">
        <v>63</v>
      </c>
      <c r="C15883" t="s">
        <v>114</v>
      </c>
      <c r="D15883" t="s">
        <v>115</v>
      </c>
      <c r="E15883" s="6" t="s">
        <v>132</v>
      </c>
      <c r="F15883" s="3">
        <v>2021</v>
      </c>
      <c r="G15883" t="s">
        <v>98</v>
      </c>
      <c r="H15883" t="s">
        <v>116</v>
      </c>
      <c r="I15883" t="s">
        <v>15</v>
      </c>
      <c r="J15883" s="10">
        <v>79.347293847519481</v>
      </c>
    </row>
    <row r="15884" spans="1:10" x14ac:dyDescent="0.35">
      <c r="A15884" t="s">
        <v>62</v>
      </c>
      <c r="B15884" t="s">
        <v>64</v>
      </c>
      <c r="C15884" t="s">
        <v>114</v>
      </c>
      <c r="D15884" t="s">
        <v>115</v>
      </c>
      <c r="E15884" s="6" t="s">
        <v>132</v>
      </c>
      <c r="F15884" s="3">
        <v>2021</v>
      </c>
      <c r="G15884" t="s">
        <v>98</v>
      </c>
      <c r="H15884" t="s">
        <v>116</v>
      </c>
      <c r="I15884" t="s">
        <v>15</v>
      </c>
      <c r="J15884" s="10">
        <v>79.797971161219593</v>
      </c>
    </row>
    <row r="15885" spans="1:10" x14ac:dyDescent="0.35">
      <c r="A15885" t="s">
        <v>62</v>
      </c>
      <c r="B15885" t="s">
        <v>65</v>
      </c>
      <c r="C15885" t="s">
        <v>114</v>
      </c>
      <c r="D15885" t="s">
        <v>115</v>
      </c>
      <c r="E15885" s="6" t="s">
        <v>132</v>
      </c>
      <c r="F15885" s="3">
        <v>2021</v>
      </c>
      <c r="G15885" t="s">
        <v>98</v>
      </c>
      <c r="H15885" t="s">
        <v>116</v>
      </c>
      <c r="I15885" t="s">
        <v>15</v>
      </c>
      <c r="J15885" s="10">
        <v>80.026794137912631</v>
      </c>
    </row>
    <row r="15886" spans="1:10" x14ac:dyDescent="0.35">
      <c r="A15886" t="s">
        <v>62</v>
      </c>
      <c r="B15886" t="s">
        <v>66</v>
      </c>
      <c r="C15886" t="s">
        <v>114</v>
      </c>
      <c r="D15886" t="s">
        <v>115</v>
      </c>
      <c r="E15886" s="6" t="s">
        <v>132</v>
      </c>
      <c r="F15886" s="3">
        <v>2021</v>
      </c>
      <c r="G15886" t="s">
        <v>98</v>
      </c>
      <c r="H15886" t="s">
        <v>116</v>
      </c>
      <c r="I15886" t="s">
        <v>15</v>
      </c>
      <c r="J15886" s="10">
        <v>75.940711727356856</v>
      </c>
    </row>
    <row r="15887" spans="1:10" x14ac:dyDescent="0.35">
      <c r="A15887" t="s">
        <v>62</v>
      </c>
      <c r="B15887" t="s">
        <v>67</v>
      </c>
      <c r="C15887" t="s">
        <v>114</v>
      </c>
      <c r="D15887" t="s">
        <v>115</v>
      </c>
      <c r="E15887" s="6" t="s">
        <v>132</v>
      </c>
      <c r="F15887" s="3">
        <v>2021</v>
      </c>
      <c r="G15887" t="s">
        <v>98</v>
      </c>
      <c r="H15887" t="s">
        <v>116</v>
      </c>
      <c r="I15887" t="s">
        <v>15</v>
      </c>
      <c r="J15887" s="10">
        <v>77.426149808058398</v>
      </c>
    </row>
    <row r="15888" spans="1:10" x14ac:dyDescent="0.35">
      <c r="A15888" t="s">
        <v>62</v>
      </c>
      <c r="B15888" t="s">
        <v>68</v>
      </c>
      <c r="C15888" t="s">
        <v>114</v>
      </c>
      <c r="D15888" t="s">
        <v>115</v>
      </c>
      <c r="E15888" s="6" t="s">
        <v>132</v>
      </c>
      <c r="F15888" s="3">
        <v>2021</v>
      </c>
      <c r="G15888" t="s">
        <v>98</v>
      </c>
      <c r="H15888" t="s">
        <v>116</v>
      </c>
      <c r="I15888" t="s">
        <v>15</v>
      </c>
      <c r="J15888" s="10">
        <v>76.896602681392281</v>
      </c>
    </row>
    <row r="15889" spans="1:10" x14ac:dyDescent="0.35">
      <c r="A15889" t="s">
        <v>62</v>
      </c>
      <c r="B15889" t="s">
        <v>69</v>
      </c>
      <c r="C15889" t="s">
        <v>114</v>
      </c>
      <c r="D15889" t="s">
        <v>115</v>
      </c>
      <c r="E15889" s="6" t="s">
        <v>132</v>
      </c>
      <c r="F15889" s="3">
        <v>2021</v>
      </c>
      <c r="G15889" t="s">
        <v>98</v>
      </c>
      <c r="H15889" t="s">
        <v>116</v>
      </c>
      <c r="I15889" t="s">
        <v>15</v>
      </c>
      <c r="J15889" s="10">
        <v>77.009061381990151</v>
      </c>
    </row>
    <row r="15890" spans="1:10" x14ac:dyDescent="0.35">
      <c r="A15890" t="s">
        <v>62</v>
      </c>
      <c r="B15890" t="s">
        <v>70</v>
      </c>
      <c r="C15890" t="s">
        <v>114</v>
      </c>
      <c r="D15890" t="s">
        <v>115</v>
      </c>
      <c r="E15890" s="6" t="s">
        <v>132</v>
      </c>
      <c r="F15890" s="3">
        <v>2021</v>
      </c>
      <c r="G15890" t="s">
        <v>98</v>
      </c>
      <c r="H15890" t="s">
        <v>116</v>
      </c>
      <c r="I15890" t="s">
        <v>15</v>
      </c>
      <c r="J15890" s="10">
        <v>78.317269722532245</v>
      </c>
    </row>
    <row r="15891" spans="1:10" x14ac:dyDescent="0.35">
      <c r="A15891" t="s">
        <v>35</v>
      </c>
      <c r="B15891" t="s">
        <v>71</v>
      </c>
      <c r="C15891" t="s">
        <v>114</v>
      </c>
      <c r="D15891" t="s">
        <v>115</v>
      </c>
      <c r="E15891" s="6" t="s">
        <v>132</v>
      </c>
      <c r="F15891" s="3">
        <v>2021</v>
      </c>
      <c r="G15891" t="s">
        <v>98</v>
      </c>
      <c r="H15891" t="s">
        <v>116</v>
      </c>
      <c r="I15891" t="s">
        <v>15</v>
      </c>
      <c r="J15891" s="10">
        <v>78.763394136718404</v>
      </c>
    </row>
    <row r="15892" spans="1:10" x14ac:dyDescent="0.35">
      <c r="A15892" t="s">
        <v>20</v>
      </c>
      <c r="B15892" t="s">
        <v>72</v>
      </c>
      <c r="C15892" t="s">
        <v>114</v>
      </c>
      <c r="D15892" t="s">
        <v>115</v>
      </c>
      <c r="E15892" s="6" t="s">
        <v>132</v>
      </c>
      <c r="F15892" s="3">
        <v>2021</v>
      </c>
      <c r="G15892" t="s">
        <v>98</v>
      </c>
      <c r="H15892" t="s">
        <v>116</v>
      </c>
      <c r="I15892" t="s">
        <v>15</v>
      </c>
      <c r="J15892" s="10">
        <v>80.300988362687107</v>
      </c>
    </row>
    <row r="15893" spans="1:10" x14ac:dyDescent="0.35">
      <c r="A15893" t="s">
        <v>26</v>
      </c>
      <c r="B15893" t="s">
        <v>73</v>
      </c>
      <c r="C15893" t="s">
        <v>114</v>
      </c>
      <c r="D15893" t="s">
        <v>115</v>
      </c>
      <c r="E15893" s="6" t="s">
        <v>132</v>
      </c>
      <c r="F15893" s="3">
        <v>2021</v>
      </c>
      <c r="G15893" t="s">
        <v>98</v>
      </c>
      <c r="H15893" t="s">
        <v>116</v>
      </c>
      <c r="I15893" t="s">
        <v>15</v>
      </c>
      <c r="J15893" s="10">
        <v>81.879976225025132</v>
      </c>
    </row>
    <row r="15894" spans="1:10" x14ac:dyDescent="0.35">
      <c r="A15894" t="s">
        <v>28</v>
      </c>
      <c r="B15894" t="s">
        <v>74</v>
      </c>
      <c r="C15894" t="s">
        <v>114</v>
      </c>
      <c r="D15894" t="s">
        <v>115</v>
      </c>
      <c r="E15894" s="6" t="s">
        <v>132</v>
      </c>
      <c r="F15894" s="3">
        <v>2021</v>
      </c>
      <c r="G15894" t="s">
        <v>98</v>
      </c>
      <c r="H15894" t="s">
        <v>116</v>
      </c>
      <c r="I15894" t="s">
        <v>15</v>
      </c>
      <c r="J15894" s="10">
        <v>79.843793287980404</v>
      </c>
    </row>
    <row r="15895" spans="1:10" x14ac:dyDescent="0.35">
      <c r="A15895" t="s">
        <v>33</v>
      </c>
      <c r="B15895" t="s">
        <v>75</v>
      </c>
      <c r="C15895" t="s">
        <v>114</v>
      </c>
      <c r="D15895" t="s">
        <v>115</v>
      </c>
      <c r="E15895" s="6" t="s">
        <v>132</v>
      </c>
      <c r="F15895" s="3">
        <v>2021</v>
      </c>
      <c r="G15895" t="s">
        <v>98</v>
      </c>
      <c r="H15895" t="s">
        <v>116</v>
      </c>
      <c r="I15895" t="s">
        <v>15</v>
      </c>
      <c r="J15895" s="10">
        <v>79.600309265524842</v>
      </c>
    </row>
    <row r="15896" spans="1:10" x14ac:dyDescent="0.35">
      <c r="A15896" t="s">
        <v>22</v>
      </c>
      <c r="B15896" t="s">
        <v>76</v>
      </c>
      <c r="C15896" t="s">
        <v>114</v>
      </c>
      <c r="D15896" t="s">
        <v>115</v>
      </c>
      <c r="E15896" s="6" t="s">
        <v>132</v>
      </c>
      <c r="F15896" s="3">
        <v>2021</v>
      </c>
      <c r="G15896" t="s">
        <v>98</v>
      </c>
      <c r="H15896" t="s">
        <v>116</v>
      </c>
      <c r="I15896" t="s">
        <v>15</v>
      </c>
      <c r="J15896" s="10">
        <v>80.232308840729289</v>
      </c>
    </row>
    <row r="15897" spans="1:10" x14ac:dyDescent="0.35">
      <c r="A15897" t="s">
        <v>33</v>
      </c>
      <c r="B15897" t="s">
        <v>77</v>
      </c>
      <c r="C15897" t="s">
        <v>114</v>
      </c>
      <c r="D15897" t="s">
        <v>115</v>
      </c>
      <c r="E15897" s="6" t="s">
        <v>132</v>
      </c>
      <c r="F15897" s="3">
        <v>2021</v>
      </c>
      <c r="G15897" t="s">
        <v>98</v>
      </c>
      <c r="H15897" t="s">
        <v>116</v>
      </c>
      <c r="I15897" t="s">
        <v>15</v>
      </c>
      <c r="J15897" s="10">
        <v>80.62714640988942</v>
      </c>
    </row>
    <row r="15898" spans="1:10" x14ac:dyDescent="0.35">
      <c r="A15898" t="s">
        <v>22</v>
      </c>
      <c r="B15898" t="s">
        <v>78</v>
      </c>
      <c r="C15898" t="s">
        <v>114</v>
      </c>
      <c r="D15898" t="s">
        <v>115</v>
      </c>
      <c r="E15898" s="6" t="s">
        <v>132</v>
      </c>
      <c r="F15898" s="3">
        <v>2021</v>
      </c>
      <c r="G15898" t="s">
        <v>98</v>
      </c>
      <c r="H15898" t="s">
        <v>116</v>
      </c>
      <c r="I15898" t="s">
        <v>15</v>
      </c>
      <c r="J15898" s="10">
        <v>81.034903767012992</v>
      </c>
    </row>
    <row r="15899" spans="1:10" x14ac:dyDescent="0.35">
      <c r="A15899" t="s">
        <v>28</v>
      </c>
      <c r="B15899" t="s">
        <v>79</v>
      </c>
      <c r="C15899" t="s">
        <v>114</v>
      </c>
      <c r="D15899" t="s">
        <v>115</v>
      </c>
      <c r="E15899" s="6" t="s">
        <v>132</v>
      </c>
      <c r="F15899" s="3">
        <v>2021</v>
      </c>
      <c r="G15899" t="s">
        <v>98</v>
      </c>
      <c r="H15899" t="s">
        <v>116</v>
      </c>
      <c r="I15899" t="s">
        <v>15</v>
      </c>
      <c r="J15899" s="10">
        <v>83.103835495765892</v>
      </c>
    </row>
    <row r="15900" spans="1:10" x14ac:dyDescent="0.35">
      <c r="A15900" t="s">
        <v>26</v>
      </c>
      <c r="B15900" t="s">
        <v>80</v>
      </c>
      <c r="C15900" t="s">
        <v>114</v>
      </c>
      <c r="D15900" t="s">
        <v>115</v>
      </c>
      <c r="E15900" s="6" t="s">
        <v>132</v>
      </c>
      <c r="F15900" s="3">
        <v>2021</v>
      </c>
      <c r="G15900" t="s">
        <v>98</v>
      </c>
      <c r="H15900" t="s">
        <v>116</v>
      </c>
      <c r="I15900" t="s">
        <v>15</v>
      </c>
      <c r="J15900" s="10">
        <v>82.411726645303119</v>
      </c>
    </row>
    <row r="15901" spans="1:10" x14ac:dyDescent="0.35">
      <c r="A15901" t="s">
        <v>20</v>
      </c>
      <c r="B15901" t="s">
        <v>81</v>
      </c>
      <c r="C15901" t="s">
        <v>114</v>
      </c>
      <c r="D15901" t="s">
        <v>115</v>
      </c>
      <c r="E15901" s="6" t="s">
        <v>132</v>
      </c>
      <c r="F15901" s="3">
        <v>2021</v>
      </c>
      <c r="G15901" t="s">
        <v>98</v>
      </c>
      <c r="H15901" t="s">
        <v>116</v>
      </c>
      <c r="I15901" t="s">
        <v>15</v>
      </c>
      <c r="J15901" s="10">
        <v>77.791309615354521</v>
      </c>
    </row>
    <row r="15902" spans="1:10" x14ac:dyDescent="0.35">
      <c r="A15902" t="s">
        <v>26</v>
      </c>
      <c r="B15902" t="s">
        <v>57</v>
      </c>
      <c r="C15902" t="s">
        <v>114</v>
      </c>
      <c r="D15902" t="s">
        <v>115</v>
      </c>
      <c r="E15902" s="6" t="s">
        <v>132</v>
      </c>
      <c r="F15902" s="3">
        <v>2021</v>
      </c>
      <c r="G15902" t="s">
        <v>98</v>
      </c>
      <c r="H15902" t="s">
        <v>116</v>
      </c>
      <c r="I15902" t="s">
        <v>15</v>
      </c>
      <c r="J15902" s="10">
        <v>82.746265093113195</v>
      </c>
    </row>
    <row r="15903" spans="1:10" x14ac:dyDescent="0.35">
      <c r="A15903" t="s">
        <v>33</v>
      </c>
      <c r="B15903" t="s">
        <v>82</v>
      </c>
      <c r="C15903" t="s">
        <v>114</v>
      </c>
      <c r="D15903" t="s">
        <v>115</v>
      </c>
      <c r="E15903" s="6" t="s">
        <v>132</v>
      </c>
      <c r="F15903" s="3">
        <v>2021</v>
      </c>
      <c r="G15903" t="s">
        <v>98</v>
      </c>
      <c r="H15903" t="s">
        <v>116</v>
      </c>
      <c r="I15903" t="s">
        <v>15</v>
      </c>
      <c r="J15903" s="10">
        <v>83.150770393768525</v>
      </c>
    </row>
    <row r="15904" spans="1:10" x14ac:dyDescent="0.35">
      <c r="A15904" t="s">
        <v>26</v>
      </c>
      <c r="B15904" t="s">
        <v>83</v>
      </c>
      <c r="C15904" t="s">
        <v>114</v>
      </c>
      <c r="D15904" t="s">
        <v>115</v>
      </c>
      <c r="E15904" s="6" t="s">
        <v>132</v>
      </c>
      <c r="F15904" s="3">
        <v>2021</v>
      </c>
      <c r="G15904" t="s">
        <v>98</v>
      </c>
      <c r="H15904" t="s">
        <v>116</v>
      </c>
      <c r="I15904" t="s">
        <v>15</v>
      </c>
      <c r="J15904" s="10">
        <v>83.902013908026035</v>
      </c>
    </row>
    <row r="15905" spans="1:10" x14ac:dyDescent="0.35">
      <c r="A15905" t="s">
        <v>35</v>
      </c>
      <c r="B15905" t="s">
        <v>84</v>
      </c>
      <c r="C15905" t="s">
        <v>114</v>
      </c>
      <c r="D15905" t="s">
        <v>115</v>
      </c>
      <c r="E15905" s="6" t="s">
        <v>132</v>
      </c>
      <c r="F15905" s="3">
        <v>2021</v>
      </c>
      <c r="G15905" t="s">
        <v>98</v>
      </c>
      <c r="H15905" t="s">
        <v>116</v>
      </c>
      <c r="I15905" t="s">
        <v>15</v>
      </c>
      <c r="J15905" s="10">
        <v>78.533248860301697</v>
      </c>
    </row>
    <row r="15906" spans="1:10" x14ac:dyDescent="0.35">
      <c r="A15906" t="s">
        <v>33</v>
      </c>
      <c r="B15906" t="s">
        <v>85</v>
      </c>
      <c r="C15906" t="s">
        <v>114</v>
      </c>
      <c r="D15906" t="s">
        <v>115</v>
      </c>
      <c r="E15906" s="6" t="s">
        <v>132</v>
      </c>
      <c r="F15906" s="3">
        <v>2021</v>
      </c>
      <c r="G15906" t="s">
        <v>98</v>
      </c>
      <c r="H15906" t="s">
        <v>116</v>
      </c>
      <c r="I15906" t="s">
        <v>15</v>
      </c>
      <c r="J15906" s="10">
        <v>81.960872346874481</v>
      </c>
    </row>
    <row r="15907" spans="1:10" x14ac:dyDescent="0.35">
      <c r="A15907" t="s">
        <v>33</v>
      </c>
      <c r="B15907" t="s">
        <v>86</v>
      </c>
      <c r="C15907" t="s">
        <v>114</v>
      </c>
      <c r="D15907" t="s">
        <v>115</v>
      </c>
      <c r="E15907" s="6" t="s">
        <v>132</v>
      </c>
      <c r="F15907" s="3">
        <v>2021</v>
      </c>
      <c r="G15907" t="s">
        <v>98</v>
      </c>
      <c r="H15907" t="s">
        <v>116</v>
      </c>
      <c r="I15907" t="s">
        <v>15</v>
      </c>
      <c r="J15907" s="10">
        <v>83.442293575477308</v>
      </c>
    </row>
    <row r="15908" spans="1:10" x14ac:dyDescent="0.35">
      <c r="A15908" t="s">
        <v>35</v>
      </c>
      <c r="B15908" t="s">
        <v>87</v>
      </c>
      <c r="C15908" t="s">
        <v>114</v>
      </c>
      <c r="D15908" t="s">
        <v>115</v>
      </c>
      <c r="E15908" s="6" t="s">
        <v>132</v>
      </c>
      <c r="F15908" s="3">
        <v>2021</v>
      </c>
      <c r="G15908" t="s">
        <v>98</v>
      </c>
      <c r="H15908" t="s">
        <v>116</v>
      </c>
      <c r="I15908" t="s">
        <v>15</v>
      </c>
      <c r="J15908" s="10">
        <v>81.332389945038287</v>
      </c>
    </row>
    <row r="15909" spans="1:10" x14ac:dyDescent="0.35">
      <c r="A15909" t="s">
        <v>35</v>
      </c>
      <c r="B15909" t="s">
        <v>88</v>
      </c>
      <c r="C15909" t="s">
        <v>114</v>
      </c>
      <c r="D15909" t="s">
        <v>115</v>
      </c>
      <c r="E15909" s="6" t="s">
        <v>132</v>
      </c>
      <c r="F15909" s="3">
        <v>2021</v>
      </c>
      <c r="G15909" t="s">
        <v>98</v>
      </c>
      <c r="H15909" t="s">
        <v>116</v>
      </c>
      <c r="I15909" t="s">
        <v>15</v>
      </c>
      <c r="J15909" s="10">
        <v>80.949589781558771</v>
      </c>
    </row>
    <row r="15910" spans="1:10" x14ac:dyDescent="0.35">
      <c r="A15910" t="s">
        <v>62</v>
      </c>
      <c r="B15910" t="s">
        <v>89</v>
      </c>
      <c r="C15910" t="s">
        <v>114</v>
      </c>
      <c r="D15910" t="s">
        <v>115</v>
      </c>
      <c r="E15910" s="6" t="s">
        <v>132</v>
      </c>
      <c r="F15910" s="3">
        <v>2021</v>
      </c>
      <c r="G15910" t="s">
        <v>98</v>
      </c>
      <c r="H15910" t="s">
        <v>116</v>
      </c>
      <c r="I15910" t="s">
        <v>15</v>
      </c>
      <c r="J15910" s="10">
        <v>79.048660836633033</v>
      </c>
    </row>
    <row r="15911" spans="1:10" x14ac:dyDescent="0.35">
      <c r="A15911" t="s">
        <v>26</v>
      </c>
      <c r="B15911" t="s">
        <v>90</v>
      </c>
      <c r="C15911" t="s">
        <v>114</v>
      </c>
      <c r="D15911" t="s">
        <v>115</v>
      </c>
      <c r="E15911" s="6" t="s">
        <v>132</v>
      </c>
      <c r="F15911" s="3">
        <v>2021</v>
      </c>
      <c r="G15911" t="s">
        <v>98</v>
      </c>
      <c r="H15911" t="s">
        <v>116</v>
      </c>
      <c r="I15911" t="s">
        <v>15</v>
      </c>
      <c r="J15911" s="10">
        <v>83.268806922227782</v>
      </c>
    </row>
    <row r="15912" spans="1:10" x14ac:dyDescent="0.35">
      <c r="A15912" t="s">
        <v>26</v>
      </c>
      <c r="B15912" t="s">
        <v>91</v>
      </c>
      <c r="C15912" t="s">
        <v>114</v>
      </c>
      <c r="D15912" t="s">
        <v>115</v>
      </c>
      <c r="E15912" s="6" t="s">
        <v>132</v>
      </c>
      <c r="F15912" s="3">
        <v>2021</v>
      </c>
      <c r="G15912" t="s">
        <v>98</v>
      </c>
      <c r="H15912" t="s">
        <v>116</v>
      </c>
      <c r="I15912" t="s">
        <v>15</v>
      </c>
      <c r="J15912" s="10">
        <v>82.823319545362509</v>
      </c>
    </row>
    <row r="15913" spans="1:10" x14ac:dyDescent="0.35">
      <c r="A15913" t="s">
        <v>33</v>
      </c>
      <c r="B15913" t="s">
        <v>92</v>
      </c>
      <c r="C15913" t="s">
        <v>114</v>
      </c>
      <c r="D15913" t="s">
        <v>115</v>
      </c>
      <c r="E15913" s="6" t="s">
        <v>132</v>
      </c>
      <c r="F15913" s="3">
        <v>2021</v>
      </c>
      <c r="G15913" t="s">
        <v>98</v>
      </c>
      <c r="H15913" t="s">
        <v>116</v>
      </c>
      <c r="I15913" t="s">
        <v>15</v>
      </c>
      <c r="J15913" s="10">
        <v>81.084597728275128</v>
      </c>
    </row>
    <row r="15914" spans="1:10" x14ac:dyDescent="0.35">
      <c r="A15914" t="s">
        <v>35</v>
      </c>
      <c r="B15914" t="s">
        <v>93</v>
      </c>
      <c r="C15914" t="s">
        <v>114</v>
      </c>
      <c r="D15914" t="s">
        <v>115</v>
      </c>
      <c r="E15914" s="6" t="s">
        <v>132</v>
      </c>
      <c r="F15914" s="3">
        <v>2021</v>
      </c>
      <c r="G15914" t="s">
        <v>98</v>
      </c>
      <c r="H15914" t="s">
        <v>116</v>
      </c>
      <c r="I15914" t="s">
        <v>15</v>
      </c>
      <c r="J15914" s="10">
        <v>83.262857121226716</v>
      </c>
    </row>
    <row r="15915" spans="1:10" x14ac:dyDescent="0.35">
      <c r="A15915" t="s">
        <v>20</v>
      </c>
      <c r="B15915" t="s">
        <v>94</v>
      </c>
      <c r="C15915" t="s">
        <v>114</v>
      </c>
      <c r="D15915" t="s">
        <v>115</v>
      </c>
      <c r="E15915" s="6" t="s">
        <v>132</v>
      </c>
      <c r="F15915" s="3">
        <v>2021</v>
      </c>
      <c r="G15915" t="s">
        <v>98</v>
      </c>
      <c r="H15915" t="s">
        <v>116</v>
      </c>
      <c r="I15915" t="s">
        <v>15</v>
      </c>
      <c r="J15915" s="10">
        <v>79.189489842478622</v>
      </c>
    </row>
    <row r="15916" spans="1:10" x14ac:dyDescent="0.35">
      <c r="A15916" t="s">
        <v>10</v>
      </c>
      <c r="B15916" t="s">
        <v>11</v>
      </c>
      <c r="C15916" t="s">
        <v>117</v>
      </c>
      <c r="D15916" t="s">
        <v>118</v>
      </c>
      <c r="E15916" s="6">
        <v>2021</v>
      </c>
      <c r="F15916" s="6">
        <v>2021</v>
      </c>
      <c r="G15916" t="s">
        <v>14</v>
      </c>
      <c r="H15916" t="s">
        <v>119</v>
      </c>
      <c r="I15916" t="s">
        <v>15</v>
      </c>
      <c r="J15916" s="10">
        <v>12.374502982107357</v>
      </c>
    </row>
    <row r="15917" spans="1:10" x14ac:dyDescent="0.35">
      <c r="A15917" t="s">
        <v>10</v>
      </c>
      <c r="B15917" t="s">
        <v>16</v>
      </c>
      <c r="C15917" t="s">
        <v>117</v>
      </c>
      <c r="D15917" t="s">
        <v>118</v>
      </c>
      <c r="E15917" s="6">
        <v>2021</v>
      </c>
      <c r="F15917" s="6">
        <v>2021</v>
      </c>
      <c r="G15917" t="s">
        <v>14</v>
      </c>
      <c r="H15917" t="s">
        <v>119</v>
      </c>
      <c r="I15917" t="s">
        <v>15</v>
      </c>
      <c r="J15917" s="10">
        <v>17.713226205191596</v>
      </c>
    </row>
    <row r="15918" spans="1:10" x14ac:dyDescent="0.35">
      <c r="A15918" t="s">
        <v>10</v>
      </c>
      <c r="B15918" t="s">
        <v>17</v>
      </c>
      <c r="C15918" t="s">
        <v>117</v>
      </c>
      <c r="D15918" t="s">
        <v>118</v>
      </c>
      <c r="E15918" s="6">
        <v>2021</v>
      </c>
      <c r="F15918" s="6">
        <v>2021</v>
      </c>
      <c r="G15918" t="s">
        <v>14</v>
      </c>
      <c r="H15918" t="s">
        <v>119</v>
      </c>
      <c r="I15918" t="s">
        <v>15</v>
      </c>
      <c r="J15918" s="10">
        <v>18.112605369585346</v>
      </c>
    </row>
    <row r="15919" spans="1:10" x14ac:dyDescent="0.35">
      <c r="A15919" t="s">
        <v>10</v>
      </c>
      <c r="B15919" t="s">
        <v>18</v>
      </c>
      <c r="C15919" t="s">
        <v>117</v>
      </c>
      <c r="D15919" t="s">
        <v>118</v>
      </c>
      <c r="E15919" s="6">
        <v>2021</v>
      </c>
      <c r="F15919" s="6">
        <v>2021</v>
      </c>
      <c r="G15919" t="s">
        <v>14</v>
      </c>
      <c r="H15919" t="s">
        <v>119</v>
      </c>
      <c r="I15919" t="s">
        <v>15</v>
      </c>
      <c r="J15919" s="10">
        <v>18.629882585800335</v>
      </c>
    </row>
    <row r="15920" spans="1:10" x14ac:dyDescent="0.35">
      <c r="A15920" t="s">
        <v>10</v>
      </c>
      <c r="B15920" t="s">
        <v>19</v>
      </c>
      <c r="C15920" t="s">
        <v>117</v>
      </c>
      <c r="D15920" t="s">
        <v>118</v>
      </c>
      <c r="E15920" s="6">
        <v>2021</v>
      </c>
      <c r="F15920" s="6">
        <v>2021</v>
      </c>
      <c r="G15920" t="s">
        <v>14</v>
      </c>
      <c r="H15920" t="s">
        <v>119</v>
      </c>
      <c r="I15920" t="s">
        <v>15</v>
      </c>
      <c r="J15920" s="10">
        <v>18.699653275632837</v>
      </c>
    </row>
    <row r="15921" spans="1:10" x14ac:dyDescent="0.35">
      <c r="A15921" t="s">
        <v>20</v>
      </c>
      <c r="B15921" t="s">
        <v>21</v>
      </c>
      <c r="C15921" t="s">
        <v>117</v>
      </c>
      <c r="D15921" t="s">
        <v>118</v>
      </c>
      <c r="E15921" s="6">
        <v>2021</v>
      </c>
      <c r="F15921" s="6">
        <v>2021</v>
      </c>
      <c r="G15921" t="s">
        <v>14</v>
      </c>
      <c r="H15921" t="s">
        <v>119</v>
      </c>
      <c r="I15921" t="s">
        <v>15</v>
      </c>
      <c r="J15921" s="10">
        <v>18.224677297965094</v>
      </c>
    </row>
    <row r="15922" spans="1:10" x14ac:dyDescent="0.35">
      <c r="A15922" t="s">
        <v>22</v>
      </c>
      <c r="B15922" t="s">
        <v>23</v>
      </c>
      <c r="C15922" t="s">
        <v>117</v>
      </c>
      <c r="D15922" t="s">
        <v>118</v>
      </c>
      <c r="E15922" s="6">
        <v>2021</v>
      </c>
      <c r="F15922" s="6">
        <v>2021</v>
      </c>
      <c r="G15922" t="s">
        <v>14</v>
      </c>
      <c r="H15922" t="s">
        <v>119</v>
      </c>
      <c r="I15922" t="s">
        <v>15</v>
      </c>
      <c r="J15922" s="10">
        <v>18.61893738354695</v>
      </c>
    </row>
    <row r="15923" spans="1:10" x14ac:dyDescent="0.35">
      <c r="A15923" t="s">
        <v>10</v>
      </c>
      <c r="B15923" t="s">
        <v>24</v>
      </c>
      <c r="C15923" t="s">
        <v>117</v>
      </c>
      <c r="D15923" t="s">
        <v>118</v>
      </c>
      <c r="E15923" s="6">
        <v>2021</v>
      </c>
      <c r="F15923" s="6">
        <v>2021</v>
      </c>
      <c r="G15923" t="s">
        <v>14</v>
      </c>
      <c r="H15923" t="s">
        <v>119</v>
      </c>
      <c r="I15923" t="s">
        <v>15</v>
      </c>
      <c r="J15923" s="10">
        <v>16.842731314962194</v>
      </c>
    </row>
    <row r="15924" spans="1:10" x14ac:dyDescent="0.35">
      <c r="A15924" t="s">
        <v>10</v>
      </c>
      <c r="B15924" t="s">
        <v>25</v>
      </c>
      <c r="C15924" t="s">
        <v>117</v>
      </c>
      <c r="D15924" t="s">
        <v>118</v>
      </c>
      <c r="E15924" s="6">
        <v>2021</v>
      </c>
      <c r="F15924" s="6">
        <v>2021</v>
      </c>
      <c r="G15924" t="s">
        <v>14</v>
      </c>
      <c r="H15924" t="s">
        <v>119</v>
      </c>
      <c r="I15924" t="s">
        <v>15</v>
      </c>
      <c r="J15924" s="10">
        <v>16.113434218232833</v>
      </c>
    </row>
    <row r="15925" spans="1:10" x14ac:dyDescent="0.35">
      <c r="A15925" t="s">
        <v>26</v>
      </c>
      <c r="B15925" t="s">
        <v>27</v>
      </c>
      <c r="C15925" t="s">
        <v>117</v>
      </c>
      <c r="D15925" t="s">
        <v>118</v>
      </c>
      <c r="E15925" s="6">
        <v>2021</v>
      </c>
      <c r="F15925" s="6">
        <v>2021</v>
      </c>
      <c r="G15925" t="s">
        <v>14</v>
      </c>
      <c r="H15925" t="s">
        <v>119</v>
      </c>
      <c r="I15925" t="s">
        <v>15</v>
      </c>
      <c r="J15925" s="10">
        <v>14.546418043917464</v>
      </c>
    </row>
    <row r="15926" spans="1:10" x14ac:dyDescent="0.35">
      <c r="A15926" t="s">
        <v>28</v>
      </c>
      <c r="B15926" t="s">
        <v>29</v>
      </c>
      <c r="C15926" t="s">
        <v>117</v>
      </c>
      <c r="D15926" t="s">
        <v>118</v>
      </c>
      <c r="E15926" s="6">
        <v>2021</v>
      </c>
      <c r="F15926" s="6">
        <v>2021</v>
      </c>
      <c r="G15926" t="s">
        <v>14</v>
      </c>
      <c r="H15926" t="s">
        <v>119</v>
      </c>
      <c r="I15926" t="s">
        <v>15</v>
      </c>
      <c r="J15926" s="10">
        <v>14.712147804766945</v>
      </c>
    </row>
    <row r="15927" spans="1:10" x14ac:dyDescent="0.35">
      <c r="A15927" t="s">
        <v>10</v>
      </c>
      <c r="B15927" t="s">
        <v>30</v>
      </c>
      <c r="C15927" t="s">
        <v>117</v>
      </c>
      <c r="D15927" t="s">
        <v>118</v>
      </c>
      <c r="E15927" s="6">
        <v>2021</v>
      </c>
      <c r="F15927" s="6">
        <v>2021</v>
      </c>
      <c r="G15927" t="s">
        <v>14</v>
      </c>
      <c r="H15927" t="s">
        <v>119</v>
      </c>
      <c r="I15927" t="s">
        <v>15</v>
      </c>
      <c r="J15927" s="10">
        <v>17.35954609327359</v>
      </c>
    </row>
    <row r="15928" spans="1:10" x14ac:dyDescent="0.35">
      <c r="A15928" t="s">
        <v>26</v>
      </c>
      <c r="B15928" t="s">
        <v>31</v>
      </c>
      <c r="C15928" t="s">
        <v>117</v>
      </c>
      <c r="D15928" t="s">
        <v>118</v>
      </c>
      <c r="E15928" s="6">
        <v>2021</v>
      </c>
      <c r="F15928" s="6">
        <v>2021</v>
      </c>
      <c r="G15928" t="s">
        <v>14</v>
      </c>
      <c r="H15928" t="s">
        <v>119</v>
      </c>
      <c r="I15928" t="s">
        <v>15</v>
      </c>
      <c r="J15928" s="10">
        <v>15.511203484895939</v>
      </c>
    </row>
    <row r="15929" spans="1:10" x14ac:dyDescent="0.35">
      <c r="A15929" t="s">
        <v>28</v>
      </c>
      <c r="B15929" t="s">
        <v>32</v>
      </c>
      <c r="C15929" t="s">
        <v>117</v>
      </c>
      <c r="D15929" t="s">
        <v>118</v>
      </c>
      <c r="E15929" s="6">
        <v>2021</v>
      </c>
      <c r="F15929" s="6">
        <v>2021</v>
      </c>
      <c r="G15929" t="s">
        <v>14</v>
      </c>
      <c r="H15929" t="s">
        <v>119</v>
      </c>
      <c r="I15929" t="s">
        <v>15</v>
      </c>
      <c r="J15929" s="10">
        <v>16.712139211258044</v>
      </c>
    </row>
    <row r="15930" spans="1:10" x14ac:dyDescent="0.35">
      <c r="A15930" t="s">
        <v>33</v>
      </c>
      <c r="B15930" t="s">
        <v>34</v>
      </c>
      <c r="C15930" t="s">
        <v>117</v>
      </c>
      <c r="D15930" t="s">
        <v>118</v>
      </c>
      <c r="E15930" s="6">
        <v>2021</v>
      </c>
      <c r="F15930" s="6">
        <v>2021</v>
      </c>
      <c r="G15930" t="s">
        <v>14</v>
      </c>
      <c r="H15930" t="s">
        <v>119</v>
      </c>
      <c r="I15930" t="s">
        <v>15</v>
      </c>
      <c r="J15930" s="10">
        <v>16.810218550418938</v>
      </c>
    </row>
    <row r="15931" spans="1:10" x14ac:dyDescent="0.35">
      <c r="A15931" t="s">
        <v>35</v>
      </c>
      <c r="B15931" t="s">
        <v>36</v>
      </c>
      <c r="C15931" t="s">
        <v>117</v>
      </c>
      <c r="D15931" t="s">
        <v>118</v>
      </c>
      <c r="E15931" s="6">
        <v>2021</v>
      </c>
      <c r="F15931" s="6">
        <v>2021</v>
      </c>
      <c r="G15931" t="s">
        <v>14</v>
      </c>
      <c r="H15931" t="s">
        <v>119</v>
      </c>
      <c r="I15931" t="s">
        <v>15</v>
      </c>
      <c r="J15931" s="10">
        <v>17.712756005238841</v>
      </c>
    </row>
    <row r="15932" spans="1:10" x14ac:dyDescent="0.35">
      <c r="A15932" t="s">
        <v>28</v>
      </c>
      <c r="B15932" t="s">
        <v>37</v>
      </c>
      <c r="C15932" t="s">
        <v>117</v>
      </c>
      <c r="D15932" t="s">
        <v>118</v>
      </c>
      <c r="E15932" s="6">
        <v>2021</v>
      </c>
      <c r="F15932" s="6">
        <v>2021</v>
      </c>
      <c r="G15932" t="s">
        <v>14</v>
      </c>
      <c r="H15932" t="s">
        <v>119</v>
      </c>
      <c r="I15932" t="s">
        <v>15</v>
      </c>
      <c r="J15932" s="10">
        <v>16.527414790038865</v>
      </c>
    </row>
    <row r="15933" spans="1:10" x14ac:dyDescent="0.35">
      <c r="A15933" t="s">
        <v>20</v>
      </c>
      <c r="B15933" t="s">
        <v>38</v>
      </c>
      <c r="C15933" t="s">
        <v>117</v>
      </c>
      <c r="D15933" t="s">
        <v>118</v>
      </c>
      <c r="E15933" s="6">
        <v>2021</v>
      </c>
      <c r="F15933" s="6">
        <v>2021</v>
      </c>
      <c r="G15933" t="s">
        <v>14</v>
      </c>
      <c r="H15933" t="s">
        <v>119</v>
      </c>
      <c r="I15933" t="s">
        <v>15</v>
      </c>
      <c r="J15933" s="10">
        <v>18.477657601559432</v>
      </c>
    </row>
    <row r="15934" spans="1:10" x14ac:dyDescent="0.35">
      <c r="A15934" t="s">
        <v>33</v>
      </c>
      <c r="B15934" t="s">
        <v>39</v>
      </c>
      <c r="C15934" t="s">
        <v>117</v>
      </c>
      <c r="D15934" t="s">
        <v>118</v>
      </c>
      <c r="E15934" s="6">
        <v>2021</v>
      </c>
      <c r="F15934" s="6">
        <v>2021</v>
      </c>
      <c r="G15934" t="s">
        <v>14</v>
      </c>
      <c r="H15934" t="s">
        <v>119</v>
      </c>
      <c r="I15934" t="s">
        <v>15</v>
      </c>
      <c r="J15934" s="10">
        <v>17.488277436299381</v>
      </c>
    </row>
    <row r="15935" spans="1:10" x14ac:dyDescent="0.35">
      <c r="A15935" t="s">
        <v>20</v>
      </c>
      <c r="B15935" t="s">
        <v>40</v>
      </c>
      <c r="C15935" t="s">
        <v>117</v>
      </c>
      <c r="D15935" t="s">
        <v>118</v>
      </c>
      <c r="E15935" s="6">
        <v>2021</v>
      </c>
      <c r="F15935" s="6">
        <v>2021</v>
      </c>
      <c r="G15935" t="s">
        <v>14</v>
      </c>
      <c r="H15935" t="s">
        <v>119</v>
      </c>
      <c r="I15935" t="s">
        <v>15</v>
      </c>
      <c r="J15935" s="10">
        <v>17.488153136301285</v>
      </c>
    </row>
    <row r="15936" spans="1:10" x14ac:dyDescent="0.35">
      <c r="A15936" t="s">
        <v>35</v>
      </c>
      <c r="B15936" t="s">
        <v>41</v>
      </c>
      <c r="C15936" t="s">
        <v>117</v>
      </c>
      <c r="D15936" t="s">
        <v>118</v>
      </c>
      <c r="E15936" s="6">
        <v>2021</v>
      </c>
      <c r="F15936" s="6">
        <v>2021</v>
      </c>
      <c r="G15936" t="s">
        <v>14</v>
      </c>
      <c r="H15936" t="s">
        <v>119</v>
      </c>
      <c r="I15936" t="s">
        <v>15</v>
      </c>
      <c r="J15936" s="10">
        <v>14.627260953711382</v>
      </c>
    </row>
    <row r="15937" spans="1:10" x14ac:dyDescent="0.35">
      <c r="A15937" t="s">
        <v>35</v>
      </c>
      <c r="B15937" t="s">
        <v>42</v>
      </c>
      <c r="C15937" t="s">
        <v>117</v>
      </c>
      <c r="D15937" t="s">
        <v>118</v>
      </c>
      <c r="E15937" s="6">
        <v>2021</v>
      </c>
      <c r="F15937" s="6">
        <v>2021</v>
      </c>
      <c r="G15937" t="s">
        <v>14</v>
      </c>
      <c r="H15937" t="s">
        <v>119</v>
      </c>
      <c r="I15937" t="s">
        <v>15</v>
      </c>
      <c r="J15937" s="10">
        <v>18.075085115803294</v>
      </c>
    </row>
    <row r="15938" spans="1:10" x14ac:dyDescent="0.35">
      <c r="A15938" t="s">
        <v>35</v>
      </c>
      <c r="B15938" t="s">
        <v>43</v>
      </c>
      <c r="C15938" t="s">
        <v>117</v>
      </c>
      <c r="D15938" t="s">
        <v>118</v>
      </c>
      <c r="E15938" s="6">
        <v>2021</v>
      </c>
      <c r="F15938" s="6">
        <v>2021</v>
      </c>
      <c r="G15938" t="s">
        <v>14</v>
      </c>
      <c r="H15938" t="s">
        <v>119</v>
      </c>
      <c r="I15938" t="s">
        <v>15</v>
      </c>
      <c r="J15938" s="10">
        <v>16.257613881670309</v>
      </c>
    </row>
    <row r="15939" spans="1:10" x14ac:dyDescent="0.35">
      <c r="A15939" t="s">
        <v>28</v>
      </c>
      <c r="B15939" t="s">
        <v>44</v>
      </c>
      <c r="C15939" t="s">
        <v>117</v>
      </c>
      <c r="D15939" t="s">
        <v>118</v>
      </c>
      <c r="E15939" s="6">
        <v>2021</v>
      </c>
      <c r="F15939" s="6">
        <v>2021</v>
      </c>
      <c r="G15939" t="s">
        <v>14</v>
      </c>
      <c r="H15939" t="s">
        <v>119</v>
      </c>
      <c r="I15939" t="s">
        <v>15</v>
      </c>
      <c r="J15939" s="10">
        <v>15.223504060126666</v>
      </c>
    </row>
    <row r="15940" spans="1:10" x14ac:dyDescent="0.35">
      <c r="A15940" t="s">
        <v>10</v>
      </c>
      <c r="B15940" t="s">
        <v>45</v>
      </c>
      <c r="C15940" t="s">
        <v>117</v>
      </c>
      <c r="D15940" t="s">
        <v>118</v>
      </c>
      <c r="E15940" s="6">
        <v>2021</v>
      </c>
      <c r="F15940" s="6">
        <v>2021</v>
      </c>
      <c r="G15940" t="s">
        <v>14</v>
      </c>
      <c r="H15940" t="s">
        <v>119</v>
      </c>
      <c r="I15940" t="s">
        <v>15</v>
      </c>
      <c r="J15940" s="10">
        <v>16.44921110782699</v>
      </c>
    </row>
    <row r="15941" spans="1:10" x14ac:dyDescent="0.35">
      <c r="A15941" t="s">
        <v>10</v>
      </c>
      <c r="B15941" t="s">
        <v>46</v>
      </c>
      <c r="C15941" t="s">
        <v>117</v>
      </c>
      <c r="D15941" t="s">
        <v>118</v>
      </c>
      <c r="E15941" s="6">
        <v>2021</v>
      </c>
      <c r="F15941" s="6">
        <v>2021</v>
      </c>
      <c r="G15941" t="s">
        <v>14</v>
      </c>
      <c r="H15941" t="s">
        <v>119</v>
      </c>
      <c r="I15941" t="s">
        <v>15</v>
      </c>
      <c r="J15941" s="10">
        <v>15.67346193476021</v>
      </c>
    </row>
    <row r="15942" spans="1:10" x14ac:dyDescent="0.35">
      <c r="A15942" t="s">
        <v>33</v>
      </c>
      <c r="B15942" t="s">
        <v>47</v>
      </c>
      <c r="C15942" t="s">
        <v>117</v>
      </c>
      <c r="D15942" t="s">
        <v>118</v>
      </c>
      <c r="E15942" s="6">
        <v>2021</v>
      </c>
      <c r="F15942" s="6">
        <v>2021</v>
      </c>
      <c r="G15942" t="s">
        <v>14</v>
      </c>
      <c r="H15942" t="s">
        <v>119</v>
      </c>
      <c r="I15942" t="s">
        <v>15</v>
      </c>
      <c r="J15942" s="10">
        <v>18.197326189693953</v>
      </c>
    </row>
    <row r="15943" spans="1:10" x14ac:dyDescent="0.35">
      <c r="A15943" t="s">
        <v>20</v>
      </c>
      <c r="B15943" t="s">
        <v>48</v>
      </c>
      <c r="C15943" t="s">
        <v>117</v>
      </c>
      <c r="D15943" t="s">
        <v>118</v>
      </c>
      <c r="E15943" s="6">
        <v>2021</v>
      </c>
      <c r="F15943" s="6">
        <v>2021</v>
      </c>
      <c r="G15943" t="s">
        <v>14</v>
      </c>
      <c r="H15943" t="s">
        <v>119</v>
      </c>
      <c r="I15943" t="s">
        <v>15</v>
      </c>
      <c r="J15943" s="10">
        <v>17.148480433504588</v>
      </c>
    </row>
    <row r="15944" spans="1:10" x14ac:dyDescent="0.35">
      <c r="A15944" t="s">
        <v>28</v>
      </c>
      <c r="B15944" t="s">
        <v>49</v>
      </c>
      <c r="C15944" t="s">
        <v>117</v>
      </c>
      <c r="D15944" t="s">
        <v>118</v>
      </c>
      <c r="E15944" s="6">
        <v>2021</v>
      </c>
      <c r="F15944" s="6">
        <v>2021</v>
      </c>
      <c r="G15944" t="s">
        <v>14</v>
      </c>
      <c r="H15944" t="s">
        <v>119</v>
      </c>
      <c r="I15944" t="s">
        <v>15</v>
      </c>
      <c r="J15944" s="10">
        <v>18.405935854475825</v>
      </c>
    </row>
    <row r="15945" spans="1:10" x14ac:dyDescent="0.35">
      <c r="A15945" t="s">
        <v>35</v>
      </c>
      <c r="B15945" t="s">
        <v>50</v>
      </c>
      <c r="C15945" t="s">
        <v>117</v>
      </c>
      <c r="D15945" t="s">
        <v>118</v>
      </c>
      <c r="E15945" s="6">
        <v>2021</v>
      </c>
      <c r="F15945" s="6">
        <v>2021</v>
      </c>
      <c r="G15945" t="s">
        <v>14</v>
      </c>
      <c r="H15945" t="s">
        <v>119</v>
      </c>
      <c r="I15945" t="s">
        <v>15</v>
      </c>
      <c r="J15945" s="10">
        <v>21.185403571229905</v>
      </c>
    </row>
    <row r="15946" spans="1:10" x14ac:dyDescent="0.35">
      <c r="A15946" t="s">
        <v>22</v>
      </c>
      <c r="B15946" t="s">
        <v>51</v>
      </c>
      <c r="C15946" t="s">
        <v>117</v>
      </c>
      <c r="D15946" t="s">
        <v>118</v>
      </c>
      <c r="E15946" s="6">
        <v>2021</v>
      </c>
      <c r="F15946" s="6">
        <v>2021</v>
      </c>
      <c r="G15946" t="s">
        <v>14</v>
      </c>
      <c r="H15946" t="s">
        <v>119</v>
      </c>
      <c r="I15946" t="s">
        <v>15</v>
      </c>
      <c r="J15946" s="10">
        <v>8.8178273929994244</v>
      </c>
    </row>
    <row r="15947" spans="1:10" x14ac:dyDescent="0.35">
      <c r="A15947" t="s">
        <v>22</v>
      </c>
      <c r="B15947" t="s">
        <v>52</v>
      </c>
      <c r="C15947" t="s">
        <v>117</v>
      </c>
      <c r="D15947" t="s">
        <v>118</v>
      </c>
      <c r="E15947" s="6">
        <v>2021</v>
      </c>
      <c r="F15947" s="6">
        <v>2021</v>
      </c>
      <c r="G15947" t="s">
        <v>14</v>
      </c>
      <c r="H15947" t="s">
        <v>119</v>
      </c>
      <c r="I15947" t="s">
        <v>15</v>
      </c>
      <c r="J15947" s="10">
        <v>17.26570921483869</v>
      </c>
    </row>
    <row r="15948" spans="1:10" x14ac:dyDescent="0.35">
      <c r="A15948" t="s">
        <v>22</v>
      </c>
      <c r="B15948" t="s">
        <v>53</v>
      </c>
      <c r="C15948" t="s">
        <v>117</v>
      </c>
      <c r="D15948" t="s">
        <v>118</v>
      </c>
      <c r="E15948" s="6">
        <v>2021</v>
      </c>
      <c r="F15948" s="6">
        <v>2021</v>
      </c>
      <c r="G15948" t="s">
        <v>14</v>
      </c>
      <c r="H15948" t="s">
        <v>119</v>
      </c>
      <c r="I15948" t="s">
        <v>15</v>
      </c>
      <c r="J15948" s="10">
        <v>13.550667714061273</v>
      </c>
    </row>
    <row r="15949" spans="1:10" x14ac:dyDescent="0.35">
      <c r="A15949" t="s">
        <v>22</v>
      </c>
      <c r="B15949" t="s">
        <v>54</v>
      </c>
      <c r="C15949" t="s">
        <v>117</v>
      </c>
      <c r="D15949" t="s">
        <v>118</v>
      </c>
      <c r="E15949" s="6">
        <v>2021</v>
      </c>
      <c r="F15949" s="6">
        <v>2021</v>
      </c>
      <c r="G15949" t="s">
        <v>14</v>
      </c>
      <c r="H15949" t="s">
        <v>119</v>
      </c>
      <c r="I15949" t="s">
        <v>15</v>
      </c>
      <c r="J15949" s="10">
        <v>18.3135043263288</v>
      </c>
    </row>
    <row r="15950" spans="1:10" x14ac:dyDescent="0.35">
      <c r="A15950" t="s">
        <v>22</v>
      </c>
      <c r="B15950" t="s">
        <v>55</v>
      </c>
      <c r="C15950" t="s">
        <v>117</v>
      </c>
      <c r="D15950" t="s">
        <v>118</v>
      </c>
      <c r="E15950" s="6">
        <v>2021</v>
      </c>
      <c r="F15950" s="6">
        <v>2021</v>
      </c>
      <c r="G15950" t="s">
        <v>14</v>
      </c>
      <c r="H15950" t="s">
        <v>119</v>
      </c>
      <c r="I15950" t="s">
        <v>15</v>
      </c>
      <c r="J15950" s="10">
        <v>13.863440362959167</v>
      </c>
    </row>
    <row r="15951" spans="1:10" x14ac:dyDescent="0.35">
      <c r="A15951" t="s">
        <v>22</v>
      </c>
      <c r="B15951" t="s">
        <v>56</v>
      </c>
      <c r="C15951" t="s">
        <v>117</v>
      </c>
      <c r="D15951" t="s">
        <v>118</v>
      </c>
      <c r="E15951" s="6">
        <v>2021</v>
      </c>
      <c r="F15951" s="6">
        <v>2021</v>
      </c>
      <c r="G15951" t="s">
        <v>14</v>
      </c>
      <c r="H15951" t="s">
        <v>119</v>
      </c>
      <c r="I15951" t="s">
        <v>15</v>
      </c>
      <c r="J15951" s="10">
        <v>18.84165411791961</v>
      </c>
    </row>
    <row r="15952" spans="1:10" x14ac:dyDescent="0.35">
      <c r="A15952" t="s">
        <v>28</v>
      </c>
      <c r="B15952" t="s">
        <v>58</v>
      </c>
      <c r="C15952" t="s">
        <v>117</v>
      </c>
      <c r="D15952" t="s">
        <v>118</v>
      </c>
      <c r="E15952" s="6">
        <v>2021</v>
      </c>
      <c r="F15952" s="6">
        <v>2021</v>
      </c>
      <c r="G15952" t="s">
        <v>14</v>
      </c>
      <c r="H15952" t="s">
        <v>119</v>
      </c>
      <c r="I15952" t="s">
        <v>15</v>
      </c>
      <c r="J15952" s="10">
        <v>15.427522935779816</v>
      </c>
    </row>
    <row r="15953" spans="1:10" x14ac:dyDescent="0.35">
      <c r="A15953" t="s">
        <v>20</v>
      </c>
      <c r="B15953" t="s">
        <v>59</v>
      </c>
      <c r="C15953" t="s">
        <v>117</v>
      </c>
      <c r="D15953" t="s">
        <v>118</v>
      </c>
      <c r="E15953" s="6">
        <v>2021</v>
      </c>
      <c r="F15953" s="6">
        <v>2021</v>
      </c>
      <c r="G15953" t="s">
        <v>14</v>
      </c>
      <c r="H15953" t="s">
        <v>119</v>
      </c>
      <c r="I15953" t="s">
        <v>15</v>
      </c>
      <c r="J15953" s="10">
        <v>17.389149745406794</v>
      </c>
    </row>
    <row r="15954" spans="1:10" x14ac:dyDescent="0.35">
      <c r="A15954" t="s">
        <v>20</v>
      </c>
      <c r="B15954" t="s">
        <v>60</v>
      </c>
      <c r="C15954" t="s">
        <v>117</v>
      </c>
      <c r="D15954" t="s">
        <v>118</v>
      </c>
      <c r="E15954" s="6">
        <v>2021</v>
      </c>
      <c r="F15954" s="6">
        <v>2021</v>
      </c>
      <c r="G15954" t="s">
        <v>14</v>
      </c>
      <c r="H15954" t="s">
        <v>119</v>
      </c>
      <c r="I15954" t="s">
        <v>15</v>
      </c>
      <c r="J15954" s="10">
        <v>16.913594138754483</v>
      </c>
    </row>
    <row r="15955" spans="1:10" x14ac:dyDescent="0.35">
      <c r="A15955" t="s">
        <v>28</v>
      </c>
      <c r="B15955" t="s">
        <v>61</v>
      </c>
      <c r="C15955" t="s">
        <v>117</v>
      </c>
      <c r="D15955" t="s">
        <v>118</v>
      </c>
      <c r="E15955" s="6">
        <v>2021</v>
      </c>
      <c r="F15955" s="6">
        <v>2021</v>
      </c>
      <c r="G15955" t="s">
        <v>14</v>
      </c>
      <c r="H15955" t="s">
        <v>119</v>
      </c>
      <c r="I15955" t="s">
        <v>15</v>
      </c>
      <c r="J15955" s="10">
        <v>15.541247041989983</v>
      </c>
    </row>
    <row r="15956" spans="1:10" x14ac:dyDescent="0.35">
      <c r="A15956" t="s">
        <v>62</v>
      </c>
      <c r="B15956" t="s">
        <v>63</v>
      </c>
      <c r="C15956" t="s">
        <v>117</v>
      </c>
      <c r="D15956" t="s">
        <v>118</v>
      </c>
      <c r="E15956" s="6">
        <v>2021</v>
      </c>
      <c r="F15956" s="6">
        <v>2021</v>
      </c>
      <c r="G15956" t="s">
        <v>14</v>
      </c>
      <c r="H15956" t="s">
        <v>119</v>
      </c>
      <c r="I15956" t="s">
        <v>15</v>
      </c>
      <c r="J15956" s="10">
        <v>17.595663350248397</v>
      </c>
    </row>
    <row r="15957" spans="1:10" x14ac:dyDescent="0.35">
      <c r="A15957" t="s">
        <v>62</v>
      </c>
      <c r="B15957" t="s">
        <v>64</v>
      </c>
      <c r="C15957" t="s">
        <v>117</v>
      </c>
      <c r="D15957" t="s">
        <v>118</v>
      </c>
      <c r="E15957" s="6">
        <v>2021</v>
      </c>
      <c r="F15957" s="6">
        <v>2021</v>
      </c>
      <c r="G15957" t="s">
        <v>14</v>
      </c>
      <c r="H15957" t="s">
        <v>119</v>
      </c>
      <c r="I15957" t="s">
        <v>15</v>
      </c>
      <c r="J15957" s="10">
        <v>15.663324411776456</v>
      </c>
    </row>
    <row r="15958" spans="1:10" x14ac:dyDescent="0.35">
      <c r="A15958" t="s">
        <v>62</v>
      </c>
      <c r="B15958" t="s">
        <v>65</v>
      </c>
      <c r="C15958" t="s">
        <v>117</v>
      </c>
      <c r="D15958" t="s">
        <v>118</v>
      </c>
      <c r="E15958" s="6">
        <v>2021</v>
      </c>
      <c r="F15958" s="6">
        <v>2021</v>
      </c>
      <c r="G15958" t="s">
        <v>14</v>
      </c>
      <c r="H15958" t="s">
        <v>119</v>
      </c>
      <c r="I15958" t="s">
        <v>15</v>
      </c>
      <c r="J15958" s="10">
        <v>8.3996980361718645</v>
      </c>
    </row>
    <row r="15959" spans="1:10" x14ac:dyDescent="0.35">
      <c r="A15959" t="s">
        <v>62</v>
      </c>
      <c r="B15959" t="s">
        <v>66</v>
      </c>
      <c r="C15959" t="s">
        <v>117</v>
      </c>
      <c r="D15959" t="s">
        <v>118</v>
      </c>
      <c r="E15959" s="6">
        <v>2021</v>
      </c>
      <c r="F15959" s="6">
        <v>2021</v>
      </c>
      <c r="G15959" t="s">
        <v>14</v>
      </c>
      <c r="H15959" t="s">
        <v>119</v>
      </c>
      <c r="I15959" t="s">
        <v>15</v>
      </c>
      <c r="J15959" s="10">
        <v>16.534858416708687</v>
      </c>
    </row>
    <row r="15960" spans="1:10" x14ac:dyDescent="0.35">
      <c r="A15960" t="s">
        <v>62</v>
      </c>
      <c r="B15960" t="s">
        <v>67</v>
      </c>
      <c r="C15960" t="s">
        <v>117</v>
      </c>
      <c r="D15960" t="s">
        <v>118</v>
      </c>
      <c r="E15960" s="6">
        <v>2021</v>
      </c>
      <c r="F15960" s="6">
        <v>2021</v>
      </c>
      <c r="G15960" t="s">
        <v>14</v>
      </c>
      <c r="H15960" t="s">
        <v>119</v>
      </c>
      <c r="I15960" t="s">
        <v>15</v>
      </c>
      <c r="J15960" s="10">
        <v>18.857610035264976</v>
      </c>
    </row>
    <row r="15961" spans="1:10" x14ac:dyDescent="0.35">
      <c r="A15961" t="s">
        <v>62</v>
      </c>
      <c r="B15961" t="s">
        <v>68</v>
      </c>
      <c r="C15961" t="s">
        <v>117</v>
      </c>
      <c r="D15961" t="s">
        <v>118</v>
      </c>
      <c r="E15961" s="6">
        <v>2021</v>
      </c>
      <c r="F15961" s="6">
        <v>2021</v>
      </c>
      <c r="G15961" t="s">
        <v>14</v>
      </c>
      <c r="H15961" t="s">
        <v>119</v>
      </c>
      <c r="I15961" t="s">
        <v>15</v>
      </c>
      <c r="J15961" s="10">
        <v>17.512791249374864</v>
      </c>
    </row>
    <row r="15962" spans="1:10" x14ac:dyDescent="0.35">
      <c r="A15962" t="s">
        <v>62</v>
      </c>
      <c r="B15962" t="s">
        <v>69</v>
      </c>
      <c r="C15962" t="s">
        <v>117</v>
      </c>
      <c r="D15962" t="s">
        <v>118</v>
      </c>
      <c r="E15962" s="6">
        <v>2021</v>
      </c>
      <c r="F15962" s="6">
        <v>2021</v>
      </c>
      <c r="G15962" t="s">
        <v>14</v>
      </c>
      <c r="H15962" t="s">
        <v>119</v>
      </c>
      <c r="I15962" t="s">
        <v>15</v>
      </c>
      <c r="J15962" s="10">
        <v>16.365379015820636</v>
      </c>
    </row>
    <row r="15963" spans="1:10" x14ac:dyDescent="0.35">
      <c r="A15963" t="s">
        <v>62</v>
      </c>
      <c r="B15963" t="s">
        <v>70</v>
      </c>
      <c r="C15963" t="s">
        <v>117</v>
      </c>
      <c r="D15963" t="s">
        <v>118</v>
      </c>
      <c r="E15963" s="6">
        <v>2021</v>
      </c>
      <c r="F15963" s="6">
        <v>2021</v>
      </c>
      <c r="G15963" t="s">
        <v>14</v>
      </c>
      <c r="H15963" t="s">
        <v>119</v>
      </c>
      <c r="I15963" t="s">
        <v>15</v>
      </c>
      <c r="J15963" s="10">
        <v>16.324355347845692</v>
      </c>
    </row>
    <row r="15964" spans="1:10" x14ac:dyDescent="0.35">
      <c r="A15964" t="s">
        <v>35</v>
      </c>
      <c r="B15964" t="s">
        <v>71</v>
      </c>
      <c r="C15964" t="s">
        <v>117</v>
      </c>
      <c r="D15964" t="s">
        <v>118</v>
      </c>
      <c r="E15964" s="6">
        <v>2021</v>
      </c>
      <c r="F15964" s="6">
        <v>2021</v>
      </c>
      <c r="G15964" t="s">
        <v>14</v>
      </c>
      <c r="H15964" t="s">
        <v>119</v>
      </c>
      <c r="I15964" t="s">
        <v>15</v>
      </c>
      <c r="J15964" s="10">
        <v>15.994175790328452</v>
      </c>
    </row>
    <row r="15965" spans="1:10" x14ac:dyDescent="0.35">
      <c r="A15965" t="s">
        <v>20</v>
      </c>
      <c r="B15965" t="s">
        <v>72</v>
      </c>
      <c r="C15965" t="s">
        <v>117</v>
      </c>
      <c r="D15965" t="s">
        <v>118</v>
      </c>
      <c r="E15965" s="6">
        <v>2021</v>
      </c>
      <c r="F15965" s="6">
        <v>2021</v>
      </c>
      <c r="G15965" t="s">
        <v>14</v>
      </c>
      <c r="H15965" t="s">
        <v>119</v>
      </c>
      <c r="I15965" t="s">
        <v>15</v>
      </c>
      <c r="J15965" s="10">
        <v>17.547458868980218</v>
      </c>
    </row>
    <row r="15966" spans="1:10" x14ac:dyDescent="0.35">
      <c r="A15966" t="s">
        <v>26</v>
      </c>
      <c r="B15966" t="s">
        <v>73</v>
      </c>
      <c r="C15966" t="s">
        <v>117</v>
      </c>
      <c r="D15966" t="s">
        <v>118</v>
      </c>
      <c r="E15966" s="6">
        <v>2021</v>
      </c>
      <c r="F15966" s="6">
        <v>2021</v>
      </c>
      <c r="G15966" t="s">
        <v>14</v>
      </c>
      <c r="H15966" t="s">
        <v>119</v>
      </c>
      <c r="I15966" t="s">
        <v>15</v>
      </c>
      <c r="J15966" s="10">
        <v>16.848376723492358</v>
      </c>
    </row>
    <row r="15967" spans="1:10" x14ac:dyDescent="0.35">
      <c r="A15967" t="s">
        <v>28</v>
      </c>
      <c r="B15967" t="s">
        <v>74</v>
      </c>
      <c r="C15967" t="s">
        <v>117</v>
      </c>
      <c r="D15967" t="s">
        <v>118</v>
      </c>
      <c r="E15967" s="6">
        <v>2021</v>
      </c>
      <c r="F15967" s="6">
        <v>2021</v>
      </c>
      <c r="G15967" t="s">
        <v>14</v>
      </c>
      <c r="H15967" t="s">
        <v>119</v>
      </c>
      <c r="I15967" t="s">
        <v>15</v>
      </c>
      <c r="J15967" s="10">
        <v>17.125246311337531</v>
      </c>
    </row>
    <row r="15968" spans="1:10" x14ac:dyDescent="0.35">
      <c r="A15968" t="s">
        <v>33</v>
      </c>
      <c r="B15968" t="s">
        <v>75</v>
      </c>
      <c r="C15968" t="s">
        <v>117</v>
      </c>
      <c r="D15968" t="s">
        <v>118</v>
      </c>
      <c r="E15968" s="6">
        <v>2021</v>
      </c>
      <c r="F15968" s="6">
        <v>2021</v>
      </c>
      <c r="G15968" t="s">
        <v>14</v>
      </c>
      <c r="H15968" t="s">
        <v>119</v>
      </c>
      <c r="I15968" t="s">
        <v>15</v>
      </c>
      <c r="J15968" s="10">
        <v>18.065130451342601</v>
      </c>
    </row>
    <row r="15969" spans="1:10" x14ac:dyDescent="0.35">
      <c r="A15969" t="s">
        <v>22</v>
      </c>
      <c r="B15969" t="s">
        <v>76</v>
      </c>
      <c r="C15969" t="s">
        <v>117</v>
      </c>
      <c r="D15969" t="s">
        <v>118</v>
      </c>
      <c r="E15969" s="6">
        <v>2021</v>
      </c>
      <c r="F15969" s="6">
        <v>2021</v>
      </c>
      <c r="G15969" t="s">
        <v>14</v>
      </c>
      <c r="H15969" t="s">
        <v>119</v>
      </c>
      <c r="I15969" t="s">
        <v>15</v>
      </c>
      <c r="J15969" s="10">
        <v>19.216696727647513</v>
      </c>
    </row>
    <row r="15970" spans="1:10" x14ac:dyDescent="0.35">
      <c r="A15970" t="s">
        <v>33</v>
      </c>
      <c r="B15970" t="s">
        <v>77</v>
      </c>
      <c r="C15970" t="s">
        <v>117</v>
      </c>
      <c r="D15970" t="s">
        <v>118</v>
      </c>
      <c r="E15970" s="6">
        <v>2021</v>
      </c>
      <c r="F15970" s="6">
        <v>2021</v>
      </c>
      <c r="G15970" t="s">
        <v>14</v>
      </c>
      <c r="H15970" t="s">
        <v>119</v>
      </c>
      <c r="I15970" t="s">
        <v>15</v>
      </c>
      <c r="J15970" s="10">
        <v>17.560033996456301</v>
      </c>
    </row>
    <row r="15971" spans="1:10" x14ac:dyDescent="0.35">
      <c r="A15971" t="s">
        <v>22</v>
      </c>
      <c r="B15971" t="s">
        <v>78</v>
      </c>
      <c r="C15971" t="s">
        <v>117</v>
      </c>
      <c r="D15971" t="s">
        <v>118</v>
      </c>
      <c r="E15971" s="6">
        <v>2021</v>
      </c>
      <c r="F15971" s="6">
        <v>2021</v>
      </c>
      <c r="G15971" t="s">
        <v>14</v>
      </c>
      <c r="H15971" t="s">
        <v>119</v>
      </c>
      <c r="I15971" t="s">
        <v>15</v>
      </c>
      <c r="J15971" s="10">
        <v>18.809768344174369</v>
      </c>
    </row>
    <row r="15972" spans="1:10" x14ac:dyDescent="0.35">
      <c r="A15972" t="s">
        <v>28</v>
      </c>
      <c r="B15972" t="s">
        <v>79</v>
      </c>
      <c r="C15972" t="s">
        <v>117</v>
      </c>
      <c r="D15972" t="s">
        <v>118</v>
      </c>
      <c r="E15972" s="6">
        <v>2021</v>
      </c>
      <c r="F15972" s="6">
        <v>2021</v>
      </c>
      <c r="G15972" t="s">
        <v>14</v>
      </c>
      <c r="H15972" t="s">
        <v>119</v>
      </c>
      <c r="I15972" t="s">
        <v>15</v>
      </c>
      <c r="J15972" s="10">
        <v>17.850923238436362</v>
      </c>
    </row>
    <row r="15973" spans="1:10" x14ac:dyDescent="0.35">
      <c r="A15973" t="s">
        <v>26</v>
      </c>
      <c r="B15973" t="s">
        <v>80</v>
      </c>
      <c r="C15973" t="s">
        <v>117</v>
      </c>
      <c r="D15973" t="s">
        <v>118</v>
      </c>
      <c r="E15973" s="6">
        <v>2021</v>
      </c>
      <c r="F15973" s="6">
        <v>2021</v>
      </c>
      <c r="G15973" t="s">
        <v>14</v>
      </c>
      <c r="H15973" t="s">
        <v>119</v>
      </c>
      <c r="I15973" t="s">
        <v>15</v>
      </c>
      <c r="J15973" s="10">
        <v>16.571773636991026</v>
      </c>
    </row>
    <row r="15974" spans="1:10" x14ac:dyDescent="0.35">
      <c r="A15974" t="s">
        <v>20</v>
      </c>
      <c r="B15974" t="s">
        <v>81</v>
      </c>
      <c r="C15974" t="s">
        <v>117</v>
      </c>
      <c r="D15974" t="s">
        <v>118</v>
      </c>
      <c r="E15974" s="6">
        <v>2021</v>
      </c>
      <c r="F15974" s="6">
        <v>2021</v>
      </c>
      <c r="G15974" t="s">
        <v>14</v>
      </c>
      <c r="H15974" t="s">
        <v>119</v>
      </c>
      <c r="I15974" t="s">
        <v>15</v>
      </c>
      <c r="J15974" s="10">
        <v>17.969210612512281</v>
      </c>
    </row>
    <row r="15975" spans="1:10" x14ac:dyDescent="0.35">
      <c r="A15975" t="s">
        <v>26</v>
      </c>
      <c r="B15975" t="s">
        <v>57</v>
      </c>
      <c r="C15975" t="s">
        <v>117</v>
      </c>
      <c r="D15975" t="s">
        <v>118</v>
      </c>
      <c r="E15975" s="6">
        <v>2021</v>
      </c>
      <c r="F15975" s="6">
        <v>2021</v>
      </c>
      <c r="G15975" t="s">
        <v>14</v>
      </c>
      <c r="H15975" t="s">
        <v>119</v>
      </c>
      <c r="I15975" t="s">
        <v>15</v>
      </c>
      <c r="J15975" s="10">
        <v>15.24024024024024</v>
      </c>
    </row>
    <row r="15976" spans="1:10" x14ac:dyDescent="0.35">
      <c r="A15976" t="s">
        <v>33</v>
      </c>
      <c r="B15976" t="s">
        <v>82</v>
      </c>
      <c r="C15976" t="s">
        <v>117</v>
      </c>
      <c r="D15976" t="s">
        <v>118</v>
      </c>
      <c r="E15976" s="6">
        <v>2021</v>
      </c>
      <c r="F15976" s="6">
        <v>2021</v>
      </c>
      <c r="G15976" t="s">
        <v>14</v>
      </c>
      <c r="H15976" t="s">
        <v>119</v>
      </c>
      <c r="I15976" t="s">
        <v>15</v>
      </c>
      <c r="J15976" s="10">
        <v>13.579701412599585</v>
      </c>
    </row>
    <row r="15977" spans="1:10" x14ac:dyDescent="0.35">
      <c r="A15977" t="s">
        <v>26</v>
      </c>
      <c r="B15977" t="s">
        <v>83</v>
      </c>
      <c r="C15977" t="s">
        <v>117</v>
      </c>
      <c r="D15977" t="s">
        <v>118</v>
      </c>
      <c r="E15977" s="6">
        <v>2021</v>
      </c>
      <c r="F15977" s="6">
        <v>2021</v>
      </c>
      <c r="G15977" t="s">
        <v>14</v>
      </c>
      <c r="H15977" t="s">
        <v>119</v>
      </c>
      <c r="I15977" t="s">
        <v>15</v>
      </c>
      <c r="J15977" s="10">
        <v>15.763087843833185</v>
      </c>
    </row>
    <row r="15978" spans="1:10" x14ac:dyDescent="0.35">
      <c r="A15978" t="s">
        <v>35</v>
      </c>
      <c r="B15978" t="s">
        <v>84</v>
      </c>
      <c r="C15978" t="s">
        <v>117</v>
      </c>
      <c r="D15978" t="s">
        <v>118</v>
      </c>
      <c r="E15978" s="6">
        <v>2021</v>
      </c>
      <c r="F15978" s="6">
        <v>2021</v>
      </c>
      <c r="G15978" t="s">
        <v>14</v>
      </c>
      <c r="H15978" t="s">
        <v>119</v>
      </c>
      <c r="I15978" t="s">
        <v>15</v>
      </c>
      <c r="J15978" s="10">
        <v>15.577119509703779</v>
      </c>
    </row>
    <row r="15979" spans="1:10" x14ac:dyDescent="0.35">
      <c r="A15979" t="s">
        <v>33</v>
      </c>
      <c r="B15979" t="s">
        <v>85</v>
      </c>
      <c r="C15979" t="s">
        <v>117</v>
      </c>
      <c r="D15979" t="s">
        <v>118</v>
      </c>
      <c r="E15979" s="6">
        <v>2021</v>
      </c>
      <c r="F15979" s="6">
        <v>2021</v>
      </c>
      <c r="G15979" t="s">
        <v>14</v>
      </c>
      <c r="H15979" t="s">
        <v>119</v>
      </c>
      <c r="I15979" t="s">
        <v>15</v>
      </c>
      <c r="J15979" s="10">
        <v>14.675277103203136</v>
      </c>
    </row>
    <row r="15980" spans="1:10" x14ac:dyDescent="0.35">
      <c r="A15980" t="s">
        <v>33</v>
      </c>
      <c r="B15980" t="s">
        <v>86</v>
      </c>
      <c r="C15980" t="s">
        <v>117</v>
      </c>
      <c r="D15980" t="s">
        <v>118</v>
      </c>
      <c r="E15980" s="6">
        <v>2021</v>
      </c>
      <c r="F15980" s="6">
        <v>2021</v>
      </c>
      <c r="G15980" t="s">
        <v>14</v>
      </c>
      <c r="H15980" t="s">
        <v>119</v>
      </c>
      <c r="I15980" t="s">
        <v>15</v>
      </c>
      <c r="J15980" s="10">
        <v>16.730128213130921</v>
      </c>
    </row>
    <row r="15981" spans="1:10" x14ac:dyDescent="0.35">
      <c r="A15981" t="s">
        <v>35</v>
      </c>
      <c r="B15981" t="s">
        <v>87</v>
      </c>
      <c r="C15981" t="s">
        <v>117</v>
      </c>
      <c r="D15981" t="s">
        <v>118</v>
      </c>
      <c r="E15981" s="6">
        <v>2021</v>
      </c>
      <c r="F15981" s="6">
        <v>2021</v>
      </c>
      <c r="G15981" t="s">
        <v>14</v>
      </c>
      <c r="H15981" t="s">
        <v>119</v>
      </c>
      <c r="I15981" t="s">
        <v>15</v>
      </c>
      <c r="J15981" s="10">
        <v>16.586383349089871</v>
      </c>
    </row>
    <row r="15982" spans="1:10" x14ac:dyDescent="0.35">
      <c r="A15982" t="s">
        <v>35</v>
      </c>
      <c r="B15982" t="s">
        <v>88</v>
      </c>
      <c r="C15982" t="s">
        <v>117</v>
      </c>
      <c r="D15982" t="s">
        <v>118</v>
      </c>
      <c r="E15982" s="6">
        <v>2021</v>
      </c>
      <c r="F15982" s="6">
        <v>2021</v>
      </c>
      <c r="G15982" t="s">
        <v>14</v>
      </c>
      <c r="H15982" t="s">
        <v>119</v>
      </c>
      <c r="I15982" t="s">
        <v>15</v>
      </c>
      <c r="J15982" s="10">
        <v>17.917826019406505</v>
      </c>
    </row>
    <row r="15983" spans="1:10" x14ac:dyDescent="0.35">
      <c r="A15983" t="s">
        <v>62</v>
      </c>
      <c r="B15983" t="s">
        <v>89</v>
      </c>
      <c r="C15983" t="s">
        <v>117</v>
      </c>
      <c r="D15983" t="s">
        <v>118</v>
      </c>
      <c r="E15983" s="6">
        <v>2021</v>
      </c>
      <c r="F15983" s="6">
        <v>2021</v>
      </c>
      <c r="G15983" t="s">
        <v>14</v>
      </c>
      <c r="H15983" t="s">
        <v>119</v>
      </c>
      <c r="I15983" t="s">
        <v>15</v>
      </c>
      <c r="J15983" s="10">
        <v>17.958779333058871</v>
      </c>
    </row>
    <row r="15984" spans="1:10" x14ac:dyDescent="0.35">
      <c r="A15984" t="s">
        <v>26</v>
      </c>
      <c r="B15984" t="s">
        <v>90</v>
      </c>
      <c r="C15984" t="s">
        <v>117</v>
      </c>
      <c r="D15984" t="s">
        <v>118</v>
      </c>
      <c r="E15984" s="6">
        <v>2021</v>
      </c>
      <c r="F15984" s="6">
        <v>2021</v>
      </c>
      <c r="G15984" t="s">
        <v>14</v>
      </c>
      <c r="H15984" t="s">
        <v>119</v>
      </c>
      <c r="I15984" t="s">
        <v>15</v>
      </c>
      <c r="J15984" s="10">
        <v>17.890148212728857</v>
      </c>
    </row>
    <row r="15985" spans="1:10" x14ac:dyDescent="0.35">
      <c r="A15985" t="s">
        <v>26</v>
      </c>
      <c r="B15985" t="s">
        <v>91</v>
      </c>
      <c r="C15985" t="s">
        <v>117</v>
      </c>
      <c r="D15985" t="s">
        <v>118</v>
      </c>
      <c r="E15985" s="6">
        <v>2021</v>
      </c>
      <c r="F15985" s="6">
        <v>2021</v>
      </c>
      <c r="G15985" t="s">
        <v>14</v>
      </c>
      <c r="H15985" t="s">
        <v>119</v>
      </c>
      <c r="I15985" t="s">
        <v>15</v>
      </c>
      <c r="J15985" s="10">
        <v>15.497987274379952</v>
      </c>
    </row>
    <row r="15986" spans="1:10" x14ac:dyDescent="0.35">
      <c r="A15986" t="s">
        <v>33</v>
      </c>
      <c r="B15986" t="s">
        <v>92</v>
      </c>
      <c r="C15986" t="s">
        <v>117</v>
      </c>
      <c r="D15986" t="s">
        <v>118</v>
      </c>
      <c r="E15986" s="6">
        <v>2021</v>
      </c>
      <c r="F15986" s="6">
        <v>2021</v>
      </c>
      <c r="G15986" t="s">
        <v>14</v>
      </c>
      <c r="H15986" t="s">
        <v>119</v>
      </c>
      <c r="I15986" t="s">
        <v>15</v>
      </c>
      <c r="J15986" s="10">
        <v>16.091579578327384</v>
      </c>
    </row>
    <row r="15987" spans="1:10" x14ac:dyDescent="0.35">
      <c r="A15987" t="s">
        <v>35</v>
      </c>
      <c r="B15987" t="s">
        <v>93</v>
      </c>
      <c r="C15987" t="s">
        <v>117</v>
      </c>
      <c r="D15987" t="s">
        <v>118</v>
      </c>
      <c r="E15987" s="6">
        <v>2021</v>
      </c>
      <c r="F15987" s="6">
        <v>2021</v>
      </c>
      <c r="G15987" t="s">
        <v>14</v>
      </c>
      <c r="H15987" t="s">
        <v>119</v>
      </c>
      <c r="I15987" t="s">
        <v>15</v>
      </c>
      <c r="J15987" s="10">
        <v>17.790173568742684</v>
      </c>
    </row>
    <row r="15988" spans="1:10" x14ac:dyDescent="0.35">
      <c r="A15988" t="s">
        <v>20</v>
      </c>
      <c r="B15988" t="s">
        <v>94</v>
      </c>
      <c r="C15988" t="s">
        <v>117</v>
      </c>
      <c r="D15988" t="s">
        <v>118</v>
      </c>
      <c r="E15988" s="6">
        <v>2021</v>
      </c>
      <c r="F15988" s="6">
        <v>2021</v>
      </c>
      <c r="G15988" t="s">
        <v>14</v>
      </c>
      <c r="H15988" t="s">
        <v>119</v>
      </c>
      <c r="I15988" t="s">
        <v>15</v>
      </c>
      <c r="J15988" s="10">
        <v>17.659634544794482</v>
      </c>
    </row>
    <row r="15989" spans="1:10" x14ac:dyDescent="0.35">
      <c r="A15989" t="s">
        <v>10</v>
      </c>
      <c r="B15989" t="s">
        <v>11</v>
      </c>
      <c r="C15989" t="s">
        <v>117</v>
      </c>
      <c r="D15989" t="s">
        <v>118</v>
      </c>
      <c r="E15989" s="6">
        <v>2021</v>
      </c>
      <c r="F15989" s="6">
        <v>2021</v>
      </c>
      <c r="G15989" t="s">
        <v>126</v>
      </c>
      <c r="H15989" t="s">
        <v>119</v>
      </c>
      <c r="I15989" t="s">
        <v>15</v>
      </c>
      <c r="J15989" s="10">
        <v>12.528292181069958</v>
      </c>
    </row>
    <row r="15990" spans="1:10" x14ac:dyDescent="0.35">
      <c r="A15990" t="s">
        <v>10</v>
      </c>
      <c r="B15990" t="s">
        <v>16</v>
      </c>
      <c r="C15990" t="s">
        <v>117</v>
      </c>
      <c r="D15990" t="s">
        <v>118</v>
      </c>
      <c r="E15990" s="6">
        <v>2021</v>
      </c>
      <c r="F15990" s="6">
        <v>2021</v>
      </c>
      <c r="G15990" t="s">
        <v>126</v>
      </c>
      <c r="H15990" t="s">
        <v>119</v>
      </c>
      <c r="I15990" t="s">
        <v>15</v>
      </c>
      <c r="J15990" s="10">
        <v>16.856667711069871</v>
      </c>
    </row>
    <row r="15991" spans="1:10" x14ac:dyDescent="0.35">
      <c r="A15991" t="s">
        <v>10</v>
      </c>
      <c r="B15991" t="s">
        <v>17</v>
      </c>
      <c r="C15991" t="s">
        <v>117</v>
      </c>
      <c r="D15991" t="s">
        <v>118</v>
      </c>
      <c r="E15991" s="6">
        <v>2021</v>
      </c>
      <c r="F15991" s="6">
        <v>2021</v>
      </c>
      <c r="G15991" t="s">
        <v>126</v>
      </c>
      <c r="H15991" t="s">
        <v>119</v>
      </c>
      <c r="I15991" t="s">
        <v>15</v>
      </c>
      <c r="J15991" s="10">
        <v>17.332951234656349</v>
      </c>
    </row>
    <row r="15992" spans="1:10" x14ac:dyDescent="0.35">
      <c r="A15992" t="s">
        <v>10</v>
      </c>
      <c r="B15992" t="s">
        <v>18</v>
      </c>
      <c r="C15992" t="s">
        <v>117</v>
      </c>
      <c r="D15992" t="s">
        <v>118</v>
      </c>
      <c r="E15992" s="6">
        <v>2021</v>
      </c>
      <c r="F15992" s="6">
        <v>2021</v>
      </c>
      <c r="G15992" t="s">
        <v>126</v>
      </c>
      <c r="H15992" t="s">
        <v>119</v>
      </c>
      <c r="I15992" t="s">
        <v>15</v>
      </c>
      <c r="J15992" s="10">
        <v>18.026468877254217</v>
      </c>
    </row>
    <row r="15993" spans="1:10" x14ac:dyDescent="0.35">
      <c r="A15993" t="s">
        <v>10</v>
      </c>
      <c r="B15993" t="s">
        <v>19</v>
      </c>
      <c r="C15993" t="s">
        <v>117</v>
      </c>
      <c r="D15993" t="s">
        <v>118</v>
      </c>
      <c r="E15993" s="6">
        <v>2021</v>
      </c>
      <c r="F15993" s="6">
        <v>2021</v>
      </c>
      <c r="G15993" t="s">
        <v>126</v>
      </c>
      <c r="H15993" t="s">
        <v>119</v>
      </c>
      <c r="I15993" t="s">
        <v>15</v>
      </c>
      <c r="J15993" s="10">
        <v>18.175937904269084</v>
      </c>
    </row>
    <row r="15994" spans="1:10" x14ac:dyDescent="0.35">
      <c r="A15994" t="s">
        <v>20</v>
      </c>
      <c r="B15994" t="s">
        <v>21</v>
      </c>
      <c r="C15994" t="s">
        <v>117</v>
      </c>
      <c r="D15994" t="s">
        <v>118</v>
      </c>
      <c r="E15994" s="6">
        <v>2021</v>
      </c>
      <c r="F15994" s="6">
        <v>2021</v>
      </c>
      <c r="G15994" t="s">
        <v>126</v>
      </c>
      <c r="H15994" t="s">
        <v>119</v>
      </c>
      <c r="I15994" t="s">
        <v>15</v>
      </c>
      <c r="J15994" s="10">
        <v>17.417783191230207</v>
      </c>
    </row>
    <row r="15995" spans="1:10" x14ac:dyDescent="0.35">
      <c r="A15995" t="s">
        <v>22</v>
      </c>
      <c r="B15995" t="s">
        <v>23</v>
      </c>
      <c r="C15995" t="s">
        <v>117</v>
      </c>
      <c r="D15995" t="s">
        <v>118</v>
      </c>
      <c r="E15995" s="6">
        <v>2021</v>
      </c>
      <c r="F15995" s="6">
        <v>2021</v>
      </c>
      <c r="G15995" t="s">
        <v>126</v>
      </c>
      <c r="H15995" t="s">
        <v>119</v>
      </c>
      <c r="I15995" t="s">
        <v>15</v>
      </c>
      <c r="J15995" s="10">
        <v>17.78093883357041</v>
      </c>
    </row>
    <row r="15996" spans="1:10" x14ac:dyDescent="0.35">
      <c r="A15996" t="s">
        <v>10</v>
      </c>
      <c r="B15996" t="s">
        <v>24</v>
      </c>
      <c r="C15996" t="s">
        <v>117</v>
      </c>
      <c r="D15996" t="s">
        <v>118</v>
      </c>
      <c r="E15996" s="6">
        <v>2021</v>
      </c>
      <c r="F15996" s="6">
        <v>2021</v>
      </c>
      <c r="G15996" t="s">
        <v>126</v>
      </c>
      <c r="H15996" t="s">
        <v>119</v>
      </c>
      <c r="I15996" t="s">
        <v>15</v>
      </c>
      <c r="J15996" s="10">
        <v>16.197418206098373</v>
      </c>
    </row>
    <row r="15997" spans="1:10" x14ac:dyDescent="0.35">
      <c r="A15997" t="s">
        <v>10</v>
      </c>
      <c r="B15997" t="s">
        <v>25</v>
      </c>
      <c r="C15997" t="s">
        <v>117</v>
      </c>
      <c r="D15997" t="s">
        <v>118</v>
      </c>
      <c r="E15997" s="6">
        <v>2021</v>
      </c>
      <c r="F15997" s="6">
        <v>2021</v>
      </c>
      <c r="G15997" t="s">
        <v>126</v>
      </c>
      <c r="H15997" t="s">
        <v>119</v>
      </c>
      <c r="I15997" t="s">
        <v>15</v>
      </c>
      <c r="J15997" s="10">
        <v>15.141488207110147</v>
      </c>
    </row>
    <row r="15998" spans="1:10" x14ac:dyDescent="0.35">
      <c r="A15998" t="s">
        <v>26</v>
      </c>
      <c r="B15998" t="s">
        <v>27</v>
      </c>
      <c r="C15998" t="s">
        <v>117</v>
      </c>
      <c r="D15998" t="s">
        <v>118</v>
      </c>
      <c r="E15998" s="6">
        <v>2021</v>
      </c>
      <c r="F15998" s="6">
        <v>2021</v>
      </c>
      <c r="G15998" t="s">
        <v>126</v>
      </c>
      <c r="H15998" t="s">
        <v>119</v>
      </c>
      <c r="I15998" t="s">
        <v>15</v>
      </c>
      <c r="J15998" s="10">
        <v>13.830684398313331</v>
      </c>
    </row>
    <row r="15999" spans="1:10" x14ac:dyDescent="0.35">
      <c r="A15999" t="s">
        <v>28</v>
      </c>
      <c r="B15999" t="s">
        <v>29</v>
      </c>
      <c r="C15999" t="s">
        <v>117</v>
      </c>
      <c r="D15999" t="s">
        <v>118</v>
      </c>
      <c r="E15999" s="6">
        <v>2021</v>
      </c>
      <c r="F15999" s="6">
        <v>2021</v>
      </c>
      <c r="G15999" t="s">
        <v>126</v>
      </c>
      <c r="H15999" t="s">
        <v>119</v>
      </c>
      <c r="I15999" t="s">
        <v>15</v>
      </c>
      <c r="J15999" s="10">
        <v>13.838886761138772</v>
      </c>
    </row>
    <row r="16000" spans="1:10" x14ac:dyDescent="0.35">
      <c r="A16000" t="s">
        <v>10</v>
      </c>
      <c r="B16000" t="s">
        <v>30</v>
      </c>
      <c r="C16000" t="s">
        <v>117</v>
      </c>
      <c r="D16000" t="s">
        <v>118</v>
      </c>
      <c r="E16000" s="6">
        <v>2021</v>
      </c>
      <c r="F16000" s="6">
        <v>2021</v>
      </c>
      <c r="G16000" t="s">
        <v>126</v>
      </c>
      <c r="H16000" t="s">
        <v>119</v>
      </c>
      <c r="I16000" t="s">
        <v>15</v>
      </c>
      <c r="J16000" s="10">
        <v>16.915213152763872</v>
      </c>
    </row>
    <row r="16001" spans="1:10" x14ac:dyDescent="0.35">
      <c r="A16001" t="s">
        <v>26</v>
      </c>
      <c r="B16001" t="s">
        <v>31</v>
      </c>
      <c r="C16001" t="s">
        <v>117</v>
      </c>
      <c r="D16001" t="s">
        <v>118</v>
      </c>
      <c r="E16001" s="6">
        <v>2021</v>
      </c>
      <c r="F16001" s="6">
        <v>2021</v>
      </c>
      <c r="G16001" t="s">
        <v>126</v>
      </c>
      <c r="H16001" t="s">
        <v>119</v>
      </c>
      <c r="I16001" t="s">
        <v>15</v>
      </c>
      <c r="J16001" s="10">
        <v>14.837278521888075</v>
      </c>
    </row>
    <row r="16002" spans="1:10" x14ac:dyDescent="0.35">
      <c r="A16002" t="s">
        <v>28</v>
      </c>
      <c r="B16002" t="s">
        <v>32</v>
      </c>
      <c r="C16002" t="s">
        <v>117</v>
      </c>
      <c r="D16002" t="s">
        <v>118</v>
      </c>
      <c r="E16002" s="6">
        <v>2021</v>
      </c>
      <c r="F16002" s="6">
        <v>2021</v>
      </c>
      <c r="G16002" t="s">
        <v>126</v>
      </c>
      <c r="H16002" t="s">
        <v>119</v>
      </c>
      <c r="I16002" t="s">
        <v>15</v>
      </c>
      <c r="J16002" s="10">
        <v>15.793487378936932</v>
      </c>
    </row>
    <row r="16003" spans="1:10" x14ac:dyDescent="0.35">
      <c r="A16003" t="s">
        <v>33</v>
      </c>
      <c r="B16003" t="s">
        <v>34</v>
      </c>
      <c r="C16003" t="s">
        <v>117</v>
      </c>
      <c r="D16003" t="s">
        <v>118</v>
      </c>
      <c r="E16003" s="6">
        <v>2021</v>
      </c>
      <c r="F16003" s="6">
        <v>2021</v>
      </c>
      <c r="G16003" t="s">
        <v>126</v>
      </c>
      <c r="H16003" t="s">
        <v>119</v>
      </c>
      <c r="I16003" t="s">
        <v>15</v>
      </c>
      <c r="J16003" s="10">
        <v>15.985947675082828</v>
      </c>
    </row>
    <row r="16004" spans="1:10" x14ac:dyDescent="0.35">
      <c r="A16004" t="s">
        <v>35</v>
      </c>
      <c r="B16004" t="s">
        <v>36</v>
      </c>
      <c r="C16004" t="s">
        <v>117</v>
      </c>
      <c r="D16004" t="s">
        <v>118</v>
      </c>
      <c r="E16004" s="6">
        <v>2021</v>
      </c>
      <c r="F16004" s="6">
        <v>2021</v>
      </c>
      <c r="G16004" t="s">
        <v>126</v>
      </c>
      <c r="H16004" t="s">
        <v>119</v>
      </c>
      <c r="I16004" t="s">
        <v>15</v>
      </c>
      <c r="J16004" s="10">
        <v>16.318501690031585</v>
      </c>
    </row>
    <row r="16005" spans="1:10" x14ac:dyDescent="0.35">
      <c r="A16005" t="s">
        <v>28</v>
      </c>
      <c r="B16005" t="s">
        <v>37</v>
      </c>
      <c r="C16005" t="s">
        <v>117</v>
      </c>
      <c r="D16005" t="s">
        <v>118</v>
      </c>
      <c r="E16005" s="6">
        <v>2021</v>
      </c>
      <c r="F16005" s="6">
        <v>2021</v>
      </c>
      <c r="G16005" t="s">
        <v>126</v>
      </c>
      <c r="H16005" t="s">
        <v>119</v>
      </c>
      <c r="I16005" t="s">
        <v>15</v>
      </c>
      <c r="J16005" s="10">
        <v>15.74361834940367</v>
      </c>
    </row>
    <row r="16006" spans="1:10" x14ac:dyDescent="0.35">
      <c r="A16006" t="s">
        <v>20</v>
      </c>
      <c r="B16006" t="s">
        <v>38</v>
      </c>
      <c r="C16006" t="s">
        <v>117</v>
      </c>
      <c r="D16006" t="s">
        <v>118</v>
      </c>
      <c r="E16006" s="6">
        <v>2021</v>
      </c>
      <c r="F16006" s="6">
        <v>2021</v>
      </c>
      <c r="G16006" t="s">
        <v>126</v>
      </c>
      <c r="H16006" t="s">
        <v>119</v>
      </c>
      <c r="I16006" t="s">
        <v>15</v>
      </c>
      <c r="J16006" s="10">
        <v>17.509544479891222</v>
      </c>
    </row>
    <row r="16007" spans="1:10" x14ac:dyDescent="0.35">
      <c r="A16007" t="s">
        <v>33</v>
      </c>
      <c r="B16007" t="s">
        <v>39</v>
      </c>
      <c r="C16007" t="s">
        <v>117</v>
      </c>
      <c r="D16007" t="s">
        <v>118</v>
      </c>
      <c r="E16007" s="6">
        <v>2021</v>
      </c>
      <c r="F16007" s="6">
        <v>2021</v>
      </c>
      <c r="G16007" t="s">
        <v>126</v>
      </c>
      <c r="H16007" t="s">
        <v>119</v>
      </c>
      <c r="I16007" t="s">
        <v>15</v>
      </c>
      <c r="J16007" s="10">
        <v>16.326255295038177</v>
      </c>
    </row>
    <row r="16008" spans="1:10" x14ac:dyDescent="0.35">
      <c r="A16008" t="s">
        <v>20</v>
      </c>
      <c r="B16008" t="s">
        <v>40</v>
      </c>
      <c r="C16008" t="s">
        <v>117</v>
      </c>
      <c r="D16008" t="s">
        <v>118</v>
      </c>
      <c r="E16008" s="6">
        <v>2021</v>
      </c>
      <c r="F16008" s="6">
        <v>2021</v>
      </c>
      <c r="G16008" t="s">
        <v>126</v>
      </c>
      <c r="H16008" t="s">
        <v>119</v>
      </c>
      <c r="I16008" t="s">
        <v>15</v>
      </c>
      <c r="J16008" s="10">
        <v>16.371867130351362</v>
      </c>
    </row>
    <row r="16009" spans="1:10" x14ac:dyDescent="0.35">
      <c r="A16009" t="s">
        <v>35</v>
      </c>
      <c r="B16009" t="s">
        <v>41</v>
      </c>
      <c r="C16009" t="s">
        <v>117</v>
      </c>
      <c r="D16009" t="s">
        <v>118</v>
      </c>
      <c r="E16009" s="6">
        <v>2021</v>
      </c>
      <c r="F16009" s="6">
        <v>2021</v>
      </c>
      <c r="G16009" t="s">
        <v>126</v>
      </c>
      <c r="H16009" t="s">
        <v>119</v>
      </c>
      <c r="I16009" t="s">
        <v>15</v>
      </c>
      <c r="J16009" s="10">
        <v>13.606971387339383</v>
      </c>
    </row>
    <row r="16010" spans="1:10" x14ac:dyDescent="0.35">
      <c r="A16010" t="s">
        <v>35</v>
      </c>
      <c r="B16010" t="s">
        <v>42</v>
      </c>
      <c r="C16010" t="s">
        <v>117</v>
      </c>
      <c r="D16010" t="s">
        <v>118</v>
      </c>
      <c r="E16010" s="6">
        <v>2021</v>
      </c>
      <c r="F16010" s="6">
        <v>2021</v>
      </c>
      <c r="G16010" t="s">
        <v>126</v>
      </c>
      <c r="H16010" t="s">
        <v>119</v>
      </c>
      <c r="I16010" t="s">
        <v>15</v>
      </c>
      <c r="J16010" s="10">
        <v>16.867015098722415</v>
      </c>
    </row>
    <row r="16011" spans="1:10" x14ac:dyDescent="0.35">
      <c r="A16011" t="s">
        <v>35</v>
      </c>
      <c r="B16011" t="s">
        <v>43</v>
      </c>
      <c r="C16011" t="s">
        <v>117</v>
      </c>
      <c r="D16011" t="s">
        <v>118</v>
      </c>
      <c r="E16011" s="6">
        <v>2021</v>
      </c>
      <c r="F16011" s="6">
        <v>2021</v>
      </c>
      <c r="G16011" t="s">
        <v>126</v>
      </c>
      <c r="H16011" t="s">
        <v>119</v>
      </c>
      <c r="I16011" t="s">
        <v>15</v>
      </c>
      <c r="J16011" s="10">
        <v>15.622959738846573</v>
      </c>
    </row>
    <row r="16012" spans="1:10" x14ac:dyDescent="0.35">
      <c r="A16012" t="s">
        <v>28</v>
      </c>
      <c r="B16012" t="s">
        <v>44</v>
      </c>
      <c r="C16012" t="s">
        <v>117</v>
      </c>
      <c r="D16012" t="s">
        <v>118</v>
      </c>
      <c r="E16012" s="6">
        <v>2021</v>
      </c>
      <c r="F16012" s="6">
        <v>2021</v>
      </c>
      <c r="G16012" t="s">
        <v>126</v>
      </c>
      <c r="H16012" t="s">
        <v>119</v>
      </c>
      <c r="I16012" t="s">
        <v>15</v>
      </c>
      <c r="J16012" s="10">
        <v>14.401664397811626</v>
      </c>
    </row>
    <row r="16013" spans="1:10" x14ac:dyDescent="0.35">
      <c r="A16013" t="s">
        <v>10</v>
      </c>
      <c r="B16013" t="s">
        <v>45</v>
      </c>
      <c r="C16013" t="s">
        <v>117</v>
      </c>
      <c r="D16013" t="s">
        <v>118</v>
      </c>
      <c r="E16013" s="6">
        <v>2021</v>
      </c>
      <c r="F16013" s="6">
        <v>2021</v>
      </c>
      <c r="G16013" t="s">
        <v>126</v>
      </c>
      <c r="H16013" t="s">
        <v>119</v>
      </c>
      <c r="I16013" t="s">
        <v>15</v>
      </c>
      <c r="J16013" s="10">
        <v>15.487530190778584</v>
      </c>
    </row>
    <row r="16014" spans="1:10" x14ac:dyDescent="0.35">
      <c r="A16014" t="s">
        <v>10</v>
      </c>
      <c r="B16014" t="s">
        <v>46</v>
      </c>
      <c r="C16014" t="s">
        <v>117</v>
      </c>
      <c r="D16014" t="s">
        <v>118</v>
      </c>
      <c r="E16014" s="6">
        <v>2021</v>
      </c>
      <c r="F16014" s="6">
        <v>2021</v>
      </c>
      <c r="G16014" t="s">
        <v>126</v>
      </c>
      <c r="H16014" t="s">
        <v>119</v>
      </c>
      <c r="I16014" t="s">
        <v>15</v>
      </c>
      <c r="J16014" s="10">
        <v>14.82434238732945</v>
      </c>
    </row>
    <row r="16015" spans="1:10" x14ac:dyDescent="0.35">
      <c r="A16015" t="s">
        <v>33</v>
      </c>
      <c r="B16015" t="s">
        <v>47</v>
      </c>
      <c r="C16015" t="s">
        <v>117</v>
      </c>
      <c r="D16015" t="s">
        <v>118</v>
      </c>
      <c r="E16015" s="6">
        <v>2021</v>
      </c>
      <c r="F16015" s="6">
        <v>2021</v>
      </c>
      <c r="G16015" t="s">
        <v>126</v>
      </c>
      <c r="H16015" t="s">
        <v>119</v>
      </c>
      <c r="I16015" t="s">
        <v>15</v>
      </c>
      <c r="J16015" s="10">
        <v>17.478842310444374</v>
      </c>
    </row>
    <row r="16016" spans="1:10" x14ac:dyDescent="0.35">
      <c r="A16016" t="s">
        <v>20</v>
      </c>
      <c r="B16016" t="s">
        <v>48</v>
      </c>
      <c r="C16016" t="s">
        <v>117</v>
      </c>
      <c r="D16016" t="s">
        <v>118</v>
      </c>
      <c r="E16016" s="6">
        <v>2021</v>
      </c>
      <c r="F16016" s="6">
        <v>2021</v>
      </c>
      <c r="G16016" t="s">
        <v>126</v>
      </c>
      <c r="H16016" t="s">
        <v>119</v>
      </c>
      <c r="I16016" t="s">
        <v>15</v>
      </c>
      <c r="J16016" s="10">
        <v>16.11286199965258</v>
      </c>
    </row>
    <row r="16017" spans="1:10" x14ac:dyDescent="0.35">
      <c r="A16017" t="s">
        <v>28</v>
      </c>
      <c r="B16017" t="s">
        <v>49</v>
      </c>
      <c r="C16017" t="s">
        <v>117</v>
      </c>
      <c r="D16017" t="s">
        <v>118</v>
      </c>
      <c r="E16017" s="6">
        <v>2021</v>
      </c>
      <c r="F16017" s="6">
        <v>2021</v>
      </c>
      <c r="G16017" t="s">
        <v>126</v>
      </c>
      <c r="H16017" t="s">
        <v>119</v>
      </c>
      <c r="I16017" t="s">
        <v>15</v>
      </c>
      <c r="J16017" s="10">
        <v>17.398640839535851</v>
      </c>
    </row>
    <row r="16018" spans="1:10" x14ac:dyDescent="0.35">
      <c r="A16018" t="s">
        <v>35</v>
      </c>
      <c r="B16018" t="s">
        <v>50</v>
      </c>
      <c r="C16018" t="s">
        <v>117</v>
      </c>
      <c r="D16018" t="s">
        <v>118</v>
      </c>
      <c r="E16018" s="6">
        <v>2021</v>
      </c>
      <c r="F16018" s="6">
        <v>2021</v>
      </c>
      <c r="G16018" t="s">
        <v>126</v>
      </c>
      <c r="H16018" t="s">
        <v>119</v>
      </c>
      <c r="I16018" t="s">
        <v>15</v>
      </c>
      <c r="J16018" s="10">
        <v>19.705040014988892</v>
      </c>
    </row>
    <row r="16019" spans="1:10" x14ac:dyDescent="0.35">
      <c r="A16019" t="s">
        <v>22</v>
      </c>
      <c r="B16019" t="s">
        <v>51</v>
      </c>
      <c r="C16019" t="s">
        <v>117</v>
      </c>
      <c r="D16019" t="s">
        <v>118</v>
      </c>
      <c r="E16019" s="6">
        <v>2021</v>
      </c>
      <c r="F16019" s="6">
        <v>2021</v>
      </c>
      <c r="G16019" t="s">
        <v>126</v>
      </c>
      <c r="H16019" t="s">
        <v>119</v>
      </c>
      <c r="I16019" t="s">
        <v>15</v>
      </c>
      <c r="J16019" s="10">
        <v>8.4471536315735083</v>
      </c>
    </row>
    <row r="16020" spans="1:10" x14ac:dyDescent="0.35">
      <c r="A16020" t="s">
        <v>22</v>
      </c>
      <c r="B16020" t="s">
        <v>52</v>
      </c>
      <c r="C16020" t="s">
        <v>117</v>
      </c>
      <c r="D16020" t="s">
        <v>118</v>
      </c>
      <c r="E16020" s="6">
        <v>2021</v>
      </c>
      <c r="F16020" s="6">
        <v>2021</v>
      </c>
      <c r="G16020" t="s">
        <v>126</v>
      </c>
      <c r="H16020" t="s">
        <v>119</v>
      </c>
      <c r="I16020" t="s">
        <v>15</v>
      </c>
      <c r="J16020" s="10">
        <v>16.237432571416576</v>
      </c>
    </row>
    <row r="16021" spans="1:10" x14ac:dyDescent="0.35">
      <c r="A16021" t="s">
        <v>22</v>
      </c>
      <c r="B16021" t="s">
        <v>53</v>
      </c>
      <c r="C16021" t="s">
        <v>117</v>
      </c>
      <c r="D16021" t="s">
        <v>118</v>
      </c>
      <c r="E16021" s="6">
        <v>2021</v>
      </c>
      <c r="F16021" s="6">
        <v>2021</v>
      </c>
      <c r="G16021" t="s">
        <v>126</v>
      </c>
      <c r="H16021" t="s">
        <v>119</v>
      </c>
      <c r="I16021" t="s">
        <v>15</v>
      </c>
      <c r="J16021" s="10">
        <v>13.259976465244947</v>
      </c>
    </row>
    <row r="16022" spans="1:10" x14ac:dyDescent="0.35">
      <c r="A16022" t="s">
        <v>22</v>
      </c>
      <c r="B16022" t="s">
        <v>54</v>
      </c>
      <c r="C16022" t="s">
        <v>117</v>
      </c>
      <c r="D16022" t="s">
        <v>118</v>
      </c>
      <c r="E16022" s="6">
        <v>2021</v>
      </c>
      <c r="F16022" s="6">
        <v>2021</v>
      </c>
      <c r="G16022" t="s">
        <v>126</v>
      </c>
      <c r="H16022" t="s">
        <v>119</v>
      </c>
      <c r="I16022" t="s">
        <v>15</v>
      </c>
      <c r="J16022" s="10">
        <v>17.926499032882013</v>
      </c>
    </row>
    <row r="16023" spans="1:10" x14ac:dyDescent="0.35">
      <c r="A16023" t="s">
        <v>22</v>
      </c>
      <c r="B16023" t="s">
        <v>55</v>
      </c>
      <c r="C16023" t="s">
        <v>117</v>
      </c>
      <c r="D16023" t="s">
        <v>118</v>
      </c>
      <c r="E16023" s="6">
        <v>2021</v>
      </c>
      <c r="F16023" s="6">
        <v>2021</v>
      </c>
      <c r="G16023" t="s">
        <v>126</v>
      </c>
      <c r="H16023" t="s">
        <v>119</v>
      </c>
      <c r="I16023" t="s">
        <v>15</v>
      </c>
      <c r="J16023" s="10">
        <v>13.182506671795736</v>
      </c>
    </row>
    <row r="16024" spans="1:10" x14ac:dyDescent="0.35">
      <c r="A16024" t="s">
        <v>22</v>
      </c>
      <c r="B16024" t="s">
        <v>56</v>
      </c>
      <c r="C16024" t="s">
        <v>117</v>
      </c>
      <c r="D16024" t="s">
        <v>118</v>
      </c>
      <c r="E16024" s="6">
        <v>2021</v>
      </c>
      <c r="F16024" s="6">
        <v>2021</v>
      </c>
      <c r="G16024" t="s">
        <v>126</v>
      </c>
      <c r="H16024" t="s">
        <v>119</v>
      </c>
      <c r="I16024" t="s">
        <v>15</v>
      </c>
      <c r="J16024" s="10">
        <v>17.724381941956288</v>
      </c>
    </row>
    <row r="16025" spans="1:10" x14ac:dyDescent="0.35">
      <c r="A16025" t="s">
        <v>28</v>
      </c>
      <c r="B16025" t="s">
        <v>58</v>
      </c>
      <c r="C16025" t="s">
        <v>117</v>
      </c>
      <c r="D16025" t="s">
        <v>118</v>
      </c>
      <c r="E16025" s="6">
        <v>2021</v>
      </c>
      <c r="F16025" s="6">
        <v>2021</v>
      </c>
      <c r="G16025" t="s">
        <v>126</v>
      </c>
      <c r="H16025" t="s">
        <v>119</v>
      </c>
      <c r="I16025" t="s">
        <v>15</v>
      </c>
      <c r="J16025" s="10">
        <v>14.736509940044179</v>
      </c>
    </row>
    <row r="16026" spans="1:10" x14ac:dyDescent="0.35">
      <c r="A16026" t="s">
        <v>20</v>
      </c>
      <c r="B16026" t="s">
        <v>59</v>
      </c>
      <c r="C16026" t="s">
        <v>117</v>
      </c>
      <c r="D16026" t="s">
        <v>118</v>
      </c>
      <c r="E16026" s="6">
        <v>2021</v>
      </c>
      <c r="F16026" s="6">
        <v>2021</v>
      </c>
      <c r="G16026" t="s">
        <v>126</v>
      </c>
      <c r="H16026" t="s">
        <v>119</v>
      </c>
      <c r="I16026" t="s">
        <v>15</v>
      </c>
      <c r="J16026" s="10">
        <v>16.410033976722328</v>
      </c>
    </row>
    <row r="16027" spans="1:10" x14ac:dyDescent="0.35">
      <c r="A16027" t="s">
        <v>20</v>
      </c>
      <c r="B16027" t="s">
        <v>60</v>
      </c>
      <c r="C16027" t="s">
        <v>117</v>
      </c>
      <c r="D16027" t="s">
        <v>118</v>
      </c>
      <c r="E16027" s="6">
        <v>2021</v>
      </c>
      <c r="F16027" s="6">
        <v>2021</v>
      </c>
      <c r="G16027" t="s">
        <v>126</v>
      </c>
      <c r="H16027" t="s">
        <v>119</v>
      </c>
      <c r="I16027" t="s">
        <v>15</v>
      </c>
      <c r="J16027" s="10">
        <v>16.110344147519967</v>
      </c>
    </row>
    <row r="16028" spans="1:10" x14ac:dyDescent="0.35">
      <c r="A16028" t="s">
        <v>28</v>
      </c>
      <c r="B16028" t="s">
        <v>61</v>
      </c>
      <c r="C16028" t="s">
        <v>117</v>
      </c>
      <c r="D16028" t="s">
        <v>118</v>
      </c>
      <c r="E16028" s="6">
        <v>2021</v>
      </c>
      <c r="F16028" s="6">
        <v>2021</v>
      </c>
      <c r="G16028" t="s">
        <v>126</v>
      </c>
      <c r="H16028" t="s">
        <v>119</v>
      </c>
      <c r="I16028" t="s">
        <v>15</v>
      </c>
      <c r="J16028" s="10">
        <v>14.895602783925762</v>
      </c>
    </row>
    <row r="16029" spans="1:10" x14ac:dyDescent="0.35">
      <c r="A16029" t="s">
        <v>62</v>
      </c>
      <c r="B16029" t="s">
        <v>63</v>
      </c>
      <c r="C16029" t="s">
        <v>117</v>
      </c>
      <c r="D16029" t="s">
        <v>118</v>
      </c>
      <c r="E16029" s="6">
        <v>2021</v>
      </c>
      <c r="F16029" s="6">
        <v>2021</v>
      </c>
      <c r="G16029" t="s">
        <v>126</v>
      </c>
      <c r="H16029" t="s">
        <v>119</v>
      </c>
      <c r="I16029" t="s">
        <v>15</v>
      </c>
      <c r="J16029" s="10">
        <v>16.63476019092835</v>
      </c>
    </row>
    <row r="16030" spans="1:10" x14ac:dyDescent="0.35">
      <c r="A16030" t="s">
        <v>62</v>
      </c>
      <c r="B16030" t="s">
        <v>64</v>
      </c>
      <c r="C16030" t="s">
        <v>117</v>
      </c>
      <c r="D16030" t="s">
        <v>118</v>
      </c>
      <c r="E16030" s="6">
        <v>2021</v>
      </c>
      <c r="F16030" s="6">
        <v>2021</v>
      </c>
      <c r="G16030" t="s">
        <v>126</v>
      </c>
      <c r="H16030" t="s">
        <v>119</v>
      </c>
      <c r="I16030" t="s">
        <v>15</v>
      </c>
      <c r="J16030" s="10">
        <v>14.956746287927695</v>
      </c>
    </row>
    <row r="16031" spans="1:10" x14ac:dyDescent="0.35">
      <c r="A16031" t="s">
        <v>62</v>
      </c>
      <c r="B16031" t="s">
        <v>65</v>
      </c>
      <c r="C16031" t="s">
        <v>117</v>
      </c>
      <c r="D16031" t="s">
        <v>118</v>
      </c>
      <c r="E16031" s="6">
        <v>2021</v>
      </c>
      <c r="F16031" s="6">
        <v>2021</v>
      </c>
      <c r="G16031" t="s">
        <v>126</v>
      </c>
      <c r="H16031" t="s">
        <v>119</v>
      </c>
      <c r="I16031" t="s">
        <v>15</v>
      </c>
      <c r="J16031" s="10">
        <v>8.1402536502184812</v>
      </c>
    </row>
    <row r="16032" spans="1:10" x14ac:dyDescent="0.35">
      <c r="A16032" t="s">
        <v>62</v>
      </c>
      <c r="B16032" t="s">
        <v>66</v>
      </c>
      <c r="C16032" t="s">
        <v>117</v>
      </c>
      <c r="D16032" t="s">
        <v>118</v>
      </c>
      <c r="E16032" s="6">
        <v>2021</v>
      </c>
      <c r="F16032" s="6">
        <v>2021</v>
      </c>
      <c r="G16032" t="s">
        <v>126</v>
      </c>
      <c r="H16032" t="s">
        <v>119</v>
      </c>
      <c r="I16032" t="s">
        <v>15</v>
      </c>
      <c r="J16032" s="10">
        <v>16.001159695316414</v>
      </c>
    </row>
    <row r="16033" spans="1:10" x14ac:dyDescent="0.35">
      <c r="A16033" t="s">
        <v>62</v>
      </c>
      <c r="B16033" t="s">
        <v>67</v>
      </c>
      <c r="C16033" t="s">
        <v>117</v>
      </c>
      <c r="D16033" t="s">
        <v>118</v>
      </c>
      <c r="E16033" s="6">
        <v>2021</v>
      </c>
      <c r="F16033" s="6">
        <v>2021</v>
      </c>
      <c r="G16033" t="s">
        <v>126</v>
      </c>
      <c r="H16033" t="s">
        <v>119</v>
      </c>
      <c r="I16033" t="s">
        <v>15</v>
      </c>
      <c r="J16033" s="10">
        <v>17.68404872254699</v>
      </c>
    </row>
    <row r="16034" spans="1:10" x14ac:dyDescent="0.35">
      <c r="A16034" t="s">
        <v>62</v>
      </c>
      <c r="B16034" t="s">
        <v>68</v>
      </c>
      <c r="C16034" t="s">
        <v>117</v>
      </c>
      <c r="D16034" t="s">
        <v>118</v>
      </c>
      <c r="E16034" s="6">
        <v>2021</v>
      </c>
      <c r="F16034" s="6">
        <v>2021</v>
      </c>
      <c r="G16034" t="s">
        <v>126</v>
      </c>
      <c r="H16034" t="s">
        <v>119</v>
      </c>
      <c r="I16034" t="s">
        <v>15</v>
      </c>
      <c r="J16034" s="10">
        <v>16.430321478951669</v>
      </c>
    </row>
    <row r="16035" spans="1:10" x14ac:dyDescent="0.35">
      <c r="A16035" t="s">
        <v>62</v>
      </c>
      <c r="B16035" t="s">
        <v>69</v>
      </c>
      <c r="C16035" t="s">
        <v>117</v>
      </c>
      <c r="D16035" t="s">
        <v>118</v>
      </c>
      <c r="E16035" s="6">
        <v>2021</v>
      </c>
      <c r="F16035" s="6">
        <v>2021</v>
      </c>
      <c r="G16035" t="s">
        <v>126</v>
      </c>
      <c r="H16035" t="s">
        <v>119</v>
      </c>
      <c r="I16035" t="s">
        <v>15</v>
      </c>
      <c r="J16035" s="10">
        <v>15.680096211665665</v>
      </c>
    </row>
    <row r="16036" spans="1:10" x14ac:dyDescent="0.35">
      <c r="A16036" t="s">
        <v>62</v>
      </c>
      <c r="B16036" t="s">
        <v>70</v>
      </c>
      <c r="C16036" t="s">
        <v>117</v>
      </c>
      <c r="D16036" t="s">
        <v>118</v>
      </c>
      <c r="E16036" s="6">
        <v>2021</v>
      </c>
      <c r="F16036" s="6">
        <v>2021</v>
      </c>
      <c r="G16036" t="s">
        <v>126</v>
      </c>
      <c r="H16036" t="s">
        <v>119</v>
      </c>
      <c r="I16036" t="s">
        <v>15</v>
      </c>
      <c r="J16036" s="10">
        <v>16.803991446899502</v>
      </c>
    </row>
    <row r="16037" spans="1:10" x14ac:dyDescent="0.35">
      <c r="A16037" t="s">
        <v>35</v>
      </c>
      <c r="B16037" t="s">
        <v>71</v>
      </c>
      <c r="C16037" t="s">
        <v>117</v>
      </c>
      <c r="D16037" t="s">
        <v>118</v>
      </c>
      <c r="E16037" s="6">
        <v>2021</v>
      </c>
      <c r="F16037" s="6">
        <v>2021</v>
      </c>
      <c r="G16037" t="s">
        <v>126</v>
      </c>
      <c r="H16037" t="s">
        <v>119</v>
      </c>
      <c r="I16037" t="s">
        <v>15</v>
      </c>
      <c r="J16037" s="10">
        <v>14.774377453880494</v>
      </c>
    </row>
    <row r="16038" spans="1:10" x14ac:dyDescent="0.35">
      <c r="A16038" t="s">
        <v>20</v>
      </c>
      <c r="B16038" t="s">
        <v>72</v>
      </c>
      <c r="C16038" t="s">
        <v>117</v>
      </c>
      <c r="D16038" t="s">
        <v>118</v>
      </c>
      <c r="E16038" s="6">
        <v>2021</v>
      </c>
      <c r="F16038" s="6">
        <v>2021</v>
      </c>
      <c r="G16038" t="s">
        <v>126</v>
      </c>
      <c r="H16038" t="s">
        <v>119</v>
      </c>
      <c r="I16038" t="s">
        <v>15</v>
      </c>
      <c r="J16038" s="10">
        <v>16.744797032763241</v>
      </c>
    </row>
    <row r="16039" spans="1:10" x14ac:dyDescent="0.35">
      <c r="A16039" t="s">
        <v>26</v>
      </c>
      <c r="B16039" t="s">
        <v>73</v>
      </c>
      <c r="C16039" t="s">
        <v>117</v>
      </c>
      <c r="D16039" t="s">
        <v>118</v>
      </c>
      <c r="E16039" s="6">
        <v>2021</v>
      </c>
      <c r="F16039" s="6">
        <v>2021</v>
      </c>
      <c r="G16039" t="s">
        <v>126</v>
      </c>
      <c r="H16039" t="s">
        <v>119</v>
      </c>
      <c r="I16039" t="s">
        <v>15</v>
      </c>
      <c r="J16039" s="10">
        <v>16.254599444838938</v>
      </c>
    </row>
    <row r="16040" spans="1:10" x14ac:dyDescent="0.35">
      <c r="A16040" t="s">
        <v>28</v>
      </c>
      <c r="B16040" t="s">
        <v>74</v>
      </c>
      <c r="C16040" t="s">
        <v>117</v>
      </c>
      <c r="D16040" t="s">
        <v>118</v>
      </c>
      <c r="E16040" s="6">
        <v>2021</v>
      </c>
      <c r="F16040" s="6">
        <v>2021</v>
      </c>
      <c r="G16040" t="s">
        <v>126</v>
      </c>
      <c r="H16040" t="s">
        <v>119</v>
      </c>
      <c r="I16040" t="s">
        <v>15</v>
      </c>
      <c r="J16040" s="10">
        <v>16.007156632664916</v>
      </c>
    </row>
    <row r="16041" spans="1:10" x14ac:dyDescent="0.35">
      <c r="A16041" t="s">
        <v>33</v>
      </c>
      <c r="B16041" t="s">
        <v>75</v>
      </c>
      <c r="C16041" t="s">
        <v>117</v>
      </c>
      <c r="D16041" t="s">
        <v>118</v>
      </c>
      <c r="E16041" s="6">
        <v>2021</v>
      </c>
      <c r="F16041" s="6">
        <v>2021</v>
      </c>
      <c r="G16041" t="s">
        <v>126</v>
      </c>
      <c r="H16041" t="s">
        <v>119</v>
      </c>
      <c r="I16041" t="s">
        <v>15</v>
      </c>
      <c r="J16041" s="10">
        <v>17.076109676626093</v>
      </c>
    </row>
    <row r="16042" spans="1:10" x14ac:dyDescent="0.35">
      <c r="A16042" t="s">
        <v>22</v>
      </c>
      <c r="B16042" t="s">
        <v>76</v>
      </c>
      <c r="C16042" t="s">
        <v>117</v>
      </c>
      <c r="D16042" t="s">
        <v>118</v>
      </c>
      <c r="E16042" s="6">
        <v>2021</v>
      </c>
      <c r="F16042" s="6">
        <v>2021</v>
      </c>
      <c r="G16042" t="s">
        <v>126</v>
      </c>
      <c r="H16042" t="s">
        <v>119</v>
      </c>
      <c r="I16042" t="s">
        <v>15</v>
      </c>
      <c r="J16042" s="10">
        <v>18.239591977170154</v>
      </c>
    </row>
    <row r="16043" spans="1:10" x14ac:dyDescent="0.35">
      <c r="A16043" t="s">
        <v>33</v>
      </c>
      <c r="B16043" t="s">
        <v>77</v>
      </c>
      <c r="C16043" t="s">
        <v>117</v>
      </c>
      <c r="D16043" t="s">
        <v>118</v>
      </c>
      <c r="E16043" s="6">
        <v>2021</v>
      </c>
      <c r="F16043" s="6">
        <v>2021</v>
      </c>
      <c r="G16043" t="s">
        <v>126</v>
      </c>
      <c r="H16043" t="s">
        <v>119</v>
      </c>
      <c r="I16043" t="s">
        <v>15</v>
      </c>
      <c r="J16043" s="10">
        <v>16.493720806645594</v>
      </c>
    </row>
    <row r="16044" spans="1:10" x14ac:dyDescent="0.35">
      <c r="A16044" t="s">
        <v>22</v>
      </c>
      <c r="B16044" t="s">
        <v>78</v>
      </c>
      <c r="C16044" t="s">
        <v>117</v>
      </c>
      <c r="D16044" t="s">
        <v>118</v>
      </c>
      <c r="E16044" s="6">
        <v>2021</v>
      </c>
      <c r="F16044" s="6">
        <v>2021</v>
      </c>
      <c r="G16044" t="s">
        <v>126</v>
      </c>
      <c r="H16044" t="s">
        <v>119</v>
      </c>
      <c r="I16044" t="s">
        <v>15</v>
      </c>
      <c r="J16044" s="10">
        <v>17.736064207710189</v>
      </c>
    </row>
    <row r="16045" spans="1:10" x14ac:dyDescent="0.35">
      <c r="A16045" t="s">
        <v>28</v>
      </c>
      <c r="B16045" t="s">
        <v>79</v>
      </c>
      <c r="C16045" t="s">
        <v>117</v>
      </c>
      <c r="D16045" t="s">
        <v>118</v>
      </c>
      <c r="E16045" s="6">
        <v>2021</v>
      </c>
      <c r="F16045" s="6">
        <v>2021</v>
      </c>
      <c r="G16045" t="s">
        <v>126</v>
      </c>
      <c r="H16045" t="s">
        <v>119</v>
      </c>
      <c r="I16045" t="s">
        <v>15</v>
      </c>
      <c r="J16045" s="10">
        <v>16.844977382063618</v>
      </c>
    </row>
    <row r="16046" spans="1:10" x14ac:dyDescent="0.35">
      <c r="A16046" t="s">
        <v>26</v>
      </c>
      <c r="B16046" t="s">
        <v>80</v>
      </c>
      <c r="C16046" t="s">
        <v>117</v>
      </c>
      <c r="D16046" t="s">
        <v>118</v>
      </c>
      <c r="E16046" s="6">
        <v>2021</v>
      </c>
      <c r="F16046" s="6">
        <v>2021</v>
      </c>
      <c r="G16046" t="s">
        <v>126</v>
      </c>
      <c r="H16046" t="s">
        <v>119</v>
      </c>
      <c r="I16046" t="s">
        <v>15</v>
      </c>
      <c r="J16046" s="10">
        <v>15.827479010109416</v>
      </c>
    </row>
    <row r="16047" spans="1:10" x14ac:dyDescent="0.35">
      <c r="A16047" t="s">
        <v>20</v>
      </c>
      <c r="B16047" t="s">
        <v>81</v>
      </c>
      <c r="C16047" t="s">
        <v>117</v>
      </c>
      <c r="D16047" t="s">
        <v>118</v>
      </c>
      <c r="E16047" s="6">
        <v>2021</v>
      </c>
      <c r="F16047" s="6">
        <v>2021</v>
      </c>
      <c r="G16047" t="s">
        <v>126</v>
      </c>
      <c r="H16047" t="s">
        <v>119</v>
      </c>
      <c r="I16047" t="s">
        <v>15</v>
      </c>
      <c r="J16047" s="10">
        <v>17.186662925074618</v>
      </c>
    </row>
    <row r="16048" spans="1:10" x14ac:dyDescent="0.35">
      <c r="A16048" t="s">
        <v>26</v>
      </c>
      <c r="B16048" t="s">
        <v>57</v>
      </c>
      <c r="C16048" t="s">
        <v>117</v>
      </c>
      <c r="D16048" t="s">
        <v>118</v>
      </c>
      <c r="E16048" s="6">
        <v>2021</v>
      </c>
      <c r="F16048" s="6">
        <v>2021</v>
      </c>
      <c r="G16048" t="s">
        <v>126</v>
      </c>
      <c r="H16048" t="s">
        <v>119</v>
      </c>
      <c r="I16048" t="s">
        <v>15</v>
      </c>
      <c r="J16048" s="10">
        <v>14.340941193963275</v>
      </c>
    </row>
    <row r="16049" spans="1:10" x14ac:dyDescent="0.35">
      <c r="A16049" t="s">
        <v>33</v>
      </c>
      <c r="B16049" t="s">
        <v>82</v>
      </c>
      <c r="C16049" t="s">
        <v>117</v>
      </c>
      <c r="D16049" t="s">
        <v>118</v>
      </c>
      <c r="E16049" s="6">
        <v>2021</v>
      </c>
      <c r="F16049" s="6">
        <v>2021</v>
      </c>
      <c r="G16049" t="s">
        <v>126</v>
      </c>
      <c r="H16049" t="s">
        <v>119</v>
      </c>
      <c r="I16049" t="s">
        <v>15</v>
      </c>
      <c r="J16049" s="10">
        <v>13.022666114676051</v>
      </c>
    </row>
    <row r="16050" spans="1:10" x14ac:dyDescent="0.35">
      <c r="A16050" t="s">
        <v>26</v>
      </c>
      <c r="B16050" t="s">
        <v>83</v>
      </c>
      <c r="C16050" t="s">
        <v>117</v>
      </c>
      <c r="D16050" t="s">
        <v>118</v>
      </c>
      <c r="E16050" s="6">
        <v>2021</v>
      </c>
      <c r="F16050" s="6">
        <v>2021</v>
      </c>
      <c r="G16050" t="s">
        <v>126</v>
      </c>
      <c r="H16050" t="s">
        <v>119</v>
      </c>
      <c r="I16050" t="s">
        <v>15</v>
      </c>
      <c r="J16050" s="10">
        <v>15.031757233592097</v>
      </c>
    </row>
    <row r="16051" spans="1:10" x14ac:dyDescent="0.35">
      <c r="A16051" t="s">
        <v>35</v>
      </c>
      <c r="B16051" t="s">
        <v>84</v>
      </c>
      <c r="C16051" t="s">
        <v>117</v>
      </c>
      <c r="D16051" t="s">
        <v>118</v>
      </c>
      <c r="E16051" s="6">
        <v>2021</v>
      </c>
      <c r="F16051" s="6">
        <v>2021</v>
      </c>
      <c r="G16051" t="s">
        <v>126</v>
      </c>
      <c r="H16051" t="s">
        <v>119</v>
      </c>
      <c r="I16051" t="s">
        <v>15</v>
      </c>
      <c r="J16051" s="10">
        <v>14.924209847344658</v>
      </c>
    </row>
    <row r="16052" spans="1:10" x14ac:dyDescent="0.35">
      <c r="A16052" t="s">
        <v>33</v>
      </c>
      <c r="B16052" t="s">
        <v>85</v>
      </c>
      <c r="C16052" t="s">
        <v>117</v>
      </c>
      <c r="D16052" t="s">
        <v>118</v>
      </c>
      <c r="E16052" s="6">
        <v>2021</v>
      </c>
      <c r="F16052" s="6">
        <v>2021</v>
      </c>
      <c r="G16052" t="s">
        <v>126</v>
      </c>
      <c r="H16052" t="s">
        <v>119</v>
      </c>
      <c r="I16052" t="s">
        <v>15</v>
      </c>
      <c r="J16052" s="10">
        <v>14.141060512212855</v>
      </c>
    </row>
    <row r="16053" spans="1:10" x14ac:dyDescent="0.35">
      <c r="A16053" t="s">
        <v>33</v>
      </c>
      <c r="B16053" t="s">
        <v>86</v>
      </c>
      <c r="C16053" t="s">
        <v>117</v>
      </c>
      <c r="D16053" t="s">
        <v>118</v>
      </c>
      <c r="E16053" s="6">
        <v>2021</v>
      </c>
      <c r="F16053" s="6">
        <v>2021</v>
      </c>
      <c r="G16053" t="s">
        <v>126</v>
      </c>
      <c r="H16053" t="s">
        <v>119</v>
      </c>
      <c r="I16053" t="s">
        <v>15</v>
      </c>
      <c r="J16053" s="10">
        <v>15.880027333073018</v>
      </c>
    </row>
    <row r="16054" spans="1:10" x14ac:dyDescent="0.35">
      <c r="A16054" t="s">
        <v>35</v>
      </c>
      <c r="B16054" t="s">
        <v>87</v>
      </c>
      <c r="C16054" t="s">
        <v>117</v>
      </c>
      <c r="D16054" t="s">
        <v>118</v>
      </c>
      <c r="E16054" s="6">
        <v>2021</v>
      </c>
      <c r="F16054" s="6">
        <v>2021</v>
      </c>
      <c r="G16054" t="s">
        <v>126</v>
      </c>
      <c r="H16054" t="s">
        <v>119</v>
      </c>
      <c r="I16054" t="s">
        <v>15</v>
      </c>
      <c r="J16054" s="10">
        <v>15.637166598872682</v>
      </c>
    </row>
    <row r="16055" spans="1:10" x14ac:dyDescent="0.35">
      <c r="A16055" t="s">
        <v>35</v>
      </c>
      <c r="B16055" t="s">
        <v>88</v>
      </c>
      <c r="C16055" t="s">
        <v>117</v>
      </c>
      <c r="D16055" t="s">
        <v>118</v>
      </c>
      <c r="E16055" s="6">
        <v>2021</v>
      </c>
      <c r="F16055" s="6">
        <v>2021</v>
      </c>
      <c r="G16055" t="s">
        <v>126</v>
      </c>
      <c r="H16055" t="s">
        <v>119</v>
      </c>
      <c r="I16055" t="s">
        <v>15</v>
      </c>
      <c r="J16055" s="10">
        <v>16.836693275605466</v>
      </c>
    </row>
    <row r="16056" spans="1:10" x14ac:dyDescent="0.35">
      <c r="A16056" t="s">
        <v>62</v>
      </c>
      <c r="B16056" t="s">
        <v>89</v>
      </c>
      <c r="C16056" t="s">
        <v>117</v>
      </c>
      <c r="D16056" t="s">
        <v>118</v>
      </c>
      <c r="E16056" s="6">
        <v>2021</v>
      </c>
      <c r="F16056" s="6">
        <v>2021</v>
      </c>
      <c r="G16056" t="s">
        <v>126</v>
      </c>
      <c r="H16056" t="s">
        <v>119</v>
      </c>
      <c r="I16056" t="s">
        <v>15</v>
      </c>
      <c r="J16056" s="10">
        <v>16.963490650044523</v>
      </c>
    </row>
    <row r="16057" spans="1:10" x14ac:dyDescent="0.35">
      <c r="A16057" t="s">
        <v>26</v>
      </c>
      <c r="B16057" t="s">
        <v>90</v>
      </c>
      <c r="C16057" t="s">
        <v>117</v>
      </c>
      <c r="D16057" t="s">
        <v>118</v>
      </c>
      <c r="E16057" s="6">
        <v>2021</v>
      </c>
      <c r="F16057" s="6">
        <v>2021</v>
      </c>
      <c r="G16057" t="s">
        <v>126</v>
      </c>
      <c r="H16057" t="s">
        <v>119</v>
      </c>
      <c r="I16057" t="s">
        <v>15</v>
      </c>
      <c r="J16057" s="10">
        <v>17.586206896551722</v>
      </c>
    </row>
    <row r="16058" spans="1:10" x14ac:dyDescent="0.35">
      <c r="A16058" t="s">
        <v>26</v>
      </c>
      <c r="B16058" t="s">
        <v>91</v>
      </c>
      <c r="C16058" t="s">
        <v>117</v>
      </c>
      <c r="D16058" t="s">
        <v>118</v>
      </c>
      <c r="E16058" s="6">
        <v>2021</v>
      </c>
      <c r="F16058" s="6">
        <v>2021</v>
      </c>
      <c r="G16058" t="s">
        <v>126</v>
      </c>
      <c r="H16058" t="s">
        <v>119</v>
      </c>
      <c r="I16058" t="s">
        <v>15</v>
      </c>
      <c r="J16058" s="10">
        <v>14.548465163673418</v>
      </c>
    </row>
    <row r="16059" spans="1:10" x14ac:dyDescent="0.35">
      <c r="A16059" t="s">
        <v>33</v>
      </c>
      <c r="B16059" t="s">
        <v>92</v>
      </c>
      <c r="C16059" t="s">
        <v>117</v>
      </c>
      <c r="D16059" t="s">
        <v>118</v>
      </c>
      <c r="E16059" s="6">
        <v>2021</v>
      </c>
      <c r="F16059" s="6">
        <v>2021</v>
      </c>
      <c r="G16059" t="s">
        <v>126</v>
      </c>
      <c r="H16059" t="s">
        <v>119</v>
      </c>
      <c r="I16059" t="s">
        <v>15</v>
      </c>
      <c r="J16059" s="10">
        <v>15.210820613571105</v>
      </c>
    </row>
    <row r="16060" spans="1:10" x14ac:dyDescent="0.35">
      <c r="A16060" t="s">
        <v>35</v>
      </c>
      <c r="B16060" t="s">
        <v>93</v>
      </c>
      <c r="C16060" t="s">
        <v>117</v>
      </c>
      <c r="D16060" t="s">
        <v>118</v>
      </c>
      <c r="E16060" s="6">
        <v>2021</v>
      </c>
      <c r="F16060" s="6">
        <v>2021</v>
      </c>
      <c r="G16060" t="s">
        <v>126</v>
      </c>
      <c r="H16060" t="s">
        <v>119</v>
      </c>
      <c r="I16060" t="s">
        <v>15</v>
      </c>
      <c r="J16060" s="10">
        <v>16.801062288749396</v>
      </c>
    </row>
    <row r="16061" spans="1:10" x14ac:dyDescent="0.35">
      <c r="A16061" t="s">
        <v>20</v>
      </c>
      <c r="B16061" t="s">
        <v>94</v>
      </c>
      <c r="C16061" t="s">
        <v>117</v>
      </c>
      <c r="D16061" t="s">
        <v>118</v>
      </c>
      <c r="E16061" s="6">
        <v>2021</v>
      </c>
      <c r="F16061" s="6">
        <v>2021</v>
      </c>
      <c r="G16061" t="s">
        <v>126</v>
      </c>
      <c r="H16061" t="s">
        <v>119</v>
      </c>
      <c r="I16061" t="s">
        <v>15</v>
      </c>
      <c r="J16061" s="10">
        <v>16.793992988331325</v>
      </c>
    </row>
    <row r="16062" spans="1:10" x14ac:dyDescent="0.35">
      <c r="A16062" t="s">
        <v>10</v>
      </c>
      <c r="B16062" t="s">
        <v>11</v>
      </c>
      <c r="C16062" t="s">
        <v>117</v>
      </c>
      <c r="D16062" t="s">
        <v>118</v>
      </c>
      <c r="E16062" s="6">
        <v>2021</v>
      </c>
      <c r="F16062" s="6">
        <v>2021</v>
      </c>
      <c r="G16062" t="s">
        <v>125</v>
      </c>
      <c r="H16062" t="s">
        <v>119</v>
      </c>
      <c r="I16062" t="s">
        <v>15</v>
      </c>
      <c r="J16062" s="10">
        <v>12.230769230769232</v>
      </c>
    </row>
    <row r="16063" spans="1:10" x14ac:dyDescent="0.35">
      <c r="A16063" t="s">
        <v>10</v>
      </c>
      <c r="B16063" t="s">
        <v>16</v>
      </c>
      <c r="C16063" t="s">
        <v>117</v>
      </c>
      <c r="D16063" t="s">
        <v>118</v>
      </c>
      <c r="E16063" s="6">
        <v>2021</v>
      </c>
      <c r="F16063" s="6">
        <v>2021</v>
      </c>
      <c r="G16063" t="s">
        <v>125</v>
      </c>
      <c r="H16063" t="s">
        <v>119</v>
      </c>
      <c r="I16063" t="s">
        <v>15</v>
      </c>
      <c r="J16063" s="10">
        <v>18.615037174249537</v>
      </c>
    </row>
    <row r="16064" spans="1:10" x14ac:dyDescent="0.35">
      <c r="A16064" t="s">
        <v>10</v>
      </c>
      <c r="B16064" t="s">
        <v>17</v>
      </c>
      <c r="C16064" t="s">
        <v>117</v>
      </c>
      <c r="D16064" t="s">
        <v>118</v>
      </c>
      <c r="E16064" s="6">
        <v>2021</v>
      </c>
      <c r="F16064" s="6">
        <v>2021</v>
      </c>
      <c r="G16064" t="s">
        <v>125</v>
      </c>
      <c r="H16064" t="s">
        <v>119</v>
      </c>
      <c r="I16064" t="s">
        <v>15</v>
      </c>
      <c r="J16064" s="10">
        <v>18.924362225869011</v>
      </c>
    </row>
    <row r="16065" spans="1:10" x14ac:dyDescent="0.35">
      <c r="A16065" t="s">
        <v>10</v>
      </c>
      <c r="B16065" t="s">
        <v>18</v>
      </c>
      <c r="C16065" t="s">
        <v>117</v>
      </c>
      <c r="D16065" t="s">
        <v>118</v>
      </c>
      <c r="E16065" s="6">
        <v>2021</v>
      </c>
      <c r="F16065" s="6">
        <v>2021</v>
      </c>
      <c r="G16065" t="s">
        <v>125</v>
      </c>
      <c r="H16065" t="s">
        <v>119</v>
      </c>
      <c r="I16065" t="s">
        <v>15</v>
      </c>
      <c r="J16065" s="10">
        <v>19.243181986154568</v>
      </c>
    </row>
    <row r="16066" spans="1:10" x14ac:dyDescent="0.35">
      <c r="A16066" t="s">
        <v>10</v>
      </c>
      <c r="B16066" t="s">
        <v>19</v>
      </c>
      <c r="C16066" t="s">
        <v>117</v>
      </c>
      <c r="D16066" t="s">
        <v>118</v>
      </c>
      <c r="E16066" s="6">
        <v>2021</v>
      </c>
      <c r="F16066" s="6">
        <v>2021</v>
      </c>
      <c r="G16066" t="s">
        <v>125</v>
      </c>
      <c r="H16066" t="s">
        <v>119</v>
      </c>
      <c r="I16066" t="s">
        <v>15</v>
      </c>
      <c r="J16066" s="10">
        <v>19.231375433434906</v>
      </c>
    </row>
    <row r="16067" spans="1:10" x14ac:dyDescent="0.35">
      <c r="A16067" t="s">
        <v>20</v>
      </c>
      <c r="B16067" t="s">
        <v>21</v>
      </c>
      <c r="C16067" t="s">
        <v>117</v>
      </c>
      <c r="D16067" t="s">
        <v>118</v>
      </c>
      <c r="E16067" s="6">
        <v>2021</v>
      </c>
      <c r="F16067" s="6">
        <v>2021</v>
      </c>
      <c r="G16067" t="s">
        <v>125</v>
      </c>
      <c r="H16067" t="s">
        <v>119</v>
      </c>
      <c r="I16067" t="s">
        <v>15</v>
      </c>
      <c r="J16067" s="10">
        <v>19.074554625769018</v>
      </c>
    </row>
    <row r="16068" spans="1:10" x14ac:dyDescent="0.35">
      <c r="A16068" t="s">
        <v>22</v>
      </c>
      <c r="B16068" t="s">
        <v>23</v>
      </c>
      <c r="C16068" t="s">
        <v>117</v>
      </c>
      <c r="D16068" t="s">
        <v>118</v>
      </c>
      <c r="E16068" s="6">
        <v>2021</v>
      </c>
      <c r="F16068" s="6">
        <v>2021</v>
      </c>
      <c r="G16068" t="s">
        <v>125</v>
      </c>
      <c r="H16068" t="s">
        <v>119</v>
      </c>
      <c r="I16068" t="s">
        <v>15</v>
      </c>
      <c r="J16068" s="10">
        <v>19.484424855955744</v>
      </c>
    </row>
    <row r="16069" spans="1:10" x14ac:dyDescent="0.35">
      <c r="A16069" t="s">
        <v>10</v>
      </c>
      <c r="B16069" t="s">
        <v>24</v>
      </c>
      <c r="C16069" t="s">
        <v>117</v>
      </c>
      <c r="D16069" t="s">
        <v>118</v>
      </c>
      <c r="E16069" s="6">
        <v>2021</v>
      </c>
      <c r="F16069" s="6">
        <v>2021</v>
      </c>
      <c r="G16069" t="s">
        <v>125</v>
      </c>
      <c r="H16069" t="s">
        <v>119</v>
      </c>
      <c r="I16069" t="s">
        <v>15</v>
      </c>
      <c r="J16069" s="10">
        <v>17.511680221491606</v>
      </c>
    </row>
    <row r="16070" spans="1:10" x14ac:dyDescent="0.35">
      <c r="A16070" t="s">
        <v>10</v>
      </c>
      <c r="B16070" t="s">
        <v>25</v>
      </c>
      <c r="C16070" t="s">
        <v>117</v>
      </c>
      <c r="D16070" t="s">
        <v>118</v>
      </c>
      <c r="E16070" s="6">
        <v>2021</v>
      </c>
      <c r="F16070" s="6">
        <v>2021</v>
      </c>
      <c r="G16070" t="s">
        <v>125</v>
      </c>
      <c r="H16070" t="s">
        <v>119</v>
      </c>
      <c r="I16070" t="s">
        <v>15</v>
      </c>
      <c r="J16070" s="10">
        <v>17.143658810325476</v>
      </c>
    </row>
    <row r="16071" spans="1:10" x14ac:dyDescent="0.35">
      <c r="A16071" t="s">
        <v>26</v>
      </c>
      <c r="B16071" t="s">
        <v>27</v>
      </c>
      <c r="C16071" t="s">
        <v>117</v>
      </c>
      <c r="D16071" t="s">
        <v>118</v>
      </c>
      <c r="E16071" s="6">
        <v>2021</v>
      </c>
      <c r="F16071" s="6">
        <v>2021</v>
      </c>
      <c r="G16071" t="s">
        <v>125</v>
      </c>
      <c r="H16071" t="s">
        <v>119</v>
      </c>
      <c r="I16071" t="s">
        <v>15</v>
      </c>
      <c r="J16071" s="10">
        <v>15.293003112735146</v>
      </c>
    </row>
    <row r="16072" spans="1:10" x14ac:dyDescent="0.35">
      <c r="A16072" t="s">
        <v>28</v>
      </c>
      <c r="B16072" t="s">
        <v>29</v>
      </c>
      <c r="C16072" t="s">
        <v>117</v>
      </c>
      <c r="D16072" t="s">
        <v>118</v>
      </c>
      <c r="E16072" s="6">
        <v>2021</v>
      </c>
      <c r="F16072" s="6">
        <v>2021</v>
      </c>
      <c r="G16072" t="s">
        <v>125</v>
      </c>
      <c r="H16072" t="s">
        <v>119</v>
      </c>
      <c r="I16072" t="s">
        <v>15</v>
      </c>
      <c r="J16072" s="10">
        <v>15.676269944184472</v>
      </c>
    </row>
    <row r="16073" spans="1:10" x14ac:dyDescent="0.35">
      <c r="A16073" t="s">
        <v>10</v>
      </c>
      <c r="B16073" t="s">
        <v>30</v>
      </c>
      <c r="C16073" t="s">
        <v>117</v>
      </c>
      <c r="D16073" t="s">
        <v>118</v>
      </c>
      <c r="E16073" s="6">
        <v>2021</v>
      </c>
      <c r="F16073" s="6">
        <v>2021</v>
      </c>
      <c r="G16073" t="s">
        <v>125</v>
      </c>
      <c r="H16073" t="s">
        <v>119</v>
      </c>
      <c r="I16073" t="s">
        <v>15</v>
      </c>
      <c r="J16073" s="10">
        <v>17.809498399146211</v>
      </c>
    </row>
    <row r="16074" spans="1:10" x14ac:dyDescent="0.35">
      <c r="A16074" t="s">
        <v>26</v>
      </c>
      <c r="B16074" t="s">
        <v>31</v>
      </c>
      <c r="C16074" t="s">
        <v>117</v>
      </c>
      <c r="D16074" t="s">
        <v>118</v>
      </c>
      <c r="E16074" s="6">
        <v>2021</v>
      </c>
      <c r="F16074" s="6">
        <v>2021</v>
      </c>
      <c r="G16074" t="s">
        <v>125</v>
      </c>
      <c r="H16074" t="s">
        <v>119</v>
      </c>
      <c r="I16074" t="s">
        <v>15</v>
      </c>
      <c r="J16074" s="10">
        <v>16.204198307972163</v>
      </c>
    </row>
    <row r="16075" spans="1:10" x14ac:dyDescent="0.35">
      <c r="A16075" t="s">
        <v>28</v>
      </c>
      <c r="B16075" t="s">
        <v>32</v>
      </c>
      <c r="C16075" t="s">
        <v>117</v>
      </c>
      <c r="D16075" t="s">
        <v>118</v>
      </c>
      <c r="E16075" s="6">
        <v>2021</v>
      </c>
      <c r="F16075" s="6">
        <v>2021</v>
      </c>
      <c r="G16075" t="s">
        <v>125</v>
      </c>
      <c r="H16075" t="s">
        <v>119</v>
      </c>
      <c r="I16075" t="s">
        <v>15</v>
      </c>
      <c r="J16075" s="10">
        <v>17.68194504079004</v>
      </c>
    </row>
    <row r="16076" spans="1:10" x14ac:dyDescent="0.35">
      <c r="A16076" t="s">
        <v>33</v>
      </c>
      <c r="B16076" t="s">
        <v>34</v>
      </c>
      <c r="C16076" t="s">
        <v>117</v>
      </c>
      <c r="D16076" t="s">
        <v>118</v>
      </c>
      <c r="E16076" s="6">
        <v>2021</v>
      </c>
      <c r="F16076" s="6">
        <v>2021</v>
      </c>
      <c r="G16076" t="s">
        <v>125</v>
      </c>
      <c r="H16076" t="s">
        <v>119</v>
      </c>
      <c r="I16076" t="s">
        <v>15</v>
      </c>
      <c r="J16076" s="10">
        <v>17.67801299013712</v>
      </c>
    </row>
    <row r="16077" spans="1:10" x14ac:dyDescent="0.35">
      <c r="A16077" t="s">
        <v>35</v>
      </c>
      <c r="B16077" t="s">
        <v>36</v>
      </c>
      <c r="C16077" t="s">
        <v>117</v>
      </c>
      <c r="D16077" t="s">
        <v>118</v>
      </c>
      <c r="E16077" s="6">
        <v>2021</v>
      </c>
      <c r="F16077" s="6">
        <v>2021</v>
      </c>
      <c r="G16077" t="s">
        <v>125</v>
      </c>
      <c r="H16077" t="s">
        <v>119</v>
      </c>
      <c r="I16077" t="s">
        <v>15</v>
      </c>
      <c r="J16077" s="10">
        <v>19.220055710306408</v>
      </c>
    </row>
    <row r="16078" spans="1:10" x14ac:dyDescent="0.35">
      <c r="A16078" t="s">
        <v>28</v>
      </c>
      <c r="B16078" t="s">
        <v>37</v>
      </c>
      <c r="C16078" t="s">
        <v>117</v>
      </c>
      <c r="D16078" t="s">
        <v>118</v>
      </c>
      <c r="E16078" s="6">
        <v>2021</v>
      </c>
      <c r="F16078" s="6">
        <v>2021</v>
      </c>
      <c r="G16078" t="s">
        <v>125</v>
      </c>
      <c r="H16078" t="s">
        <v>119</v>
      </c>
      <c r="I16078" t="s">
        <v>15</v>
      </c>
      <c r="J16078" s="10">
        <v>17.342541436464089</v>
      </c>
    </row>
    <row r="16079" spans="1:10" x14ac:dyDescent="0.35">
      <c r="A16079" t="s">
        <v>20</v>
      </c>
      <c r="B16079" t="s">
        <v>38</v>
      </c>
      <c r="C16079" t="s">
        <v>117</v>
      </c>
      <c r="D16079" t="s">
        <v>118</v>
      </c>
      <c r="E16079" s="6">
        <v>2021</v>
      </c>
      <c r="F16079" s="6">
        <v>2021</v>
      </c>
      <c r="G16079" t="s">
        <v>125</v>
      </c>
      <c r="H16079" t="s">
        <v>119</v>
      </c>
      <c r="I16079" t="s">
        <v>15</v>
      </c>
      <c r="J16079" s="10">
        <v>19.516712974656901</v>
      </c>
    </row>
    <row r="16080" spans="1:10" x14ac:dyDescent="0.35">
      <c r="A16080" t="s">
        <v>33</v>
      </c>
      <c r="B16080" t="s">
        <v>39</v>
      </c>
      <c r="C16080" t="s">
        <v>117</v>
      </c>
      <c r="D16080" t="s">
        <v>118</v>
      </c>
      <c r="E16080" s="6">
        <v>2021</v>
      </c>
      <c r="F16080" s="6">
        <v>2021</v>
      </c>
      <c r="G16080" t="s">
        <v>125</v>
      </c>
      <c r="H16080" t="s">
        <v>119</v>
      </c>
      <c r="I16080" t="s">
        <v>15</v>
      </c>
      <c r="J16080" s="10">
        <v>18.696017947279866</v>
      </c>
    </row>
    <row r="16081" spans="1:10" x14ac:dyDescent="0.35">
      <c r="A16081" t="s">
        <v>20</v>
      </c>
      <c r="B16081" t="s">
        <v>40</v>
      </c>
      <c r="C16081" t="s">
        <v>117</v>
      </c>
      <c r="D16081" t="s">
        <v>118</v>
      </c>
      <c r="E16081" s="6">
        <v>2021</v>
      </c>
      <c r="F16081" s="6">
        <v>2021</v>
      </c>
      <c r="G16081" t="s">
        <v>125</v>
      </c>
      <c r="H16081" t="s">
        <v>119</v>
      </c>
      <c r="I16081" t="s">
        <v>15</v>
      </c>
      <c r="J16081" s="10">
        <v>18.697233406935965</v>
      </c>
    </row>
    <row r="16082" spans="1:10" x14ac:dyDescent="0.35">
      <c r="A16082" t="s">
        <v>35</v>
      </c>
      <c r="B16082" t="s">
        <v>41</v>
      </c>
      <c r="C16082" t="s">
        <v>117</v>
      </c>
      <c r="D16082" t="s">
        <v>118</v>
      </c>
      <c r="E16082" s="6">
        <v>2021</v>
      </c>
      <c r="F16082" s="6">
        <v>2021</v>
      </c>
      <c r="G16082" t="s">
        <v>125</v>
      </c>
      <c r="H16082" t="s">
        <v>119</v>
      </c>
      <c r="I16082" t="s">
        <v>15</v>
      </c>
      <c r="J16082" s="10">
        <v>15.751957905041605</v>
      </c>
    </row>
    <row r="16083" spans="1:10" x14ac:dyDescent="0.35">
      <c r="A16083" t="s">
        <v>35</v>
      </c>
      <c r="B16083" t="s">
        <v>42</v>
      </c>
      <c r="C16083" t="s">
        <v>117</v>
      </c>
      <c r="D16083" t="s">
        <v>118</v>
      </c>
      <c r="E16083" s="6">
        <v>2021</v>
      </c>
      <c r="F16083" s="6">
        <v>2021</v>
      </c>
      <c r="G16083" t="s">
        <v>125</v>
      </c>
      <c r="H16083" t="s">
        <v>119</v>
      </c>
      <c r="I16083" t="s">
        <v>15</v>
      </c>
      <c r="J16083" s="10">
        <v>19.414662416690813</v>
      </c>
    </row>
    <row r="16084" spans="1:10" x14ac:dyDescent="0.35">
      <c r="A16084" t="s">
        <v>35</v>
      </c>
      <c r="B16084" t="s">
        <v>43</v>
      </c>
      <c r="C16084" t="s">
        <v>117</v>
      </c>
      <c r="D16084" t="s">
        <v>118</v>
      </c>
      <c r="E16084" s="6">
        <v>2021</v>
      </c>
      <c r="F16084" s="6">
        <v>2021</v>
      </c>
      <c r="G16084" t="s">
        <v>125</v>
      </c>
      <c r="H16084" t="s">
        <v>119</v>
      </c>
      <c r="I16084" t="s">
        <v>15</v>
      </c>
      <c r="J16084" s="10">
        <v>16.906224804692929</v>
      </c>
    </row>
    <row r="16085" spans="1:10" x14ac:dyDescent="0.35">
      <c r="A16085" t="s">
        <v>28</v>
      </c>
      <c r="B16085" t="s">
        <v>44</v>
      </c>
      <c r="C16085" t="s">
        <v>117</v>
      </c>
      <c r="D16085" t="s">
        <v>118</v>
      </c>
      <c r="E16085" s="6">
        <v>2021</v>
      </c>
      <c r="F16085" s="6">
        <v>2021</v>
      </c>
      <c r="G16085" t="s">
        <v>125</v>
      </c>
      <c r="H16085" t="s">
        <v>119</v>
      </c>
      <c r="I16085" t="s">
        <v>15</v>
      </c>
      <c r="J16085" s="10">
        <v>16.084254700992656</v>
      </c>
    </row>
    <row r="16086" spans="1:10" x14ac:dyDescent="0.35">
      <c r="A16086" t="s">
        <v>10</v>
      </c>
      <c r="B16086" t="s">
        <v>45</v>
      </c>
      <c r="C16086" t="s">
        <v>117</v>
      </c>
      <c r="D16086" t="s">
        <v>118</v>
      </c>
      <c r="E16086" s="6">
        <v>2021</v>
      </c>
      <c r="F16086" s="6">
        <v>2021</v>
      </c>
      <c r="G16086" t="s">
        <v>125</v>
      </c>
      <c r="H16086" t="s">
        <v>119</v>
      </c>
      <c r="I16086" t="s">
        <v>15</v>
      </c>
      <c r="J16086" s="10">
        <v>17.485380116959064</v>
      </c>
    </row>
    <row r="16087" spans="1:10" x14ac:dyDescent="0.35">
      <c r="A16087" t="s">
        <v>10</v>
      </c>
      <c r="B16087" t="s">
        <v>46</v>
      </c>
      <c r="C16087" t="s">
        <v>117</v>
      </c>
      <c r="D16087" t="s">
        <v>118</v>
      </c>
      <c r="E16087" s="6">
        <v>2021</v>
      </c>
      <c r="F16087" s="6">
        <v>2021</v>
      </c>
      <c r="G16087" t="s">
        <v>125</v>
      </c>
      <c r="H16087" t="s">
        <v>119</v>
      </c>
      <c r="I16087" t="s">
        <v>15</v>
      </c>
      <c r="J16087" s="10">
        <v>16.582928146947594</v>
      </c>
    </row>
    <row r="16088" spans="1:10" x14ac:dyDescent="0.35">
      <c r="A16088" t="s">
        <v>33</v>
      </c>
      <c r="B16088" t="s">
        <v>47</v>
      </c>
      <c r="C16088" t="s">
        <v>117</v>
      </c>
      <c r="D16088" t="s">
        <v>118</v>
      </c>
      <c r="E16088" s="6">
        <v>2021</v>
      </c>
      <c r="F16088" s="6">
        <v>2021</v>
      </c>
      <c r="G16088" t="s">
        <v>125</v>
      </c>
      <c r="H16088" t="s">
        <v>119</v>
      </c>
      <c r="I16088" t="s">
        <v>15</v>
      </c>
      <c r="J16088" s="10">
        <v>18.951539796420526</v>
      </c>
    </row>
    <row r="16089" spans="1:10" x14ac:dyDescent="0.35">
      <c r="A16089" t="s">
        <v>20</v>
      </c>
      <c r="B16089" t="s">
        <v>48</v>
      </c>
      <c r="C16089" t="s">
        <v>117</v>
      </c>
      <c r="D16089" t="s">
        <v>118</v>
      </c>
      <c r="E16089" s="6">
        <v>2021</v>
      </c>
      <c r="F16089" s="6">
        <v>2021</v>
      </c>
      <c r="G16089" t="s">
        <v>125</v>
      </c>
      <c r="H16089" t="s">
        <v>119</v>
      </c>
      <c r="I16089" t="s">
        <v>15</v>
      </c>
      <c r="J16089" s="10">
        <v>18.248175182481752</v>
      </c>
    </row>
    <row r="16090" spans="1:10" x14ac:dyDescent="0.35">
      <c r="A16090" t="s">
        <v>28</v>
      </c>
      <c r="B16090" t="s">
        <v>49</v>
      </c>
      <c r="C16090" t="s">
        <v>117</v>
      </c>
      <c r="D16090" t="s">
        <v>118</v>
      </c>
      <c r="E16090" s="6">
        <v>2021</v>
      </c>
      <c r="F16090" s="6">
        <v>2021</v>
      </c>
      <c r="G16090" t="s">
        <v>125</v>
      </c>
      <c r="H16090" t="s">
        <v>119</v>
      </c>
      <c r="I16090" t="s">
        <v>15</v>
      </c>
      <c r="J16090" s="10">
        <v>19.487319469948879</v>
      </c>
    </row>
    <row r="16091" spans="1:10" x14ac:dyDescent="0.35">
      <c r="A16091" t="s">
        <v>35</v>
      </c>
      <c r="B16091" t="s">
        <v>50</v>
      </c>
      <c r="C16091" t="s">
        <v>117</v>
      </c>
      <c r="D16091" t="s">
        <v>118</v>
      </c>
      <c r="E16091" s="6">
        <v>2021</v>
      </c>
      <c r="F16091" s="6">
        <v>2021</v>
      </c>
      <c r="G16091" t="s">
        <v>125</v>
      </c>
      <c r="H16091" t="s">
        <v>119</v>
      </c>
      <c r="I16091" t="s">
        <v>15</v>
      </c>
      <c r="J16091" s="10">
        <v>22.78634903175384</v>
      </c>
    </row>
    <row r="16092" spans="1:10" x14ac:dyDescent="0.35">
      <c r="A16092" t="s">
        <v>22</v>
      </c>
      <c r="B16092" t="s">
        <v>51</v>
      </c>
      <c r="C16092" t="s">
        <v>117</v>
      </c>
      <c r="D16092" t="s">
        <v>118</v>
      </c>
      <c r="E16092" s="6">
        <v>2021</v>
      </c>
      <c r="F16092" s="6">
        <v>2021</v>
      </c>
      <c r="G16092" t="s">
        <v>125</v>
      </c>
      <c r="H16092" t="s">
        <v>119</v>
      </c>
      <c r="I16092" t="s">
        <v>15</v>
      </c>
      <c r="J16092" s="10">
        <v>9.2122331420530745</v>
      </c>
    </row>
    <row r="16093" spans="1:10" x14ac:dyDescent="0.35">
      <c r="A16093" t="s">
        <v>22</v>
      </c>
      <c r="B16093" t="s">
        <v>52</v>
      </c>
      <c r="C16093" t="s">
        <v>117</v>
      </c>
      <c r="D16093" t="s">
        <v>118</v>
      </c>
      <c r="E16093" s="6">
        <v>2021</v>
      </c>
      <c r="F16093" s="6">
        <v>2021</v>
      </c>
      <c r="G16093" t="s">
        <v>125</v>
      </c>
      <c r="H16093" t="s">
        <v>119</v>
      </c>
      <c r="I16093" t="s">
        <v>15</v>
      </c>
      <c r="J16093" s="10">
        <v>18.374134576225167</v>
      </c>
    </row>
    <row r="16094" spans="1:10" x14ac:dyDescent="0.35">
      <c r="A16094" t="s">
        <v>22</v>
      </c>
      <c r="B16094" t="s">
        <v>53</v>
      </c>
      <c r="C16094" t="s">
        <v>117</v>
      </c>
      <c r="D16094" t="s">
        <v>118</v>
      </c>
      <c r="E16094" s="6">
        <v>2021</v>
      </c>
      <c r="F16094" s="6">
        <v>2021</v>
      </c>
      <c r="G16094" t="s">
        <v>125</v>
      </c>
      <c r="H16094" t="s">
        <v>119</v>
      </c>
      <c r="I16094" t="s">
        <v>15</v>
      </c>
      <c r="J16094" s="10">
        <v>13.842141215922499</v>
      </c>
    </row>
    <row r="16095" spans="1:10" x14ac:dyDescent="0.35">
      <c r="A16095" t="s">
        <v>22</v>
      </c>
      <c r="B16095" t="s">
        <v>54</v>
      </c>
      <c r="C16095" t="s">
        <v>117</v>
      </c>
      <c r="D16095" t="s">
        <v>118</v>
      </c>
      <c r="E16095" s="6">
        <v>2021</v>
      </c>
      <c r="F16095" s="6">
        <v>2021</v>
      </c>
      <c r="G16095" t="s">
        <v>125</v>
      </c>
      <c r="H16095" t="s">
        <v>119</v>
      </c>
      <c r="I16095" t="s">
        <v>15</v>
      </c>
      <c r="J16095" s="10">
        <v>18.699375144642445</v>
      </c>
    </row>
    <row r="16096" spans="1:10" x14ac:dyDescent="0.35">
      <c r="A16096" t="s">
        <v>22</v>
      </c>
      <c r="B16096" t="s">
        <v>55</v>
      </c>
      <c r="C16096" t="s">
        <v>117</v>
      </c>
      <c r="D16096" t="s">
        <v>118</v>
      </c>
      <c r="E16096" s="6">
        <v>2021</v>
      </c>
      <c r="F16096" s="6">
        <v>2021</v>
      </c>
      <c r="G16096" t="s">
        <v>125</v>
      </c>
      <c r="H16096" t="s">
        <v>119</v>
      </c>
      <c r="I16096" t="s">
        <v>15</v>
      </c>
      <c r="J16096" s="10">
        <v>14.600687213660974</v>
      </c>
    </row>
    <row r="16097" spans="1:10" x14ac:dyDescent="0.35">
      <c r="A16097" t="s">
        <v>22</v>
      </c>
      <c r="B16097" t="s">
        <v>56</v>
      </c>
      <c r="C16097" t="s">
        <v>117</v>
      </c>
      <c r="D16097" t="s">
        <v>118</v>
      </c>
      <c r="E16097" s="6">
        <v>2021</v>
      </c>
      <c r="F16097" s="6">
        <v>2021</v>
      </c>
      <c r="G16097" t="s">
        <v>125</v>
      </c>
      <c r="H16097" t="s">
        <v>119</v>
      </c>
      <c r="I16097" t="s">
        <v>15</v>
      </c>
      <c r="J16097" s="10">
        <v>20.038873158324137</v>
      </c>
    </row>
    <row r="16098" spans="1:10" x14ac:dyDescent="0.35">
      <c r="A16098" t="s">
        <v>28</v>
      </c>
      <c r="B16098" t="s">
        <v>58</v>
      </c>
      <c r="C16098" t="s">
        <v>117</v>
      </c>
      <c r="D16098" t="s">
        <v>118</v>
      </c>
      <c r="E16098" s="6">
        <v>2021</v>
      </c>
      <c r="F16098" s="6">
        <v>2021</v>
      </c>
      <c r="G16098" t="s">
        <v>125</v>
      </c>
      <c r="H16098" t="s">
        <v>119</v>
      </c>
      <c r="I16098" t="s">
        <v>15</v>
      </c>
      <c r="J16098" s="10">
        <v>16.151626285095894</v>
      </c>
    </row>
    <row r="16099" spans="1:10" x14ac:dyDescent="0.35">
      <c r="A16099" t="s">
        <v>20</v>
      </c>
      <c r="B16099" t="s">
        <v>59</v>
      </c>
      <c r="C16099" t="s">
        <v>117</v>
      </c>
      <c r="D16099" t="s">
        <v>118</v>
      </c>
      <c r="E16099" s="6">
        <v>2021</v>
      </c>
      <c r="F16099" s="6">
        <v>2021</v>
      </c>
      <c r="G16099" t="s">
        <v>125</v>
      </c>
      <c r="H16099" t="s">
        <v>119</v>
      </c>
      <c r="I16099" t="s">
        <v>15</v>
      </c>
      <c r="J16099" s="10">
        <v>18.425212912438166</v>
      </c>
    </row>
    <row r="16100" spans="1:10" x14ac:dyDescent="0.35">
      <c r="A16100" t="s">
        <v>20</v>
      </c>
      <c r="B16100" t="s">
        <v>60</v>
      </c>
      <c r="C16100" t="s">
        <v>117</v>
      </c>
      <c r="D16100" t="s">
        <v>118</v>
      </c>
      <c r="E16100" s="6">
        <v>2021</v>
      </c>
      <c r="F16100" s="6">
        <v>2021</v>
      </c>
      <c r="G16100" t="s">
        <v>125</v>
      </c>
      <c r="H16100" t="s">
        <v>119</v>
      </c>
      <c r="I16100" t="s">
        <v>15</v>
      </c>
      <c r="J16100" s="10">
        <v>17.740176057231285</v>
      </c>
    </row>
    <row r="16101" spans="1:10" x14ac:dyDescent="0.35">
      <c r="A16101" t="s">
        <v>28</v>
      </c>
      <c r="B16101" t="s">
        <v>61</v>
      </c>
      <c r="C16101" t="s">
        <v>117</v>
      </c>
      <c r="D16101" t="s">
        <v>118</v>
      </c>
      <c r="E16101" s="6">
        <v>2021</v>
      </c>
      <c r="F16101" s="6">
        <v>2021</v>
      </c>
      <c r="G16101" t="s">
        <v>125</v>
      </c>
      <c r="H16101" t="s">
        <v>119</v>
      </c>
      <c r="I16101" t="s">
        <v>15</v>
      </c>
      <c r="J16101" s="10">
        <v>16.229428985589632</v>
      </c>
    </row>
    <row r="16102" spans="1:10" x14ac:dyDescent="0.35">
      <c r="A16102" t="s">
        <v>62</v>
      </c>
      <c r="B16102" t="s">
        <v>63</v>
      </c>
      <c r="C16102" t="s">
        <v>117</v>
      </c>
      <c r="D16102" t="s">
        <v>118</v>
      </c>
      <c r="E16102" s="6">
        <v>2021</v>
      </c>
      <c r="F16102" s="6">
        <v>2021</v>
      </c>
      <c r="G16102" t="s">
        <v>125</v>
      </c>
      <c r="H16102" t="s">
        <v>119</v>
      </c>
      <c r="I16102" t="s">
        <v>15</v>
      </c>
      <c r="J16102" s="10">
        <v>18.644162210338681</v>
      </c>
    </row>
    <row r="16103" spans="1:10" x14ac:dyDescent="0.35">
      <c r="A16103" t="s">
        <v>62</v>
      </c>
      <c r="B16103" t="s">
        <v>64</v>
      </c>
      <c r="C16103" t="s">
        <v>117</v>
      </c>
      <c r="D16103" t="s">
        <v>118</v>
      </c>
      <c r="E16103" s="6">
        <v>2021</v>
      </c>
      <c r="F16103" s="6">
        <v>2021</v>
      </c>
      <c r="G16103" t="s">
        <v>125</v>
      </c>
      <c r="H16103" t="s">
        <v>119</v>
      </c>
      <c r="I16103" t="s">
        <v>15</v>
      </c>
      <c r="J16103" s="10">
        <v>16.415571562104798</v>
      </c>
    </row>
    <row r="16104" spans="1:10" x14ac:dyDescent="0.35">
      <c r="A16104" t="s">
        <v>62</v>
      </c>
      <c r="B16104" t="s">
        <v>65</v>
      </c>
      <c r="C16104" t="s">
        <v>117</v>
      </c>
      <c r="D16104" t="s">
        <v>118</v>
      </c>
      <c r="E16104" s="6">
        <v>2021</v>
      </c>
      <c r="F16104" s="6">
        <v>2021</v>
      </c>
      <c r="G16104" t="s">
        <v>125</v>
      </c>
      <c r="H16104" t="s">
        <v>119</v>
      </c>
      <c r="I16104" t="s">
        <v>15</v>
      </c>
      <c r="J16104" s="10">
        <v>8.6579260013577723</v>
      </c>
    </row>
    <row r="16105" spans="1:10" x14ac:dyDescent="0.35">
      <c r="A16105" t="s">
        <v>62</v>
      </c>
      <c r="B16105" t="s">
        <v>66</v>
      </c>
      <c r="C16105" t="s">
        <v>117</v>
      </c>
      <c r="D16105" t="s">
        <v>118</v>
      </c>
      <c r="E16105" s="6">
        <v>2021</v>
      </c>
      <c r="F16105" s="6">
        <v>2021</v>
      </c>
      <c r="G16105" t="s">
        <v>125</v>
      </c>
      <c r="H16105" t="s">
        <v>119</v>
      </c>
      <c r="I16105" t="s">
        <v>15</v>
      </c>
      <c r="J16105" s="10">
        <v>17.075973383928812</v>
      </c>
    </row>
    <row r="16106" spans="1:10" x14ac:dyDescent="0.35">
      <c r="A16106" t="s">
        <v>62</v>
      </c>
      <c r="B16106" t="s">
        <v>67</v>
      </c>
      <c r="C16106" t="s">
        <v>117</v>
      </c>
      <c r="D16106" t="s">
        <v>118</v>
      </c>
      <c r="E16106" s="6">
        <v>2021</v>
      </c>
      <c r="F16106" s="6">
        <v>2021</v>
      </c>
      <c r="G16106" t="s">
        <v>125</v>
      </c>
      <c r="H16106" t="s">
        <v>119</v>
      </c>
      <c r="I16106" t="s">
        <v>15</v>
      </c>
      <c r="J16106" s="10">
        <v>20.149177218434406</v>
      </c>
    </row>
    <row r="16107" spans="1:10" x14ac:dyDescent="0.35">
      <c r="A16107" t="s">
        <v>62</v>
      </c>
      <c r="B16107" t="s">
        <v>68</v>
      </c>
      <c r="C16107" t="s">
        <v>117</v>
      </c>
      <c r="D16107" t="s">
        <v>118</v>
      </c>
      <c r="E16107" s="6">
        <v>2021</v>
      </c>
      <c r="F16107" s="6">
        <v>2021</v>
      </c>
      <c r="G16107" t="s">
        <v>125</v>
      </c>
      <c r="H16107" t="s">
        <v>119</v>
      </c>
      <c r="I16107" t="s">
        <v>15</v>
      </c>
      <c r="J16107" s="10">
        <v>18.676814988290399</v>
      </c>
    </row>
    <row r="16108" spans="1:10" x14ac:dyDescent="0.35">
      <c r="A16108" t="s">
        <v>62</v>
      </c>
      <c r="B16108" t="s">
        <v>69</v>
      </c>
      <c r="C16108" t="s">
        <v>117</v>
      </c>
      <c r="D16108" t="s">
        <v>118</v>
      </c>
      <c r="E16108" s="6">
        <v>2021</v>
      </c>
      <c r="F16108" s="6">
        <v>2021</v>
      </c>
      <c r="G16108" t="s">
        <v>125</v>
      </c>
      <c r="H16108" t="s">
        <v>119</v>
      </c>
      <c r="I16108" t="s">
        <v>15</v>
      </c>
      <c r="J16108" s="10">
        <v>17.062841195622905</v>
      </c>
    </row>
    <row r="16109" spans="1:10" x14ac:dyDescent="0.35">
      <c r="A16109" t="s">
        <v>62</v>
      </c>
      <c r="B16109" t="s">
        <v>70</v>
      </c>
      <c r="C16109" t="s">
        <v>117</v>
      </c>
      <c r="D16109" t="s">
        <v>118</v>
      </c>
      <c r="E16109" s="6">
        <v>2021</v>
      </c>
      <c r="F16109" s="6">
        <v>2021</v>
      </c>
      <c r="G16109" t="s">
        <v>125</v>
      </c>
      <c r="H16109" t="s">
        <v>119</v>
      </c>
      <c r="I16109" t="s">
        <v>15</v>
      </c>
      <c r="J16109" s="10">
        <v>15.882846945202603</v>
      </c>
    </row>
    <row r="16110" spans="1:10" x14ac:dyDescent="0.35">
      <c r="A16110" t="s">
        <v>35</v>
      </c>
      <c r="B16110" t="s">
        <v>71</v>
      </c>
      <c r="C16110" t="s">
        <v>117</v>
      </c>
      <c r="D16110" t="s">
        <v>118</v>
      </c>
      <c r="E16110" s="6">
        <v>2021</v>
      </c>
      <c r="F16110" s="6">
        <v>2021</v>
      </c>
      <c r="G16110" t="s">
        <v>125</v>
      </c>
      <c r="H16110" t="s">
        <v>119</v>
      </c>
      <c r="I16110" t="s">
        <v>15</v>
      </c>
      <c r="J16110" s="10">
        <v>17.318925233644862</v>
      </c>
    </row>
    <row r="16111" spans="1:10" x14ac:dyDescent="0.35">
      <c r="A16111" t="s">
        <v>20</v>
      </c>
      <c r="B16111" t="s">
        <v>72</v>
      </c>
      <c r="C16111" t="s">
        <v>117</v>
      </c>
      <c r="D16111" t="s">
        <v>118</v>
      </c>
      <c r="E16111" s="6">
        <v>2021</v>
      </c>
      <c r="F16111" s="6">
        <v>2021</v>
      </c>
      <c r="G16111" t="s">
        <v>125</v>
      </c>
      <c r="H16111" t="s">
        <v>119</v>
      </c>
      <c r="I16111" t="s">
        <v>15</v>
      </c>
      <c r="J16111" s="10">
        <v>18.40732871609503</v>
      </c>
    </row>
    <row r="16112" spans="1:10" x14ac:dyDescent="0.35">
      <c r="A16112" t="s">
        <v>26</v>
      </c>
      <c r="B16112" t="s">
        <v>73</v>
      </c>
      <c r="C16112" t="s">
        <v>117</v>
      </c>
      <c r="D16112" t="s">
        <v>118</v>
      </c>
      <c r="E16112" s="6">
        <v>2021</v>
      </c>
      <c r="F16112" s="6">
        <v>2021</v>
      </c>
      <c r="G16112" t="s">
        <v>125</v>
      </c>
      <c r="H16112" t="s">
        <v>119</v>
      </c>
      <c r="I16112" t="s">
        <v>15</v>
      </c>
      <c r="J16112" s="10">
        <v>17.470844330152715</v>
      </c>
    </row>
    <row r="16113" spans="1:10" x14ac:dyDescent="0.35">
      <c r="A16113" t="s">
        <v>28</v>
      </c>
      <c r="B16113" t="s">
        <v>74</v>
      </c>
      <c r="C16113" t="s">
        <v>117</v>
      </c>
      <c r="D16113" t="s">
        <v>118</v>
      </c>
      <c r="E16113" s="6">
        <v>2021</v>
      </c>
      <c r="F16113" s="6">
        <v>2021</v>
      </c>
      <c r="G16113" t="s">
        <v>125</v>
      </c>
      <c r="H16113" t="s">
        <v>119</v>
      </c>
      <c r="I16113" t="s">
        <v>15</v>
      </c>
      <c r="J16113" s="10">
        <v>18.322510014679906</v>
      </c>
    </row>
    <row r="16114" spans="1:10" x14ac:dyDescent="0.35">
      <c r="A16114" t="s">
        <v>33</v>
      </c>
      <c r="B16114" t="s">
        <v>75</v>
      </c>
      <c r="C16114" t="s">
        <v>117</v>
      </c>
      <c r="D16114" t="s">
        <v>118</v>
      </c>
      <c r="E16114" s="6">
        <v>2021</v>
      </c>
      <c r="F16114" s="6">
        <v>2021</v>
      </c>
      <c r="G16114" t="s">
        <v>125</v>
      </c>
      <c r="H16114" t="s">
        <v>119</v>
      </c>
      <c r="I16114" t="s">
        <v>15</v>
      </c>
      <c r="J16114" s="10">
        <v>19.120734908136484</v>
      </c>
    </row>
    <row r="16115" spans="1:10" x14ac:dyDescent="0.35">
      <c r="A16115" t="s">
        <v>22</v>
      </c>
      <c r="B16115" t="s">
        <v>76</v>
      </c>
      <c r="C16115" t="s">
        <v>117</v>
      </c>
      <c r="D16115" t="s">
        <v>118</v>
      </c>
      <c r="E16115" s="6">
        <v>2021</v>
      </c>
      <c r="F16115" s="6">
        <v>2021</v>
      </c>
      <c r="G16115" t="s">
        <v>125</v>
      </c>
      <c r="H16115" t="s">
        <v>119</v>
      </c>
      <c r="I16115" t="s">
        <v>15</v>
      </c>
      <c r="J16115" s="10">
        <v>20.230594758064516</v>
      </c>
    </row>
    <row r="16116" spans="1:10" x14ac:dyDescent="0.35">
      <c r="A16116" t="s">
        <v>33</v>
      </c>
      <c r="B16116" t="s">
        <v>77</v>
      </c>
      <c r="C16116" t="s">
        <v>117</v>
      </c>
      <c r="D16116" t="s">
        <v>118</v>
      </c>
      <c r="E16116" s="6">
        <v>2021</v>
      </c>
      <c r="F16116" s="6">
        <v>2021</v>
      </c>
      <c r="G16116" t="s">
        <v>125</v>
      </c>
      <c r="H16116" t="s">
        <v>119</v>
      </c>
      <c r="I16116" t="s">
        <v>15</v>
      </c>
      <c r="J16116" s="10">
        <v>18.692449355432782</v>
      </c>
    </row>
    <row r="16117" spans="1:10" x14ac:dyDescent="0.35">
      <c r="A16117" t="s">
        <v>22</v>
      </c>
      <c r="B16117" t="s">
        <v>78</v>
      </c>
      <c r="C16117" t="s">
        <v>117</v>
      </c>
      <c r="D16117" t="s">
        <v>118</v>
      </c>
      <c r="E16117" s="6">
        <v>2021</v>
      </c>
      <c r="F16117" s="6">
        <v>2021</v>
      </c>
      <c r="G16117" t="s">
        <v>125</v>
      </c>
      <c r="H16117" t="s">
        <v>119</v>
      </c>
      <c r="I16117" t="s">
        <v>15</v>
      </c>
      <c r="J16117" s="10">
        <v>19.97477871894927</v>
      </c>
    </row>
    <row r="16118" spans="1:10" x14ac:dyDescent="0.35">
      <c r="A16118" t="s">
        <v>28</v>
      </c>
      <c r="B16118" t="s">
        <v>79</v>
      </c>
      <c r="C16118" t="s">
        <v>117</v>
      </c>
      <c r="D16118" t="s">
        <v>118</v>
      </c>
      <c r="E16118" s="6">
        <v>2021</v>
      </c>
      <c r="F16118" s="6">
        <v>2021</v>
      </c>
      <c r="G16118" t="s">
        <v>125</v>
      </c>
      <c r="H16118" t="s">
        <v>119</v>
      </c>
      <c r="I16118" t="s">
        <v>15</v>
      </c>
      <c r="J16118" s="10">
        <v>18.923540220498161</v>
      </c>
    </row>
    <row r="16119" spans="1:10" x14ac:dyDescent="0.35">
      <c r="A16119" t="s">
        <v>26</v>
      </c>
      <c r="B16119" t="s">
        <v>80</v>
      </c>
      <c r="C16119" t="s">
        <v>117</v>
      </c>
      <c r="D16119" t="s">
        <v>118</v>
      </c>
      <c r="E16119" s="6">
        <v>2021</v>
      </c>
      <c r="F16119" s="6">
        <v>2021</v>
      </c>
      <c r="G16119" t="s">
        <v>125</v>
      </c>
      <c r="H16119" t="s">
        <v>119</v>
      </c>
      <c r="I16119" t="s">
        <v>15</v>
      </c>
      <c r="J16119" s="10">
        <v>17.326450075699288</v>
      </c>
    </row>
    <row r="16120" spans="1:10" x14ac:dyDescent="0.35">
      <c r="A16120" t="s">
        <v>20</v>
      </c>
      <c r="B16120" t="s">
        <v>81</v>
      </c>
      <c r="C16120" t="s">
        <v>117</v>
      </c>
      <c r="D16120" t="s">
        <v>118</v>
      </c>
      <c r="E16120" s="6">
        <v>2021</v>
      </c>
      <c r="F16120" s="6">
        <v>2021</v>
      </c>
      <c r="G16120" t="s">
        <v>125</v>
      </c>
      <c r="H16120" t="s">
        <v>119</v>
      </c>
      <c r="I16120" t="s">
        <v>15</v>
      </c>
      <c r="J16120" s="10">
        <v>18.795453321122661</v>
      </c>
    </row>
    <row r="16121" spans="1:10" x14ac:dyDescent="0.35">
      <c r="A16121" t="s">
        <v>26</v>
      </c>
      <c r="B16121" t="s">
        <v>57</v>
      </c>
      <c r="C16121" t="s">
        <v>117</v>
      </c>
      <c r="D16121" t="s">
        <v>118</v>
      </c>
      <c r="E16121" s="6">
        <v>2021</v>
      </c>
      <c r="F16121" s="6">
        <v>2021</v>
      </c>
      <c r="G16121" t="s">
        <v>125</v>
      </c>
      <c r="H16121" t="s">
        <v>119</v>
      </c>
      <c r="I16121" t="s">
        <v>15</v>
      </c>
      <c r="J16121" s="10">
        <v>16.157403897187052</v>
      </c>
    </row>
    <row r="16122" spans="1:10" x14ac:dyDescent="0.35">
      <c r="A16122" t="s">
        <v>33</v>
      </c>
      <c r="B16122" t="s">
        <v>82</v>
      </c>
      <c r="C16122" t="s">
        <v>117</v>
      </c>
      <c r="D16122" t="s">
        <v>118</v>
      </c>
      <c r="E16122" s="6">
        <v>2021</v>
      </c>
      <c r="F16122" s="6">
        <v>2021</v>
      </c>
      <c r="G16122" t="s">
        <v>125</v>
      </c>
      <c r="H16122" t="s">
        <v>119</v>
      </c>
      <c r="I16122" t="s">
        <v>15</v>
      </c>
      <c r="J16122" s="10">
        <v>14.177095762688349</v>
      </c>
    </row>
    <row r="16123" spans="1:10" x14ac:dyDescent="0.35">
      <c r="A16123" t="s">
        <v>26</v>
      </c>
      <c r="B16123" t="s">
        <v>83</v>
      </c>
      <c r="C16123" t="s">
        <v>117</v>
      </c>
      <c r="D16123" t="s">
        <v>118</v>
      </c>
      <c r="E16123" s="6">
        <v>2021</v>
      </c>
      <c r="F16123" s="6">
        <v>2021</v>
      </c>
      <c r="G16123" t="s">
        <v>125</v>
      </c>
      <c r="H16123" t="s">
        <v>119</v>
      </c>
      <c r="I16123" t="s">
        <v>15</v>
      </c>
      <c r="J16123" s="10">
        <v>16.503034630489111</v>
      </c>
    </row>
    <row r="16124" spans="1:10" x14ac:dyDescent="0.35">
      <c r="A16124" t="s">
        <v>35</v>
      </c>
      <c r="B16124" t="s">
        <v>84</v>
      </c>
      <c r="C16124" t="s">
        <v>117</v>
      </c>
      <c r="D16124" t="s">
        <v>118</v>
      </c>
      <c r="E16124" s="6">
        <v>2021</v>
      </c>
      <c r="F16124" s="6">
        <v>2021</v>
      </c>
      <c r="G16124" t="s">
        <v>125</v>
      </c>
      <c r="H16124" t="s">
        <v>119</v>
      </c>
      <c r="I16124" t="s">
        <v>15</v>
      </c>
      <c r="J16124" s="10">
        <v>16.266530450082296</v>
      </c>
    </row>
    <row r="16125" spans="1:10" x14ac:dyDescent="0.35">
      <c r="A16125" t="s">
        <v>33</v>
      </c>
      <c r="B16125" t="s">
        <v>85</v>
      </c>
      <c r="C16125" t="s">
        <v>117</v>
      </c>
      <c r="D16125" t="s">
        <v>118</v>
      </c>
      <c r="E16125" s="6">
        <v>2021</v>
      </c>
      <c r="F16125" s="6">
        <v>2021</v>
      </c>
      <c r="G16125" t="s">
        <v>125</v>
      </c>
      <c r="H16125" t="s">
        <v>119</v>
      </c>
      <c r="I16125" t="s">
        <v>15</v>
      </c>
      <c r="J16125" s="10">
        <v>15.217629046369204</v>
      </c>
    </row>
    <row r="16126" spans="1:10" x14ac:dyDescent="0.35">
      <c r="A16126" t="s">
        <v>33</v>
      </c>
      <c r="B16126" t="s">
        <v>86</v>
      </c>
      <c r="C16126" t="s">
        <v>117</v>
      </c>
      <c r="D16126" t="s">
        <v>118</v>
      </c>
      <c r="E16126" s="6">
        <v>2021</v>
      </c>
      <c r="F16126" s="6">
        <v>2021</v>
      </c>
      <c r="G16126" t="s">
        <v>125</v>
      </c>
      <c r="H16126" t="s">
        <v>119</v>
      </c>
      <c r="I16126" t="s">
        <v>15</v>
      </c>
      <c r="J16126" s="10">
        <v>17.620447284345047</v>
      </c>
    </row>
    <row r="16127" spans="1:10" x14ac:dyDescent="0.35">
      <c r="A16127" t="s">
        <v>35</v>
      </c>
      <c r="B16127" t="s">
        <v>87</v>
      </c>
      <c r="C16127" t="s">
        <v>117</v>
      </c>
      <c r="D16127" t="s">
        <v>118</v>
      </c>
      <c r="E16127" s="6">
        <v>2021</v>
      </c>
      <c r="F16127" s="6">
        <v>2021</v>
      </c>
      <c r="G16127" t="s">
        <v>125</v>
      </c>
      <c r="H16127" t="s">
        <v>119</v>
      </c>
      <c r="I16127" t="s">
        <v>15</v>
      </c>
      <c r="J16127" s="10">
        <v>17.600322770863723</v>
      </c>
    </row>
    <row r="16128" spans="1:10" x14ac:dyDescent="0.35">
      <c r="A16128" t="s">
        <v>35</v>
      </c>
      <c r="B16128" t="s">
        <v>88</v>
      </c>
      <c r="C16128" t="s">
        <v>117</v>
      </c>
      <c r="D16128" t="s">
        <v>118</v>
      </c>
      <c r="E16128" s="6">
        <v>2021</v>
      </c>
      <c r="F16128" s="6">
        <v>2021</v>
      </c>
      <c r="G16128" t="s">
        <v>125</v>
      </c>
      <c r="H16128" t="s">
        <v>119</v>
      </c>
      <c r="I16128" t="s">
        <v>15</v>
      </c>
      <c r="J16128" s="10">
        <v>19.098268628493766</v>
      </c>
    </row>
    <row r="16129" spans="1:10" x14ac:dyDescent="0.35">
      <c r="A16129" t="s">
        <v>62</v>
      </c>
      <c r="B16129" t="s">
        <v>89</v>
      </c>
      <c r="C16129" t="s">
        <v>117</v>
      </c>
      <c r="D16129" t="s">
        <v>118</v>
      </c>
      <c r="E16129" s="6">
        <v>2021</v>
      </c>
      <c r="F16129" s="6">
        <v>2021</v>
      </c>
      <c r="G16129" t="s">
        <v>125</v>
      </c>
      <c r="H16129" t="s">
        <v>119</v>
      </c>
      <c r="I16129" t="s">
        <v>15</v>
      </c>
      <c r="J16129" s="10">
        <v>19.037533512064343</v>
      </c>
    </row>
    <row r="16130" spans="1:10" x14ac:dyDescent="0.35">
      <c r="A16130" t="s">
        <v>26</v>
      </c>
      <c r="B16130" t="s">
        <v>90</v>
      </c>
      <c r="C16130" t="s">
        <v>117</v>
      </c>
      <c r="D16130" t="s">
        <v>118</v>
      </c>
      <c r="E16130" s="6">
        <v>2021</v>
      </c>
      <c r="F16130" s="6">
        <v>2021</v>
      </c>
      <c r="G16130" t="s">
        <v>125</v>
      </c>
      <c r="H16130" t="s">
        <v>119</v>
      </c>
      <c r="I16130" t="s">
        <v>15</v>
      </c>
      <c r="J16130" s="10">
        <v>18.185726569217543</v>
      </c>
    </row>
    <row r="16131" spans="1:10" x14ac:dyDescent="0.35">
      <c r="A16131" t="s">
        <v>26</v>
      </c>
      <c r="B16131" t="s">
        <v>91</v>
      </c>
      <c r="C16131" t="s">
        <v>117</v>
      </c>
      <c r="D16131" t="s">
        <v>118</v>
      </c>
      <c r="E16131" s="6">
        <v>2021</v>
      </c>
      <c r="F16131" s="6">
        <v>2021</v>
      </c>
      <c r="G16131" t="s">
        <v>125</v>
      </c>
      <c r="H16131" t="s">
        <v>119</v>
      </c>
      <c r="I16131" t="s">
        <v>15</v>
      </c>
      <c r="J16131" s="10">
        <v>16.485233743874982</v>
      </c>
    </row>
    <row r="16132" spans="1:10" x14ac:dyDescent="0.35">
      <c r="A16132" t="s">
        <v>33</v>
      </c>
      <c r="B16132" t="s">
        <v>92</v>
      </c>
      <c r="C16132" t="s">
        <v>117</v>
      </c>
      <c r="D16132" t="s">
        <v>118</v>
      </c>
      <c r="E16132" s="6">
        <v>2021</v>
      </c>
      <c r="F16132" s="6">
        <v>2021</v>
      </c>
      <c r="G16132" t="s">
        <v>125</v>
      </c>
      <c r="H16132" t="s">
        <v>119</v>
      </c>
      <c r="I16132" t="s">
        <v>15</v>
      </c>
      <c r="J16132" s="10">
        <v>17.035637149028076</v>
      </c>
    </row>
    <row r="16133" spans="1:10" x14ac:dyDescent="0.35">
      <c r="A16133" t="s">
        <v>35</v>
      </c>
      <c r="B16133" t="s">
        <v>93</v>
      </c>
      <c r="C16133" t="s">
        <v>117</v>
      </c>
      <c r="D16133" t="s">
        <v>118</v>
      </c>
      <c r="E16133" s="6">
        <v>2021</v>
      </c>
      <c r="F16133" s="6">
        <v>2021</v>
      </c>
      <c r="G16133" t="s">
        <v>125</v>
      </c>
      <c r="H16133" t="s">
        <v>119</v>
      </c>
      <c r="I16133" t="s">
        <v>15</v>
      </c>
      <c r="J16133" s="10">
        <v>18.843523422635883</v>
      </c>
    </row>
    <row r="16134" spans="1:10" x14ac:dyDescent="0.35">
      <c r="A16134" t="s">
        <v>20</v>
      </c>
      <c r="B16134" t="s">
        <v>94</v>
      </c>
      <c r="C16134" t="s">
        <v>117</v>
      </c>
      <c r="D16134" t="s">
        <v>118</v>
      </c>
      <c r="E16134" s="6">
        <v>2021</v>
      </c>
      <c r="F16134" s="6">
        <v>2021</v>
      </c>
      <c r="G16134" t="s">
        <v>125</v>
      </c>
      <c r="H16134" t="s">
        <v>119</v>
      </c>
      <c r="I16134" t="s">
        <v>15</v>
      </c>
      <c r="J16134" s="10">
        <v>18.574866532046137</v>
      </c>
    </row>
    <row r="16135" spans="1:10" x14ac:dyDescent="0.35">
      <c r="A16135" t="s">
        <v>10</v>
      </c>
      <c r="B16135" t="s">
        <v>11</v>
      </c>
      <c r="C16135" t="s">
        <v>117</v>
      </c>
      <c r="D16135" t="s">
        <v>118</v>
      </c>
      <c r="E16135" s="6">
        <v>2021</v>
      </c>
      <c r="F16135" s="6">
        <v>2021</v>
      </c>
      <c r="G16135" t="s">
        <v>125</v>
      </c>
      <c r="H16135" t="s">
        <v>120</v>
      </c>
      <c r="I16135" t="s">
        <v>15</v>
      </c>
      <c r="J16135" s="10">
        <v>15.290865384615385</v>
      </c>
    </row>
    <row r="16136" spans="1:10" x14ac:dyDescent="0.35">
      <c r="A16136" t="s">
        <v>10</v>
      </c>
      <c r="B16136" t="s">
        <v>16</v>
      </c>
      <c r="C16136" t="s">
        <v>117</v>
      </c>
      <c r="D16136" t="s">
        <v>118</v>
      </c>
      <c r="E16136" s="6">
        <v>2021</v>
      </c>
      <c r="F16136" s="6">
        <v>2021</v>
      </c>
      <c r="G16136" t="s">
        <v>125</v>
      </c>
      <c r="H16136" t="s">
        <v>120</v>
      </c>
      <c r="I16136" t="s">
        <v>15</v>
      </c>
      <c r="J16136" s="10">
        <v>7.5617244791798823</v>
      </c>
    </row>
    <row r="16137" spans="1:10" x14ac:dyDescent="0.35">
      <c r="A16137" t="s">
        <v>10</v>
      </c>
      <c r="B16137" t="s">
        <v>17</v>
      </c>
      <c r="C16137" t="s">
        <v>117</v>
      </c>
      <c r="D16137" t="s">
        <v>118</v>
      </c>
      <c r="E16137" s="6">
        <v>2021</v>
      </c>
      <c r="F16137" s="6">
        <v>2021</v>
      </c>
      <c r="G16137" t="s">
        <v>125</v>
      </c>
      <c r="H16137" t="s">
        <v>120</v>
      </c>
      <c r="I16137" t="s">
        <v>15</v>
      </c>
      <c r="J16137" s="10">
        <v>7.6955592023472077</v>
      </c>
    </row>
    <row r="16138" spans="1:10" x14ac:dyDescent="0.35">
      <c r="A16138" t="s">
        <v>10</v>
      </c>
      <c r="B16138" t="s">
        <v>18</v>
      </c>
      <c r="C16138" t="s">
        <v>117</v>
      </c>
      <c r="D16138" t="s">
        <v>118</v>
      </c>
      <c r="E16138" s="6">
        <v>2021</v>
      </c>
      <c r="F16138" s="6">
        <v>2021</v>
      </c>
      <c r="G16138" t="s">
        <v>125</v>
      </c>
      <c r="H16138" t="s">
        <v>120</v>
      </c>
      <c r="I16138" t="s">
        <v>15</v>
      </c>
      <c r="J16138" s="10">
        <v>9.3173363553497079</v>
      </c>
    </row>
    <row r="16139" spans="1:10" x14ac:dyDescent="0.35">
      <c r="A16139" t="s">
        <v>10</v>
      </c>
      <c r="B16139" t="s">
        <v>19</v>
      </c>
      <c r="C16139" t="s">
        <v>117</v>
      </c>
      <c r="D16139" t="s">
        <v>118</v>
      </c>
      <c r="E16139" s="6">
        <v>2021</v>
      </c>
      <c r="F16139" s="6">
        <v>2021</v>
      </c>
      <c r="G16139" t="s">
        <v>125</v>
      </c>
      <c r="H16139" t="s">
        <v>120</v>
      </c>
      <c r="I16139" t="s">
        <v>15</v>
      </c>
      <c r="J16139" s="10">
        <v>9.2177156667016931</v>
      </c>
    </row>
    <row r="16140" spans="1:10" x14ac:dyDescent="0.35">
      <c r="A16140" t="s">
        <v>20</v>
      </c>
      <c r="B16140" t="s">
        <v>21</v>
      </c>
      <c r="C16140" t="s">
        <v>117</v>
      </c>
      <c r="D16140" t="s">
        <v>118</v>
      </c>
      <c r="E16140" s="6">
        <v>2021</v>
      </c>
      <c r="F16140" s="6">
        <v>2021</v>
      </c>
      <c r="G16140" t="s">
        <v>125</v>
      </c>
      <c r="H16140" t="s">
        <v>120</v>
      </c>
      <c r="I16140" t="s">
        <v>15</v>
      </c>
      <c r="J16140" s="10">
        <v>10.895996734408257</v>
      </c>
    </row>
    <row r="16141" spans="1:10" x14ac:dyDescent="0.35">
      <c r="A16141" t="s">
        <v>22</v>
      </c>
      <c r="B16141" t="s">
        <v>23</v>
      </c>
      <c r="C16141" t="s">
        <v>117</v>
      </c>
      <c r="D16141" t="s">
        <v>118</v>
      </c>
      <c r="E16141" s="6">
        <v>2021</v>
      </c>
      <c r="F16141" s="6">
        <v>2021</v>
      </c>
      <c r="G16141" t="s">
        <v>125</v>
      </c>
      <c r="H16141" t="s">
        <v>120</v>
      </c>
      <c r="I16141" t="s">
        <v>15</v>
      </c>
      <c r="J16141" s="10">
        <v>11.19298487248353</v>
      </c>
    </row>
    <row r="16142" spans="1:10" x14ac:dyDescent="0.35">
      <c r="A16142" t="s">
        <v>10</v>
      </c>
      <c r="B16142" t="s">
        <v>24</v>
      </c>
      <c r="C16142" t="s">
        <v>117</v>
      </c>
      <c r="D16142" t="s">
        <v>118</v>
      </c>
      <c r="E16142" s="6">
        <v>2021</v>
      </c>
      <c r="F16142" s="6">
        <v>2021</v>
      </c>
      <c r="G16142" t="s">
        <v>125</v>
      </c>
      <c r="H16142" t="s">
        <v>120</v>
      </c>
      <c r="I16142" t="s">
        <v>15</v>
      </c>
      <c r="J16142" s="10">
        <v>9.9353982811328372</v>
      </c>
    </row>
    <row r="16143" spans="1:10" x14ac:dyDescent="0.35">
      <c r="A16143" t="s">
        <v>10</v>
      </c>
      <c r="B16143" t="s">
        <v>25</v>
      </c>
      <c r="C16143" t="s">
        <v>117</v>
      </c>
      <c r="D16143" t="s">
        <v>118</v>
      </c>
      <c r="E16143" s="6">
        <v>2021</v>
      </c>
      <c r="F16143" s="6">
        <v>2021</v>
      </c>
      <c r="G16143" t="s">
        <v>125</v>
      </c>
      <c r="H16143" t="s">
        <v>120</v>
      </c>
      <c r="I16143" t="s">
        <v>15</v>
      </c>
      <c r="J16143" s="10">
        <v>9.8148148148148149</v>
      </c>
    </row>
    <row r="16144" spans="1:10" x14ac:dyDescent="0.35">
      <c r="A16144" t="s">
        <v>26</v>
      </c>
      <c r="B16144" t="s">
        <v>27</v>
      </c>
      <c r="C16144" t="s">
        <v>117</v>
      </c>
      <c r="D16144" t="s">
        <v>118</v>
      </c>
      <c r="E16144" s="6">
        <v>2021</v>
      </c>
      <c r="F16144" s="6">
        <v>2021</v>
      </c>
      <c r="G16144" t="s">
        <v>125</v>
      </c>
      <c r="H16144" t="s">
        <v>120</v>
      </c>
      <c r="I16144" t="s">
        <v>15</v>
      </c>
      <c r="J16144" s="10">
        <v>8.9457301393963995</v>
      </c>
    </row>
    <row r="16145" spans="1:10" x14ac:dyDescent="0.35">
      <c r="A16145" t="s">
        <v>28</v>
      </c>
      <c r="B16145" t="s">
        <v>29</v>
      </c>
      <c r="C16145" t="s">
        <v>117</v>
      </c>
      <c r="D16145" t="s">
        <v>118</v>
      </c>
      <c r="E16145" s="6">
        <v>2021</v>
      </c>
      <c r="F16145" s="6">
        <v>2021</v>
      </c>
      <c r="G16145" t="s">
        <v>125</v>
      </c>
      <c r="H16145" t="s">
        <v>120</v>
      </c>
      <c r="I16145" t="s">
        <v>15</v>
      </c>
      <c r="J16145" s="10">
        <v>9.657777527203022</v>
      </c>
    </row>
    <row r="16146" spans="1:10" x14ac:dyDescent="0.35">
      <c r="A16146" t="s">
        <v>10</v>
      </c>
      <c r="B16146" t="s">
        <v>30</v>
      </c>
      <c r="C16146" t="s">
        <v>117</v>
      </c>
      <c r="D16146" t="s">
        <v>118</v>
      </c>
      <c r="E16146" s="6">
        <v>2021</v>
      </c>
      <c r="F16146" s="6">
        <v>2021</v>
      </c>
      <c r="G16146" t="s">
        <v>125</v>
      </c>
      <c r="H16146" t="s">
        <v>120</v>
      </c>
      <c r="I16146" t="s">
        <v>15</v>
      </c>
      <c r="J16146" s="10">
        <v>9.8906083244397003</v>
      </c>
    </row>
    <row r="16147" spans="1:10" x14ac:dyDescent="0.35">
      <c r="A16147" t="s">
        <v>26</v>
      </c>
      <c r="B16147" t="s">
        <v>31</v>
      </c>
      <c r="C16147" t="s">
        <v>117</v>
      </c>
      <c r="D16147" t="s">
        <v>118</v>
      </c>
      <c r="E16147" s="6">
        <v>2021</v>
      </c>
      <c r="F16147" s="6">
        <v>2021</v>
      </c>
      <c r="G16147" t="s">
        <v>125</v>
      </c>
      <c r="H16147" t="s">
        <v>120</v>
      </c>
      <c r="I16147" t="s">
        <v>15</v>
      </c>
      <c r="J16147" s="10">
        <v>9.4447492276152811</v>
      </c>
    </row>
    <row r="16148" spans="1:10" x14ac:dyDescent="0.35">
      <c r="A16148" t="s">
        <v>28</v>
      </c>
      <c r="B16148" t="s">
        <v>32</v>
      </c>
      <c r="C16148" t="s">
        <v>117</v>
      </c>
      <c r="D16148" t="s">
        <v>118</v>
      </c>
      <c r="E16148" s="6">
        <v>2021</v>
      </c>
      <c r="F16148" s="6">
        <v>2021</v>
      </c>
      <c r="G16148" t="s">
        <v>125</v>
      </c>
      <c r="H16148" t="s">
        <v>120</v>
      </c>
      <c r="I16148" t="s">
        <v>15</v>
      </c>
      <c r="J16148" s="10">
        <v>9.7466723915843705</v>
      </c>
    </row>
    <row r="16149" spans="1:10" x14ac:dyDescent="0.35">
      <c r="A16149" t="s">
        <v>33</v>
      </c>
      <c r="B16149" t="s">
        <v>34</v>
      </c>
      <c r="C16149" t="s">
        <v>117</v>
      </c>
      <c r="D16149" t="s">
        <v>118</v>
      </c>
      <c r="E16149" s="6">
        <v>2021</v>
      </c>
      <c r="F16149" s="6">
        <v>2021</v>
      </c>
      <c r="G16149" t="s">
        <v>125</v>
      </c>
      <c r="H16149" t="s">
        <v>120</v>
      </c>
      <c r="I16149" t="s">
        <v>15</v>
      </c>
      <c r="J16149" s="10">
        <v>11.336300216502284</v>
      </c>
    </row>
    <row r="16150" spans="1:10" x14ac:dyDescent="0.35">
      <c r="A16150" t="s">
        <v>35</v>
      </c>
      <c r="B16150" t="s">
        <v>36</v>
      </c>
      <c r="C16150" t="s">
        <v>117</v>
      </c>
      <c r="D16150" t="s">
        <v>118</v>
      </c>
      <c r="E16150" s="6">
        <v>2021</v>
      </c>
      <c r="F16150" s="6">
        <v>2021</v>
      </c>
      <c r="G16150" t="s">
        <v>125</v>
      </c>
      <c r="H16150" t="s">
        <v>120</v>
      </c>
      <c r="I16150" t="s">
        <v>15</v>
      </c>
      <c r="J16150" s="10">
        <v>10.896456704705425</v>
      </c>
    </row>
    <row r="16151" spans="1:10" x14ac:dyDescent="0.35">
      <c r="A16151" t="s">
        <v>28</v>
      </c>
      <c r="B16151" t="s">
        <v>37</v>
      </c>
      <c r="C16151" t="s">
        <v>117</v>
      </c>
      <c r="D16151" t="s">
        <v>118</v>
      </c>
      <c r="E16151" s="6">
        <v>2021</v>
      </c>
      <c r="F16151" s="6">
        <v>2021</v>
      </c>
      <c r="G16151" t="s">
        <v>125</v>
      </c>
      <c r="H16151" t="s">
        <v>120</v>
      </c>
      <c r="I16151" t="s">
        <v>15</v>
      </c>
      <c r="J16151" s="10">
        <v>10.030386740331492</v>
      </c>
    </row>
    <row r="16152" spans="1:10" x14ac:dyDescent="0.35">
      <c r="A16152" t="s">
        <v>20</v>
      </c>
      <c r="B16152" t="s">
        <v>38</v>
      </c>
      <c r="C16152" t="s">
        <v>117</v>
      </c>
      <c r="D16152" t="s">
        <v>118</v>
      </c>
      <c r="E16152" s="6">
        <v>2021</v>
      </c>
      <c r="F16152" s="6">
        <v>2021</v>
      </c>
      <c r="G16152" t="s">
        <v>125</v>
      </c>
      <c r="H16152" t="s">
        <v>120</v>
      </c>
      <c r="I16152" t="s">
        <v>15</v>
      </c>
      <c r="J16152" s="10">
        <v>10.852908983750105</v>
      </c>
    </row>
    <row r="16153" spans="1:10" x14ac:dyDescent="0.35">
      <c r="A16153" t="s">
        <v>33</v>
      </c>
      <c r="B16153" t="s">
        <v>39</v>
      </c>
      <c r="C16153" t="s">
        <v>117</v>
      </c>
      <c r="D16153" t="s">
        <v>118</v>
      </c>
      <c r="E16153" s="6">
        <v>2021</v>
      </c>
      <c r="F16153" s="6">
        <v>2021</v>
      </c>
      <c r="G16153" t="s">
        <v>125</v>
      </c>
      <c r="H16153" t="s">
        <v>120</v>
      </c>
      <c r="I16153" t="s">
        <v>15</v>
      </c>
      <c r="J16153" s="10">
        <v>9.5989904655075708</v>
      </c>
    </row>
    <row r="16154" spans="1:10" x14ac:dyDescent="0.35">
      <c r="A16154" t="s">
        <v>20</v>
      </c>
      <c r="B16154" t="s">
        <v>40</v>
      </c>
      <c r="C16154" t="s">
        <v>117</v>
      </c>
      <c r="D16154" t="s">
        <v>118</v>
      </c>
      <c r="E16154" s="6">
        <v>2021</v>
      </c>
      <c r="F16154" s="6">
        <v>2021</v>
      </c>
      <c r="G16154" t="s">
        <v>125</v>
      </c>
      <c r="H16154" t="s">
        <v>120</v>
      </c>
      <c r="I16154" t="s">
        <v>15</v>
      </c>
      <c r="J16154" s="10">
        <v>11.559942849720743</v>
      </c>
    </row>
    <row r="16155" spans="1:10" x14ac:dyDescent="0.35">
      <c r="A16155" t="s">
        <v>35</v>
      </c>
      <c r="B16155" t="s">
        <v>41</v>
      </c>
      <c r="C16155" t="s">
        <v>117</v>
      </c>
      <c r="D16155" t="s">
        <v>118</v>
      </c>
      <c r="E16155" s="6">
        <v>2021</v>
      </c>
      <c r="F16155" s="6">
        <v>2021</v>
      </c>
      <c r="G16155" t="s">
        <v>125</v>
      </c>
      <c r="H16155" t="s">
        <v>120</v>
      </c>
      <c r="I16155" t="s">
        <v>15</v>
      </c>
      <c r="J16155" s="10">
        <v>10.257586882036222</v>
      </c>
    </row>
    <row r="16156" spans="1:10" x14ac:dyDescent="0.35">
      <c r="A16156" t="s">
        <v>35</v>
      </c>
      <c r="B16156" t="s">
        <v>42</v>
      </c>
      <c r="C16156" t="s">
        <v>117</v>
      </c>
      <c r="D16156" t="s">
        <v>118</v>
      </c>
      <c r="E16156" s="6">
        <v>2021</v>
      </c>
      <c r="F16156" s="6">
        <v>2021</v>
      </c>
      <c r="G16156" t="s">
        <v>125</v>
      </c>
      <c r="H16156" t="s">
        <v>120</v>
      </c>
      <c r="I16156" t="s">
        <v>15</v>
      </c>
      <c r="J16156" s="10">
        <v>10.934028783927365</v>
      </c>
    </row>
    <row r="16157" spans="1:10" x14ac:dyDescent="0.35">
      <c r="A16157" t="s">
        <v>35</v>
      </c>
      <c r="B16157" t="s">
        <v>43</v>
      </c>
      <c r="C16157" t="s">
        <v>117</v>
      </c>
      <c r="D16157" t="s">
        <v>118</v>
      </c>
      <c r="E16157" s="6">
        <v>2021</v>
      </c>
      <c r="F16157" s="6">
        <v>2021</v>
      </c>
      <c r="G16157" t="s">
        <v>125</v>
      </c>
      <c r="H16157" t="s">
        <v>120</v>
      </c>
      <c r="I16157" t="s">
        <v>15</v>
      </c>
      <c r="J16157" s="10">
        <v>12.090967221774305</v>
      </c>
    </row>
    <row r="16158" spans="1:10" x14ac:dyDescent="0.35">
      <c r="A16158" t="s">
        <v>28</v>
      </c>
      <c r="B16158" t="s">
        <v>44</v>
      </c>
      <c r="C16158" t="s">
        <v>117</v>
      </c>
      <c r="D16158" t="s">
        <v>118</v>
      </c>
      <c r="E16158" s="6">
        <v>2021</v>
      </c>
      <c r="F16158" s="6">
        <v>2021</v>
      </c>
      <c r="G16158" t="s">
        <v>125</v>
      </c>
      <c r="H16158" t="s">
        <v>120</v>
      </c>
      <c r="I16158" t="s">
        <v>15</v>
      </c>
      <c r="J16158" s="10">
        <v>9.2540284615177679</v>
      </c>
    </row>
    <row r="16159" spans="1:10" x14ac:dyDescent="0.35">
      <c r="A16159" t="s">
        <v>10</v>
      </c>
      <c r="B16159" t="s">
        <v>45</v>
      </c>
      <c r="C16159" t="s">
        <v>117</v>
      </c>
      <c r="D16159" t="s">
        <v>118</v>
      </c>
      <c r="E16159" s="6">
        <v>2021</v>
      </c>
      <c r="F16159" s="6">
        <v>2021</v>
      </c>
      <c r="G16159" t="s">
        <v>125</v>
      </c>
      <c r="H16159" t="s">
        <v>120</v>
      </c>
      <c r="I16159" t="s">
        <v>15</v>
      </c>
      <c r="J16159" s="10">
        <v>9.6988304093567255</v>
      </c>
    </row>
    <row r="16160" spans="1:10" x14ac:dyDescent="0.35">
      <c r="A16160" t="s">
        <v>10</v>
      </c>
      <c r="B16160" t="s">
        <v>46</v>
      </c>
      <c r="C16160" t="s">
        <v>117</v>
      </c>
      <c r="D16160" t="s">
        <v>118</v>
      </c>
      <c r="E16160" s="6">
        <v>2021</v>
      </c>
      <c r="F16160" s="6">
        <v>2021</v>
      </c>
      <c r="G16160" t="s">
        <v>125</v>
      </c>
      <c r="H16160" t="s">
        <v>120</v>
      </c>
      <c r="I16160" t="s">
        <v>15</v>
      </c>
      <c r="J16160" s="10">
        <v>15.715829281469476</v>
      </c>
    </row>
    <row r="16161" spans="1:10" x14ac:dyDescent="0.35">
      <c r="A16161" t="s">
        <v>33</v>
      </c>
      <c r="B16161" t="s">
        <v>47</v>
      </c>
      <c r="C16161" t="s">
        <v>117</v>
      </c>
      <c r="D16161" t="s">
        <v>118</v>
      </c>
      <c r="E16161" s="6">
        <v>2021</v>
      </c>
      <c r="F16161" s="6">
        <v>2021</v>
      </c>
      <c r="G16161" t="s">
        <v>125</v>
      </c>
      <c r="H16161" t="s">
        <v>120</v>
      </c>
      <c r="I16161" t="s">
        <v>15</v>
      </c>
      <c r="J16161" s="10">
        <v>9.3527415887487386</v>
      </c>
    </row>
    <row r="16162" spans="1:10" x14ac:dyDescent="0.35">
      <c r="A16162" t="s">
        <v>20</v>
      </c>
      <c r="B16162" t="s">
        <v>48</v>
      </c>
      <c r="C16162" t="s">
        <v>117</v>
      </c>
      <c r="D16162" t="s">
        <v>118</v>
      </c>
      <c r="E16162" s="6">
        <v>2021</v>
      </c>
      <c r="F16162" s="6">
        <v>2021</v>
      </c>
      <c r="G16162" t="s">
        <v>125</v>
      </c>
      <c r="H16162" t="s">
        <v>120</v>
      </c>
      <c r="I16162" t="s">
        <v>15</v>
      </c>
      <c r="J16162" s="10">
        <v>10.174181137842893</v>
      </c>
    </row>
    <row r="16163" spans="1:10" x14ac:dyDescent="0.35">
      <c r="A16163" t="s">
        <v>28</v>
      </c>
      <c r="B16163" t="s">
        <v>49</v>
      </c>
      <c r="C16163" t="s">
        <v>117</v>
      </c>
      <c r="D16163" t="s">
        <v>118</v>
      </c>
      <c r="E16163" s="6">
        <v>2021</v>
      </c>
      <c r="F16163" s="6">
        <v>2021</v>
      </c>
      <c r="G16163" t="s">
        <v>125</v>
      </c>
      <c r="H16163" t="s">
        <v>120</v>
      </c>
      <c r="I16163" t="s">
        <v>15</v>
      </c>
      <c r="J16163" s="10">
        <v>8.7795920393071611</v>
      </c>
    </row>
    <row r="16164" spans="1:10" x14ac:dyDescent="0.35">
      <c r="A16164" t="s">
        <v>35</v>
      </c>
      <c r="B16164" t="s">
        <v>50</v>
      </c>
      <c r="C16164" t="s">
        <v>117</v>
      </c>
      <c r="D16164" t="s">
        <v>118</v>
      </c>
      <c r="E16164" s="6">
        <v>2021</v>
      </c>
      <c r="F16164" s="6">
        <v>2021</v>
      </c>
      <c r="G16164" t="s">
        <v>125</v>
      </c>
      <c r="H16164" t="s">
        <v>120</v>
      </c>
      <c r="I16164" t="s">
        <v>15</v>
      </c>
      <c r="J16164" s="10">
        <v>10.999507916751092</v>
      </c>
    </row>
    <row r="16165" spans="1:10" x14ac:dyDescent="0.35">
      <c r="A16165" t="s">
        <v>22</v>
      </c>
      <c r="B16165" t="s">
        <v>51</v>
      </c>
      <c r="C16165" t="s">
        <v>117</v>
      </c>
      <c r="D16165" t="s">
        <v>118</v>
      </c>
      <c r="E16165" s="6">
        <v>2021</v>
      </c>
      <c r="F16165" s="6">
        <v>2021</v>
      </c>
      <c r="G16165" t="s">
        <v>125</v>
      </c>
      <c r="H16165" t="s">
        <v>120</v>
      </c>
      <c r="I16165" t="s">
        <v>15</v>
      </c>
      <c r="J16165" s="10">
        <v>20.108612008882439</v>
      </c>
    </row>
    <row r="16166" spans="1:10" x14ac:dyDescent="0.35">
      <c r="A16166" t="s">
        <v>22</v>
      </c>
      <c r="B16166" t="s">
        <v>52</v>
      </c>
      <c r="C16166" t="s">
        <v>117</v>
      </c>
      <c r="D16166" t="s">
        <v>118</v>
      </c>
      <c r="E16166" s="6">
        <v>2021</v>
      </c>
      <c r="F16166" s="6">
        <v>2021</v>
      </c>
      <c r="G16166" t="s">
        <v>125</v>
      </c>
      <c r="H16166" t="s">
        <v>120</v>
      </c>
      <c r="I16166" t="s">
        <v>15</v>
      </c>
      <c r="J16166" s="10">
        <v>8.0388252862120453</v>
      </c>
    </row>
    <row r="16167" spans="1:10" x14ac:dyDescent="0.35">
      <c r="A16167" t="s">
        <v>22</v>
      </c>
      <c r="B16167" t="s">
        <v>53</v>
      </c>
      <c r="C16167" t="s">
        <v>117</v>
      </c>
      <c r="D16167" t="s">
        <v>118</v>
      </c>
      <c r="E16167" s="6">
        <v>2021</v>
      </c>
      <c r="F16167" s="6">
        <v>2021</v>
      </c>
      <c r="G16167" t="s">
        <v>125</v>
      </c>
      <c r="H16167" t="s">
        <v>120</v>
      </c>
      <c r="I16167" t="s">
        <v>15</v>
      </c>
      <c r="J16167" s="10">
        <v>7.3154070670061477</v>
      </c>
    </row>
    <row r="16168" spans="1:10" x14ac:dyDescent="0.35">
      <c r="A16168" t="s">
        <v>22</v>
      </c>
      <c r="B16168" t="s">
        <v>54</v>
      </c>
      <c r="C16168" t="s">
        <v>117</v>
      </c>
      <c r="D16168" t="s">
        <v>118</v>
      </c>
      <c r="E16168" s="6">
        <v>2021</v>
      </c>
      <c r="F16168" s="6">
        <v>2021</v>
      </c>
      <c r="G16168" t="s">
        <v>125</v>
      </c>
      <c r="H16168" t="s">
        <v>120</v>
      </c>
      <c r="I16168" t="s">
        <v>15</v>
      </c>
      <c r="J16168" s="10">
        <v>11.2988248605004</v>
      </c>
    </row>
    <row r="16169" spans="1:10" x14ac:dyDescent="0.35">
      <c r="A16169" t="s">
        <v>22</v>
      </c>
      <c r="B16169" t="s">
        <v>55</v>
      </c>
      <c r="C16169" t="s">
        <v>117</v>
      </c>
      <c r="D16169" t="s">
        <v>118</v>
      </c>
      <c r="E16169" s="6">
        <v>2021</v>
      </c>
      <c r="F16169" s="6">
        <v>2021</v>
      </c>
      <c r="G16169" t="s">
        <v>125</v>
      </c>
      <c r="H16169" t="s">
        <v>120</v>
      </c>
      <c r="I16169" t="s">
        <v>15</v>
      </c>
      <c r="J16169" s="10">
        <v>13.785922532278217</v>
      </c>
    </row>
    <row r="16170" spans="1:10" x14ac:dyDescent="0.35">
      <c r="A16170" t="s">
        <v>22</v>
      </c>
      <c r="B16170" t="s">
        <v>56</v>
      </c>
      <c r="C16170" t="s">
        <v>117</v>
      </c>
      <c r="D16170" t="s">
        <v>118</v>
      </c>
      <c r="E16170" s="6">
        <v>2021</v>
      </c>
      <c r="F16170" s="6">
        <v>2021</v>
      </c>
      <c r="G16170" t="s">
        <v>125</v>
      </c>
      <c r="H16170" t="s">
        <v>120</v>
      </c>
      <c r="I16170" t="s">
        <v>15</v>
      </c>
      <c r="J16170" s="10">
        <v>8.1921581801602912</v>
      </c>
    </row>
    <row r="16171" spans="1:10" x14ac:dyDescent="0.35">
      <c r="A16171" t="s">
        <v>28</v>
      </c>
      <c r="B16171" t="s">
        <v>58</v>
      </c>
      <c r="C16171" t="s">
        <v>117</v>
      </c>
      <c r="D16171" t="s">
        <v>118</v>
      </c>
      <c r="E16171" s="6">
        <v>2021</v>
      </c>
      <c r="F16171" s="6">
        <v>2021</v>
      </c>
      <c r="G16171" t="s">
        <v>125</v>
      </c>
      <c r="H16171" t="s">
        <v>120</v>
      </c>
      <c r="I16171" t="s">
        <v>15</v>
      </c>
      <c r="J16171" s="10">
        <v>8.8107978115793912</v>
      </c>
    </row>
    <row r="16172" spans="1:10" x14ac:dyDescent="0.35">
      <c r="A16172" t="s">
        <v>20</v>
      </c>
      <c r="B16172" t="s">
        <v>59</v>
      </c>
      <c r="C16172" t="s">
        <v>117</v>
      </c>
      <c r="D16172" t="s">
        <v>118</v>
      </c>
      <c r="E16172" s="6">
        <v>2021</v>
      </c>
      <c r="F16172" s="6">
        <v>2021</v>
      </c>
      <c r="G16172" t="s">
        <v>125</v>
      </c>
      <c r="H16172" t="s">
        <v>120</v>
      </c>
      <c r="I16172" t="s">
        <v>15</v>
      </c>
      <c r="J16172" s="10">
        <v>10.242745678004999</v>
      </c>
    </row>
    <row r="16173" spans="1:10" x14ac:dyDescent="0.35">
      <c r="A16173" t="s">
        <v>20</v>
      </c>
      <c r="B16173" t="s">
        <v>60</v>
      </c>
      <c r="C16173" t="s">
        <v>117</v>
      </c>
      <c r="D16173" t="s">
        <v>118</v>
      </c>
      <c r="E16173" s="6">
        <v>2021</v>
      </c>
      <c r="F16173" s="6">
        <v>2021</v>
      </c>
      <c r="G16173" t="s">
        <v>125</v>
      </c>
      <c r="H16173" t="s">
        <v>120</v>
      </c>
      <c r="I16173" t="s">
        <v>15</v>
      </c>
      <c r="J16173" s="10">
        <v>10.396001928004262</v>
      </c>
    </row>
    <row r="16174" spans="1:10" x14ac:dyDescent="0.35">
      <c r="A16174" t="s">
        <v>28</v>
      </c>
      <c r="B16174" t="s">
        <v>61</v>
      </c>
      <c r="C16174" t="s">
        <v>117</v>
      </c>
      <c r="D16174" t="s">
        <v>118</v>
      </c>
      <c r="E16174" s="6">
        <v>2021</v>
      </c>
      <c r="F16174" s="6">
        <v>2021</v>
      </c>
      <c r="G16174" t="s">
        <v>125</v>
      </c>
      <c r="H16174" t="s">
        <v>120</v>
      </c>
      <c r="I16174" t="s">
        <v>15</v>
      </c>
      <c r="J16174" s="10">
        <v>9.2857345877270276</v>
      </c>
    </row>
    <row r="16175" spans="1:10" x14ac:dyDescent="0.35">
      <c r="A16175" t="s">
        <v>62</v>
      </c>
      <c r="B16175" t="s">
        <v>63</v>
      </c>
      <c r="C16175" t="s">
        <v>117</v>
      </c>
      <c r="D16175" t="s">
        <v>118</v>
      </c>
      <c r="E16175" s="6">
        <v>2021</v>
      </c>
      <c r="F16175" s="6">
        <v>2021</v>
      </c>
      <c r="G16175" t="s">
        <v>125</v>
      </c>
      <c r="H16175" t="s">
        <v>120</v>
      </c>
      <c r="I16175" t="s">
        <v>15</v>
      </c>
      <c r="J16175" s="10">
        <v>9.4000668449197846</v>
      </c>
    </row>
    <row r="16176" spans="1:10" x14ac:dyDescent="0.35">
      <c r="A16176" t="s">
        <v>62</v>
      </c>
      <c r="B16176" t="s">
        <v>64</v>
      </c>
      <c r="C16176" t="s">
        <v>117</v>
      </c>
      <c r="D16176" t="s">
        <v>118</v>
      </c>
      <c r="E16176" s="6">
        <v>2021</v>
      </c>
      <c r="F16176" s="6">
        <v>2021</v>
      </c>
      <c r="G16176" t="s">
        <v>125</v>
      </c>
      <c r="H16176" t="s">
        <v>120</v>
      </c>
      <c r="I16176" t="s">
        <v>15</v>
      </c>
      <c r="J16176" s="10">
        <v>8.5693077472920223</v>
      </c>
    </row>
    <row r="16177" spans="1:10" x14ac:dyDescent="0.35">
      <c r="A16177" t="s">
        <v>62</v>
      </c>
      <c r="B16177" t="s">
        <v>65</v>
      </c>
      <c r="C16177" t="s">
        <v>117</v>
      </c>
      <c r="D16177" t="s">
        <v>118</v>
      </c>
      <c r="E16177" s="6">
        <v>2021</v>
      </c>
      <c r="F16177" s="6">
        <v>2021</v>
      </c>
      <c r="G16177" t="s">
        <v>125</v>
      </c>
      <c r="H16177" t="s">
        <v>120</v>
      </c>
      <c r="I16177" t="s">
        <v>15</v>
      </c>
      <c r="J16177" s="10">
        <v>23.614646978954514</v>
      </c>
    </row>
    <row r="16178" spans="1:10" x14ac:dyDescent="0.35">
      <c r="A16178" t="s">
        <v>62</v>
      </c>
      <c r="B16178" t="s">
        <v>66</v>
      </c>
      <c r="C16178" t="s">
        <v>117</v>
      </c>
      <c r="D16178" t="s">
        <v>118</v>
      </c>
      <c r="E16178" s="6">
        <v>2021</v>
      </c>
      <c r="F16178" s="6">
        <v>2021</v>
      </c>
      <c r="G16178" t="s">
        <v>125</v>
      </c>
      <c r="H16178" t="s">
        <v>120</v>
      </c>
      <c r="I16178" t="s">
        <v>15</v>
      </c>
      <c r="J16178" s="10">
        <v>10.862884476630768</v>
      </c>
    </row>
    <row r="16179" spans="1:10" x14ac:dyDescent="0.35">
      <c r="A16179" t="s">
        <v>62</v>
      </c>
      <c r="B16179" t="s">
        <v>67</v>
      </c>
      <c r="C16179" t="s">
        <v>117</v>
      </c>
      <c r="D16179" t="s">
        <v>118</v>
      </c>
      <c r="E16179" s="6">
        <v>2021</v>
      </c>
      <c r="F16179" s="6">
        <v>2021</v>
      </c>
      <c r="G16179" t="s">
        <v>125</v>
      </c>
      <c r="H16179" t="s">
        <v>120</v>
      </c>
      <c r="I16179" t="s">
        <v>15</v>
      </c>
      <c r="J16179" s="10">
        <v>10.180960680781258</v>
      </c>
    </row>
    <row r="16180" spans="1:10" x14ac:dyDescent="0.35">
      <c r="A16180" t="s">
        <v>62</v>
      </c>
      <c r="B16180" t="s">
        <v>68</v>
      </c>
      <c r="C16180" t="s">
        <v>117</v>
      </c>
      <c r="D16180" t="s">
        <v>118</v>
      </c>
      <c r="E16180" s="6">
        <v>2021</v>
      </c>
      <c r="F16180" s="6">
        <v>2021</v>
      </c>
      <c r="G16180" t="s">
        <v>125</v>
      </c>
      <c r="H16180" t="s">
        <v>120</v>
      </c>
      <c r="I16180" t="s">
        <v>15</v>
      </c>
      <c r="J16180" s="10">
        <v>10.317756014477327</v>
      </c>
    </row>
    <row r="16181" spans="1:10" x14ac:dyDescent="0.35">
      <c r="A16181" t="s">
        <v>62</v>
      </c>
      <c r="B16181" t="s">
        <v>69</v>
      </c>
      <c r="C16181" t="s">
        <v>117</v>
      </c>
      <c r="D16181" t="s">
        <v>118</v>
      </c>
      <c r="E16181" s="6">
        <v>2021</v>
      </c>
      <c r="F16181" s="6">
        <v>2021</v>
      </c>
      <c r="G16181" t="s">
        <v>125</v>
      </c>
      <c r="H16181" t="s">
        <v>120</v>
      </c>
      <c r="I16181" t="s">
        <v>15</v>
      </c>
      <c r="J16181" s="10">
        <v>11.843619182844133</v>
      </c>
    </row>
    <row r="16182" spans="1:10" x14ac:dyDescent="0.35">
      <c r="A16182" t="s">
        <v>62</v>
      </c>
      <c r="B16182" t="s">
        <v>70</v>
      </c>
      <c r="C16182" t="s">
        <v>117</v>
      </c>
      <c r="D16182" t="s">
        <v>118</v>
      </c>
      <c r="E16182" s="6">
        <v>2021</v>
      </c>
      <c r="F16182" s="6">
        <v>2021</v>
      </c>
      <c r="G16182" t="s">
        <v>125</v>
      </c>
      <c r="H16182" t="s">
        <v>120</v>
      </c>
      <c r="I16182" t="s">
        <v>15</v>
      </c>
      <c r="J16182" s="10">
        <v>9.3008608020155368</v>
      </c>
    </row>
    <row r="16183" spans="1:10" x14ac:dyDescent="0.35">
      <c r="A16183" t="s">
        <v>35</v>
      </c>
      <c r="B16183" t="s">
        <v>71</v>
      </c>
      <c r="C16183" t="s">
        <v>117</v>
      </c>
      <c r="D16183" t="s">
        <v>118</v>
      </c>
      <c r="E16183" s="6">
        <v>2021</v>
      </c>
      <c r="F16183" s="6">
        <v>2021</v>
      </c>
      <c r="G16183" t="s">
        <v>125</v>
      </c>
      <c r="H16183" t="s">
        <v>120</v>
      </c>
      <c r="I16183" t="s">
        <v>15</v>
      </c>
      <c r="J16183" s="10">
        <v>10.221962616822431</v>
      </c>
    </row>
    <row r="16184" spans="1:10" x14ac:dyDescent="0.35">
      <c r="A16184" t="s">
        <v>20</v>
      </c>
      <c r="B16184" t="s">
        <v>72</v>
      </c>
      <c r="C16184" t="s">
        <v>117</v>
      </c>
      <c r="D16184" t="s">
        <v>118</v>
      </c>
      <c r="E16184" s="6">
        <v>2021</v>
      </c>
      <c r="F16184" s="6">
        <v>2021</v>
      </c>
      <c r="G16184" t="s">
        <v>125</v>
      </c>
      <c r="H16184" t="s">
        <v>120</v>
      </c>
      <c r="I16184" t="s">
        <v>15</v>
      </c>
      <c r="J16184" s="10">
        <v>10.09354046521895</v>
      </c>
    </row>
    <row r="16185" spans="1:10" x14ac:dyDescent="0.35">
      <c r="A16185" t="s">
        <v>26</v>
      </c>
      <c r="B16185" t="s">
        <v>73</v>
      </c>
      <c r="C16185" t="s">
        <v>117</v>
      </c>
      <c r="D16185" t="s">
        <v>118</v>
      </c>
      <c r="E16185" s="6">
        <v>2021</v>
      </c>
      <c r="F16185" s="6">
        <v>2021</v>
      </c>
      <c r="G16185" t="s">
        <v>125</v>
      </c>
      <c r="H16185" t="s">
        <v>120</v>
      </c>
      <c r="I16185" t="s">
        <v>15</v>
      </c>
      <c r="J16185" s="10">
        <v>10.03586654936726</v>
      </c>
    </row>
    <row r="16186" spans="1:10" x14ac:dyDescent="0.35">
      <c r="A16186" t="s">
        <v>28</v>
      </c>
      <c r="B16186" t="s">
        <v>74</v>
      </c>
      <c r="C16186" t="s">
        <v>117</v>
      </c>
      <c r="D16186" t="s">
        <v>118</v>
      </c>
      <c r="E16186" s="6">
        <v>2021</v>
      </c>
      <c r="F16186" s="6">
        <v>2021</v>
      </c>
      <c r="G16186" t="s">
        <v>125</v>
      </c>
      <c r="H16186" t="s">
        <v>120</v>
      </c>
      <c r="I16186" t="s">
        <v>15</v>
      </c>
      <c r="J16186" s="10">
        <v>9.937548207310094</v>
      </c>
    </row>
    <row r="16187" spans="1:10" x14ac:dyDescent="0.35">
      <c r="A16187" t="s">
        <v>33</v>
      </c>
      <c r="B16187" t="s">
        <v>75</v>
      </c>
      <c r="C16187" t="s">
        <v>117</v>
      </c>
      <c r="D16187" t="s">
        <v>118</v>
      </c>
      <c r="E16187" s="6">
        <v>2021</v>
      </c>
      <c r="F16187" s="6">
        <v>2021</v>
      </c>
      <c r="G16187" t="s">
        <v>125</v>
      </c>
      <c r="H16187" t="s">
        <v>120</v>
      </c>
      <c r="I16187" t="s">
        <v>15</v>
      </c>
      <c r="J16187" s="10">
        <v>9.5826771653543314</v>
      </c>
    </row>
    <row r="16188" spans="1:10" x14ac:dyDescent="0.35">
      <c r="A16188" t="s">
        <v>22</v>
      </c>
      <c r="B16188" t="s">
        <v>76</v>
      </c>
      <c r="C16188" t="s">
        <v>117</v>
      </c>
      <c r="D16188" t="s">
        <v>118</v>
      </c>
      <c r="E16188" s="6">
        <v>2021</v>
      </c>
      <c r="F16188" s="6">
        <v>2021</v>
      </c>
      <c r="G16188" t="s">
        <v>125</v>
      </c>
      <c r="H16188" t="s">
        <v>120</v>
      </c>
      <c r="I16188" t="s">
        <v>15</v>
      </c>
      <c r="J16188" s="10">
        <v>9.6333165322580641</v>
      </c>
    </row>
    <row r="16189" spans="1:10" x14ac:dyDescent="0.35">
      <c r="A16189" t="s">
        <v>33</v>
      </c>
      <c r="B16189" t="s">
        <v>77</v>
      </c>
      <c r="C16189" t="s">
        <v>117</v>
      </c>
      <c r="D16189" t="s">
        <v>118</v>
      </c>
      <c r="E16189" s="6">
        <v>2021</v>
      </c>
      <c r="F16189" s="6">
        <v>2021</v>
      </c>
      <c r="G16189" t="s">
        <v>125</v>
      </c>
      <c r="H16189" t="s">
        <v>120</v>
      </c>
      <c r="I16189" t="s">
        <v>15</v>
      </c>
      <c r="J16189" s="10">
        <v>9.7338561159626931</v>
      </c>
    </row>
    <row r="16190" spans="1:10" x14ac:dyDescent="0.35">
      <c r="A16190" t="s">
        <v>22</v>
      </c>
      <c r="B16190" t="s">
        <v>78</v>
      </c>
      <c r="C16190" t="s">
        <v>117</v>
      </c>
      <c r="D16190" t="s">
        <v>118</v>
      </c>
      <c r="E16190" s="6">
        <v>2021</v>
      </c>
      <c r="F16190" s="6">
        <v>2021</v>
      </c>
      <c r="G16190" t="s">
        <v>125</v>
      </c>
      <c r="H16190" t="s">
        <v>120</v>
      </c>
      <c r="I16190" t="s">
        <v>15</v>
      </c>
      <c r="J16190" s="10">
        <v>10.069477491196345</v>
      </c>
    </row>
    <row r="16191" spans="1:10" x14ac:dyDescent="0.35">
      <c r="A16191" t="s">
        <v>28</v>
      </c>
      <c r="B16191" t="s">
        <v>79</v>
      </c>
      <c r="C16191" t="s">
        <v>117</v>
      </c>
      <c r="D16191" t="s">
        <v>118</v>
      </c>
      <c r="E16191" s="6">
        <v>2021</v>
      </c>
      <c r="F16191" s="6">
        <v>2021</v>
      </c>
      <c r="G16191" t="s">
        <v>125</v>
      </c>
      <c r="H16191" t="s">
        <v>120</v>
      </c>
      <c r="I16191" t="s">
        <v>15</v>
      </c>
      <c r="J16191" s="10">
        <v>9.9224173131890563</v>
      </c>
    </row>
    <row r="16192" spans="1:10" x14ac:dyDescent="0.35">
      <c r="A16192" t="s">
        <v>26</v>
      </c>
      <c r="B16192" t="s">
        <v>80</v>
      </c>
      <c r="C16192" t="s">
        <v>117</v>
      </c>
      <c r="D16192" t="s">
        <v>118</v>
      </c>
      <c r="E16192" s="6">
        <v>2021</v>
      </c>
      <c r="F16192" s="6">
        <v>2021</v>
      </c>
      <c r="G16192" t="s">
        <v>125</v>
      </c>
      <c r="H16192" t="s">
        <v>120</v>
      </c>
      <c r="I16192" t="s">
        <v>15</v>
      </c>
      <c r="J16192" s="10">
        <v>10.513514184309152</v>
      </c>
    </row>
    <row r="16193" spans="1:10" x14ac:dyDescent="0.35">
      <c r="A16193" t="s">
        <v>20</v>
      </c>
      <c r="B16193" t="s">
        <v>81</v>
      </c>
      <c r="C16193" t="s">
        <v>117</v>
      </c>
      <c r="D16193" t="s">
        <v>118</v>
      </c>
      <c r="E16193" s="6">
        <v>2021</v>
      </c>
      <c r="F16193" s="6">
        <v>2021</v>
      </c>
      <c r="G16193" t="s">
        <v>125</v>
      </c>
      <c r="H16193" t="s">
        <v>120</v>
      </c>
      <c r="I16193" t="s">
        <v>15</v>
      </c>
      <c r="J16193" s="10">
        <v>10.531702849754888</v>
      </c>
    </row>
    <row r="16194" spans="1:10" x14ac:dyDescent="0.35">
      <c r="A16194" t="s">
        <v>26</v>
      </c>
      <c r="B16194" t="s">
        <v>57</v>
      </c>
      <c r="C16194" t="s">
        <v>117</v>
      </c>
      <c r="D16194" t="s">
        <v>118</v>
      </c>
      <c r="E16194" s="6">
        <v>2021</v>
      </c>
      <c r="F16194" s="6">
        <v>2021</v>
      </c>
      <c r="G16194" t="s">
        <v>125</v>
      </c>
      <c r="H16194" t="s">
        <v>120</v>
      </c>
      <c r="I16194" t="s">
        <v>15</v>
      </c>
      <c r="J16194" s="10">
        <v>8.1734778982485405</v>
      </c>
    </row>
    <row r="16195" spans="1:10" x14ac:dyDescent="0.35">
      <c r="A16195" t="s">
        <v>33</v>
      </c>
      <c r="B16195" t="s">
        <v>82</v>
      </c>
      <c r="C16195" t="s">
        <v>117</v>
      </c>
      <c r="D16195" t="s">
        <v>118</v>
      </c>
      <c r="E16195" s="6">
        <v>2021</v>
      </c>
      <c r="F16195" s="6">
        <v>2021</v>
      </c>
      <c r="G16195" t="s">
        <v>125</v>
      </c>
      <c r="H16195" t="s">
        <v>120</v>
      </c>
      <c r="I16195" t="s">
        <v>15</v>
      </c>
      <c r="J16195" s="10">
        <v>16.322113383466995</v>
      </c>
    </row>
    <row r="16196" spans="1:10" x14ac:dyDescent="0.35">
      <c r="A16196" t="s">
        <v>26</v>
      </c>
      <c r="B16196" t="s">
        <v>83</v>
      </c>
      <c r="C16196" t="s">
        <v>117</v>
      </c>
      <c r="D16196" t="s">
        <v>118</v>
      </c>
      <c r="E16196" s="6">
        <v>2021</v>
      </c>
      <c r="F16196" s="6">
        <v>2021</v>
      </c>
      <c r="G16196" t="s">
        <v>125</v>
      </c>
      <c r="H16196" t="s">
        <v>120</v>
      </c>
      <c r="I16196" t="s">
        <v>15</v>
      </c>
      <c r="J16196" s="10">
        <v>8.5505176722599074</v>
      </c>
    </row>
    <row r="16197" spans="1:10" x14ac:dyDescent="0.35">
      <c r="A16197" t="s">
        <v>35</v>
      </c>
      <c r="B16197" t="s">
        <v>84</v>
      </c>
      <c r="C16197" t="s">
        <v>117</v>
      </c>
      <c r="D16197" t="s">
        <v>118</v>
      </c>
      <c r="E16197" s="6">
        <v>2021</v>
      </c>
      <c r="F16197" s="6">
        <v>2021</v>
      </c>
      <c r="G16197" t="s">
        <v>125</v>
      </c>
      <c r="H16197" t="s">
        <v>120</v>
      </c>
      <c r="I16197" t="s">
        <v>15</v>
      </c>
      <c r="J16197" s="10">
        <v>10.829218457347183</v>
      </c>
    </row>
    <row r="16198" spans="1:10" x14ac:dyDescent="0.35">
      <c r="A16198" t="s">
        <v>33</v>
      </c>
      <c r="B16198" t="s">
        <v>85</v>
      </c>
      <c r="C16198" t="s">
        <v>117</v>
      </c>
      <c r="D16198" t="s">
        <v>118</v>
      </c>
      <c r="E16198" s="6">
        <v>2021</v>
      </c>
      <c r="F16198" s="6">
        <v>2021</v>
      </c>
      <c r="G16198" t="s">
        <v>125</v>
      </c>
      <c r="H16198" t="s">
        <v>120</v>
      </c>
      <c r="I16198" t="s">
        <v>15</v>
      </c>
      <c r="J16198" s="10">
        <v>9.2382983377077874</v>
      </c>
    </row>
    <row r="16199" spans="1:10" x14ac:dyDescent="0.35">
      <c r="A16199" t="s">
        <v>33</v>
      </c>
      <c r="B16199" t="s">
        <v>86</v>
      </c>
      <c r="C16199" t="s">
        <v>117</v>
      </c>
      <c r="D16199" t="s">
        <v>118</v>
      </c>
      <c r="E16199" s="6">
        <v>2021</v>
      </c>
      <c r="F16199" s="6">
        <v>2021</v>
      </c>
      <c r="G16199" t="s">
        <v>125</v>
      </c>
      <c r="H16199" t="s">
        <v>120</v>
      </c>
      <c r="I16199" t="s">
        <v>15</v>
      </c>
      <c r="J16199" s="10">
        <v>10.244089456869009</v>
      </c>
    </row>
    <row r="16200" spans="1:10" x14ac:dyDescent="0.35">
      <c r="A16200" t="s">
        <v>35</v>
      </c>
      <c r="B16200" t="s">
        <v>87</v>
      </c>
      <c r="C16200" t="s">
        <v>117</v>
      </c>
      <c r="D16200" t="s">
        <v>118</v>
      </c>
      <c r="E16200" s="6">
        <v>2021</v>
      </c>
      <c r="F16200" s="6">
        <v>2021</v>
      </c>
      <c r="G16200" t="s">
        <v>125</v>
      </c>
      <c r="H16200" t="s">
        <v>120</v>
      </c>
      <c r="I16200" t="s">
        <v>15</v>
      </c>
      <c r="J16200" s="10">
        <v>10.161075075261476</v>
      </c>
    </row>
    <row r="16201" spans="1:10" x14ac:dyDescent="0.35">
      <c r="A16201" t="s">
        <v>35</v>
      </c>
      <c r="B16201" t="s">
        <v>88</v>
      </c>
      <c r="C16201" t="s">
        <v>117</v>
      </c>
      <c r="D16201" t="s">
        <v>118</v>
      </c>
      <c r="E16201" s="6">
        <v>2021</v>
      </c>
      <c r="F16201" s="6">
        <v>2021</v>
      </c>
      <c r="G16201" t="s">
        <v>125</v>
      </c>
      <c r="H16201" t="s">
        <v>120</v>
      </c>
      <c r="I16201" t="s">
        <v>15</v>
      </c>
      <c r="J16201" s="10">
        <v>10.31731962418011</v>
      </c>
    </row>
    <row r="16202" spans="1:10" x14ac:dyDescent="0.35">
      <c r="A16202" t="s">
        <v>62</v>
      </c>
      <c r="B16202" t="s">
        <v>89</v>
      </c>
      <c r="C16202" t="s">
        <v>117</v>
      </c>
      <c r="D16202" t="s">
        <v>118</v>
      </c>
      <c r="E16202" s="6">
        <v>2021</v>
      </c>
      <c r="F16202" s="6">
        <v>2021</v>
      </c>
      <c r="G16202" t="s">
        <v>125</v>
      </c>
      <c r="H16202" t="s">
        <v>120</v>
      </c>
      <c r="I16202" t="s">
        <v>15</v>
      </c>
      <c r="J16202" s="10">
        <v>10.061662198391421</v>
      </c>
    </row>
    <row r="16203" spans="1:10" x14ac:dyDescent="0.35">
      <c r="A16203" t="s">
        <v>26</v>
      </c>
      <c r="B16203" t="s">
        <v>90</v>
      </c>
      <c r="C16203" t="s">
        <v>117</v>
      </c>
      <c r="D16203" t="s">
        <v>118</v>
      </c>
      <c r="E16203" s="6">
        <v>2021</v>
      </c>
      <c r="F16203" s="6">
        <v>2021</v>
      </c>
      <c r="G16203" t="s">
        <v>125</v>
      </c>
      <c r="H16203" t="s">
        <v>120</v>
      </c>
      <c r="I16203" t="s">
        <v>15</v>
      </c>
      <c r="J16203" s="10">
        <v>9.6646603611349953</v>
      </c>
    </row>
    <row r="16204" spans="1:10" x14ac:dyDescent="0.35">
      <c r="A16204" t="s">
        <v>26</v>
      </c>
      <c r="B16204" t="s">
        <v>91</v>
      </c>
      <c r="C16204" t="s">
        <v>117</v>
      </c>
      <c r="D16204" t="s">
        <v>118</v>
      </c>
      <c r="E16204" s="6">
        <v>2021</v>
      </c>
      <c r="F16204" s="6">
        <v>2021</v>
      </c>
      <c r="G16204" t="s">
        <v>125</v>
      </c>
      <c r="H16204" t="s">
        <v>120</v>
      </c>
      <c r="I16204" t="s">
        <v>15</v>
      </c>
      <c r="J16204" s="10">
        <v>9.622566547477156</v>
      </c>
    </row>
    <row r="16205" spans="1:10" x14ac:dyDescent="0.35">
      <c r="A16205" t="s">
        <v>33</v>
      </c>
      <c r="B16205" t="s">
        <v>92</v>
      </c>
      <c r="C16205" t="s">
        <v>117</v>
      </c>
      <c r="D16205" t="s">
        <v>118</v>
      </c>
      <c r="E16205" s="6">
        <v>2021</v>
      </c>
      <c r="F16205" s="6">
        <v>2021</v>
      </c>
      <c r="G16205" t="s">
        <v>125</v>
      </c>
      <c r="H16205" t="s">
        <v>120</v>
      </c>
      <c r="I16205" t="s">
        <v>15</v>
      </c>
      <c r="J16205" s="10">
        <v>11.919546436285097</v>
      </c>
    </row>
    <row r="16206" spans="1:10" x14ac:dyDescent="0.35">
      <c r="A16206" t="s">
        <v>35</v>
      </c>
      <c r="B16206" t="s">
        <v>93</v>
      </c>
      <c r="C16206" t="s">
        <v>117</v>
      </c>
      <c r="D16206" t="s">
        <v>118</v>
      </c>
      <c r="E16206" s="6">
        <v>2021</v>
      </c>
      <c r="F16206" s="6">
        <v>2021</v>
      </c>
      <c r="G16206" t="s">
        <v>125</v>
      </c>
      <c r="H16206" t="s">
        <v>120</v>
      </c>
      <c r="I16206" t="s">
        <v>15</v>
      </c>
      <c r="J16206" s="10">
        <v>9.9912582917673678</v>
      </c>
    </row>
    <row r="16207" spans="1:10" x14ac:dyDescent="0.35">
      <c r="A16207" t="s">
        <v>20</v>
      </c>
      <c r="B16207" t="s">
        <v>94</v>
      </c>
      <c r="C16207" t="s">
        <v>117</v>
      </c>
      <c r="D16207" t="s">
        <v>118</v>
      </c>
      <c r="E16207" s="6">
        <v>2021</v>
      </c>
      <c r="F16207" s="6">
        <v>2021</v>
      </c>
      <c r="G16207" t="s">
        <v>125</v>
      </c>
      <c r="H16207" t="s">
        <v>120</v>
      </c>
      <c r="I16207" t="s">
        <v>15</v>
      </c>
      <c r="J16207" s="10">
        <v>10.868302398273906</v>
      </c>
    </row>
    <row r="16208" spans="1:10" x14ac:dyDescent="0.35">
      <c r="A16208" t="s">
        <v>10</v>
      </c>
      <c r="B16208" t="s">
        <v>11</v>
      </c>
      <c r="C16208" t="s">
        <v>117</v>
      </c>
      <c r="D16208" t="s">
        <v>118</v>
      </c>
      <c r="E16208" s="6">
        <v>2021</v>
      </c>
      <c r="F16208" s="6">
        <v>2021</v>
      </c>
      <c r="G16208" t="s">
        <v>126</v>
      </c>
      <c r="H16208" t="s">
        <v>120</v>
      </c>
      <c r="I16208" t="s">
        <v>15</v>
      </c>
      <c r="J16208" s="10">
        <v>19.771090534979425</v>
      </c>
    </row>
    <row r="16209" spans="1:10" x14ac:dyDescent="0.35">
      <c r="A16209" t="s">
        <v>10</v>
      </c>
      <c r="B16209" t="s">
        <v>16</v>
      </c>
      <c r="C16209" t="s">
        <v>117</v>
      </c>
      <c r="D16209" t="s">
        <v>118</v>
      </c>
      <c r="E16209" s="6">
        <v>2021</v>
      </c>
      <c r="F16209" s="6">
        <v>2021</v>
      </c>
      <c r="G16209" t="s">
        <v>126</v>
      </c>
      <c r="H16209" t="s">
        <v>120</v>
      </c>
      <c r="I16209" t="s">
        <v>15</v>
      </c>
      <c r="J16209" s="10">
        <v>6.9750066279434098</v>
      </c>
    </row>
    <row r="16210" spans="1:10" x14ac:dyDescent="0.35">
      <c r="A16210" t="s">
        <v>10</v>
      </c>
      <c r="B16210" t="s">
        <v>17</v>
      </c>
      <c r="C16210" t="s">
        <v>117</v>
      </c>
      <c r="D16210" t="s">
        <v>118</v>
      </c>
      <c r="E16210" s="6">
        <v>2021</v>
      </c>
      <c r="F16210" s="6">
        <v>2021</v>
      </c>
      <c r="G16210" t="s">
        <v>126</v>
      </c>
      <c r="H16210" t="s">
        <v>120</v>
      </c>
      <c r="I16210" t="s">
        <v>15</v>
      </c>
      <c r="J16210" s="10">
        <v>7.5034627692601603</v>
      </c>
    </row>
    <row r="16211" spans="1:10" x14ac:dyDescent="0.35">
      <c r="A16211" t="s">
        <v>10</v>
      </c>
      <c r="B16211" t="s">
        <v>18</v>
      </c>
      <c r="C16211" t="s">
        <v>117</v>
      </c>
      <c r="D16211" t="s">
        <v>118</v>
      </c>
      <c r="E16211" s="6">
        <v>2021</v>
      </c>
      <c r="F16211" s="6">
        <v>2021</v>
      </c>
      <c r="G16211" t="s">
        <v>126</v>
      </c>
      <c r="H16211" t="s">
        <v>120</v>
      </c>
      <c r="I16211" t="s">
        <v>15</v>
      </c>
      <c r="J16211" s="10">
        <v>7.678883071553229</v>
      </c>
    </row>
    <row r="16212" spans="1:10" x14ac:dyDescent="0.35">
      <c r="A16212" t="s">
        <v>10</v>
      </c>
      <c r="B16212" t="s">
        <v>19</v>
      </c>
      <c r="C16212" t="s">
        <v>117</v>
      </c>
      <c r="D16212" t="s">
        <v>118</v>
      </c>
      <c r="E16212" s="6">
        <v>2021</v>
      </c>
      <c r="F16212" s="6">
        <v>2021</v>
      </c>
      <c r="G16212" t="s">
        <v>126</v>
      </c>
      <c r="H16212" t="s">
        <v>120</v>
      </c>
      <c r="I16212" t="s">
        <v>15</v>
      </c>
      <c r="J16212" s="10">
        <v>7.6558861578266493</v>
      </c>
    </row>
    <row r="16213" spans="1:10" x14ac:dyDescent="0.35">
      <c r="A16213" t="s">
        <v>20</v>
      </c>
      <c r="B16213" t="s">
        <v>21</v>
      </c>
      <c r="C16213" t="s">
        <v>117</v>
      </c>
      <c r="D16213" t="s">
        <v>118</v>
      </c>
      <c r="E16213" s="6">
        <v>2021</v>
      </c>
      <c r="F16213" s="6">
        <v>2021</v>
      </c>
      <c r="G16213" t="s">
        <v>126</v>
      </c>
      <c r="H16213" t="s">
        <v>120</v>
      </c>
      <c r="I16213" t="s">
        <v>15</v>
      </c>
      <c r="J16213" s="10">
        <v>9.874321780533716</v>
      </c>
    </row>
    <row r="16214" spans="1:10" x14ac:dyDescent="0.35">
      <c r="A16214" t="s">
        <v>22</v>
      </c>
      <c r="B16214" t="s">
        <v>23</v>
      </c>
      <c r="C16214" t="s">
        <v>117</v>
      </c>
      <c r="D16214" t="s">
        <v>118</v>
      </c>
      <c r="E16214" s="6">
        <v>2021</v>
      </c>
      <c r="F16214" s="6">
        <v>2021</v>
      </c>
      <c r="G16214" t="s">
        <v>126</v>
      </c>
      <c r="H16214" t="s">
        <v>120</v>
      </c>
      <c r="I16214" t="s">
        <v>15</v>
      </c>
      <c r="J16214" s="10">
        <v>10.181810099573257</v>
      </c>
    </row>
    <row r="16215" spans="1:10" x14ac:dyDescent="0.35">
      <c r="A16215" t="s">
        <v>10</v>
      </c>
      <c r="B16215" t="s">
        <v>24</v>
      </c>
      <c r="C16215" t="s">
        <v>117</v>
      </c>
      <c r="D16215" t="s">
        <v>118</v>
      </c>
      <c r="E16215" s="6">
        <v>2021</v>
      </c>
      <c r="F16215" s="6">
        <v>2021</v>
      </c>
      <c r="G16215" t="s">
        <v>126</v>
      </c>
      <c r="H16215" t="s">
        <v>120</v>
      </c>
      <c r="I16215" t="s">
        <v>15</v>
      </c>
      <c r="J16215" s="10">
        <v>8.0514133095927001</v>
      </c>
    </row>
    <row r="16216" spans="1:10" x14ac:dyDescent="0.35">
      <c r="A16216" t="s">
        <v>10</v>
      </c>
      <c r="B16216" t="s">
        <v>25</v>
      </c>
      <c r="C16216" t="s">
        <v>117</v>
      </c>
      <c r="D16216" t="s">
        <v>118</v>
      </c>
      <c r="E16216" s="6">
        <v>2021</v>
      </c>
      <c r="F16216" s="6">
        <v>2021</v>
      </c>
      <c r="G16216" t="s">
        <v>126</v>
      </c>
      <c r="H16216" t="s">
        <v>120</v>
      </c>
      <c r="I16216" t="s">
        <v>15</v>
      </c>
      <c r="J16216" s="10">
        <v>8.5395875797442891</v>
      </c>
    </row>
    <row r="16217" spans="1:10" x14ac:dyDescent="0.35">
      <c r="A16217" t="s">
        <v>26</v>
      </c>
      <c r="B16217" t="s">
        <v>27</v>
      </c>
      <c r="C16217" t="s">
        <v>117</v>
      </c>
      <c r="D16217" t="s">
        <v>118</v>
      </c>
      <c r="E16217" s="6">
        <v>2021</v>
      </c>
      <c r="F16217" s="6">
        <v>2021</v>
      </c>
      <c r="G16217" t="s">
        <v>126</v>
      </c>
      <c r="H16217" t="s">
        <v>120</v>
      </c>
      <c r="I16217" t="s">
        <v>15</v>
      </c>
      <c r="J16217" s="10">
        <v>7.5186506649367502</v>
      </c>
    </row>
    <row r="16218" spans="1:10" x14ac:dyDescent="0.35">
      <c r="A16218" t="s">
        <v>28</v>
      </c>
      <c r="B16218" t="s">
        <v>29</v>
      </c>
      <c r="C16218" t="s">
        <v>117</v>
      </c>
      <c r="D16218" t="s">
        <v>118</v>
      </c>
      <c r="E16218" s="6">
        <v>2021</v>
      </c>
      <c r="F16218" s="6">
        <v>2021</v>
      </c>
      <c r="G16218" t="s">
        <v>126</v>
      </c>
      <c r="H16218" t="s">
        <v>120</v>
      </c>
      <c r="I16218" t="s">
        <v>15</v>
      </c>
      <c r="J16218" s="10">
        <v>8.4744031660921753</v>
      </c>
    </row>
    <row r="16219" spans="1:10" x14ac:dyDescent="0.35">
      <c r="A16219" t="s">
        <v>10</v>
      </c>
      <c r="B16219" t="s">
        <v>30</v>
      </c>
      <c r="C16219" t="s">
        <v>117</v>
      </c>
      <c r="D16219" t="s">
        <v>118</v>
      </c>
      <c r="E16219" s="6">
        <v>2021</v>
      </c>
      <c r="F16219" s="6">
        <v>2021</v>
      </c>
      <c r="G16219" t="s">
        <v>126</v>
      </c>
      <c r="H16219" t="s">
        <v>120</v>
      </c>
      <c r="I16219" t="s">
        <v>15</v>
      </c>
      <c r="J16219" s="10">
        <v>8.362754913843073</v>
      </c>
    </row>
    <row r="16220" spans="1:10" x14ac:dyDescent="0.35">
      <c r="A16220" t="s">
        <v>26</v>
      </c>
      <c r="B16220" t="s">
        <v>31</v>
      </c>
      <c r="C16220" t="s">
        <v>117</v>
      </c>
      <c r="D16220" t="s">
        <v>118</v>
      </c>
      <c r="E16220" s="6">
        <v>2021</v>
      </c>
      <c r="F16220" s="6">
        <v>2021</v>
      </c>
      <c r="G16220" t="s">
        <v>126</v>
      </c>
      <c r="H16220" t="s">
        <v>120</v>
      </c>
      <c r="I16220" t="s">
        <v>15</v>
      </c>
      <c r="J16220" s="10">
        <v>8.1655575211299247</v>
      </c>
    </row>
    <row r="16221" spans="1:10" x14ac:dyDescent="0.35">
      <c r="A16221" t="s">
        <v>28</v>
      </c>
      <c r="B16221" t="s">
        <v>32</v>
      </c>
      <c r="C16221" t="s">
        <v>117</v>
      </c>
      <c r="D16221" t="s">
        <v>118</v>
      </c>
      <c r="E16221" s="6">
        <v>2021</v>
      </c>
      <c r="F16221" s="6">
        <v>2021</v>
      </c>
      <c r="G16221" t="s">
        <v>126</v>
      </c>
      <c r="H16221" t="s">
        <v>120</v>
      </c>
      <c r="I16221" t="s">
        <v>15</v>
      </c>
      <c r="J16221" s="10">
        <v>8.5106382978723403</v>
      </c>
    </row>
    <row r="16222" spans="1:10" x14ac:dyDescent="0.35">
      <c r="A16222" t="s">
        <v>33</v>
      </c>
      <c r="B16222" t="s">
        <v>34</v>
      </c>
      <c r="C16222" t="s">
        <v>117</v>
      </c>
      <c r="D16222" t="s">
        <v>118</v>
      </c>
      <c r="E16222" s="6">
        <v>2021</v>
      </c>
      <c r="F16222" s="6">
        <v>2021</v>
      </c>
      <c r="G16222" t="s">
        <v>126</v>
      </c>
      <c r="H16222" t="s">
        <v>120</v>
      </c>
      <c r="I16222" t="s">
        <v>15</v>
      </c>
      <c r="J16222" s="10">
        <v>10.533531360676339</v>
      </c>
    </row>
    <row r="16223" spans="1:10" x14ac:dyDescent="0.35">
      <c r="A16223" t="s">
        <v>35</v>
      </c>
      <c r="B16223" t="s">
        <v>36</v>
      </c>
      <c r="C16223" t="s">
        <v>117</v>
      </c>
      <c r="D16223" t="s">
        <v>118</v>
      </c>
      <c r="E16223" s="6">
        <v>2021</v>
      </c>
      <c r="F16223" s="6">
        <v>2021</v>
      </c>
      <c r="G16223" t="s">
        <v>126</v>
      </c>
      <c r="H16223" t="s">
        <v>120</v>
      </c>
      <c r="I16223" t="s">
        <v>15</v>
      </c>
      <c r="J16223" s="10">
        <v>8.7078184739845952</v>
      </c>
    </row>
    <row r="16224" spans="1:10" x14ac:dyDescent="0.35">
      <c r="A16224" t="s">
        <v>28</v>
      </c>
      <c r="B16224" t="s">
        <v>37</v>
      </c>
      <c r="C16224" t="s">
        <v>117</v>
      </c>
      <c r="D16224" t="s">
        <v>118</v>
      </c>
      <c r="E16224" s="6">
        <v>2021</v>
      </c>
      <c r="F16224" s="6">
        <v>2021</v>
      </c>
      <c r="G16224" t="s">
        <v>126</v>
      </c>
      <c r="H16224" t="s">
        <v>120</v>
      </c>
      <c r="I16224" t="s">
        <v>15</v>
      </c>
      <c r="J16224" s="10">
        <v>8.5876696682338558</v>
      </c>
    </row>
    <row r="16225" spans="1:10" x14ac:dyDescent="0.35">
      <c r="A16225" t="s">
        <v>20</v>
      </c>
      <c r="B16225" t="s">
        <v>38</v>
      </c>
      <c r="C16225" t="s">
        <v>117</v>
      </c>
      <c r="D16225" t="s">
        <v>118</v>
      </c>
      <c r="E16225" s="6">
        <v>2021</v>
      </c>
      <c r="F16225" s="6">
        <v>2021</v>
      </c>
      <c r="G16225" t="s">
        <v>126</v>
      </c>
      <c r="H16225" t="s">
        <v>120</v>
      </c>
      <c r="I16225" t="s">
        <v>15</v>
      </c>
      <c r="J16225" s="10">
        <v>9.892265048899116</v>
      </c>
    </row>
    <row r="16226" spans="1:10" x14ac:dyDescent="0.35">
      <c r="A16226" t="s">
        <v>33</v>
      </c>
      <c r="B16226" t="s">
        <v>39</v>
      </c>
      <c r="C16226" t="s">
        <v>117</v>
      </c>
      <c r="D16226" t="s">
        <v>118</v>
      </c>
      <c r="E16226" s="6">
        <v>2021</v>
      </c>
      <c r="F16226" s="6">
        <v>2021</v>
      </c>
      <c r="G16226" t="s">
        <v>126</v>
      </c>
      <c r="H16226" t="s">
        <v>120</v>
      </c>
      <c r="I16226" t="s">
        <v>15</v>
      </c>
      <c r="J16226" s="10">
        <v>8.8201170979143626</v>
      </c>
    </row>
    <row r="16227" spans="1:10" x14ac:dyDescent="0.35">
      <c r="A16227" t="s">
        <v>20</v>
      </c>
      <c r="B16227" t="s">
        <v>40</v>
      </c>
      <c r="C16227" t="s">
        <v>117</v>
      </c>
      <c r="D16227" t="s">
        <v>118</v>
      </c>
      <c r="E16227" s="6">
        <v>2021</v>
      </c>
      <c r="F16227" s="6">
        <v>2021</v>
      </c>
      <c r="G16227" t="s">
        <v>126</v>
      </c>
      <c r="H16227" t="s">
        <v>120</v>
      </c>
      <c r="I16227" t="s">
        <v>15</v>
      </c>
      <c r="J16227" s="10">
        <v>10.217052404365031</v>
      </c>
    </row>
    <row r="16228" spans="1:10" x14ac:dyDescent="0.35">
      <c r="A16228" t="s">
        <v>35</v>
      </c>
      <c r="B16228" t="s">
        <v>41</v>
      </c>
      <c r="C16228" t="s">
        <v>117</v>
      </c>
      <c r="D16228" t="s">
        <v>118</v>
      </c>
      <c r="E16228" s="6">
        <v>2021</v>
      </c>
      <c r="F16228" s="6">
        <v>2021</v>
      </c>
      <c r="G16228" t="s">
        <v>126</v>
      </c>
      <c r="H16228" t="s">
        <v>120</v>
      </c>
      <c r="I16228" t="s">
        <v>15</v>
      </c>
      <c r="J16228" s="10">
        <v>8.911275774984043</v>
      </c>
    </row>
    <row r="16229" spans="1:10" x14ac:dyDescent="0.35">
      <c r="A16229" t="s">
        <v>35</v>
      </c>
      <c r="B16229" t="s">
        <v>42</v>
      </c>
      <c r="C16229" t="s">
        <v>117</v>
      </c>
      <c r="D16229" t="s">
        <v>118</v>
      </c>
      <c r="E16229" s="6">
        <v>2021</v>
      </c>
      <c r="F16229" s="6">
        <v>2021</v>
      </c>
      <c r="G16229" t="s">
        <v>126</v>
      </c>
      <c r="H16229" t="s">
        <v>120</v>
      </c>
      <c r="I16229" t="s">
        <v>15</v>
      </c>
      <c r="J16229" s="10">
        <v>9.0969802555168418</v>
      </c>
    </row>
    <row r="16230" spans="1:10" x14ac:dyDescent="0.35">
      <c r="A16230" t="s">
        <v>35</v>
      </c>
      <c r="B16230" t="s">
        <v>43</v>
      </c>
      <c r="C16230" t="s">
        <v>117</v>
      </c>
      <c r="D16230" t="s">
        <v>118</v>
      </c>
      <c r="E16230" s="6">
        <v>2021</v>
      </c>
      <c r="F16230" s="6">
        <v>2021</v>
      </c>
      <c r="G16230" t="s">
        <v>126</v>
      </c>
      <c r="H16230" t="s">
        <v>120</v>
      </c>
      <c r="I16230" t="s">
        <v>15</v>
      </c>
      <c r="J16230" s="10">
        <v>9.1322089227421106</v>
      </c>
    </row>
    <row r="16231" spans="1:10" x14ac:dyDescent="0.35">
      <c r="A16231" t="s">
        <v>28</v>
      </c>
      <c r="B16231" t="s">
        <v>44</v>
      </c>
      <c r="C16231" t="s">
        <v>117</v>
      </c>
      <c r="D16231" t="s">
        <v>118</v>
      </c>
      <c r="E16231" s="6">
        <v>2021</v>
      </c>
      <c r="F16231" s="6">
        <v>2021</v>
      </c>
      <c r="G16231" t="s">
        <v>126</v>
      </c>
      <c r="H16231" t="s">
        <v>120</v>
      </c>
      <c r="I16231" t="s">
        <v>15</v>
      </c>
      <c r="J16231" s="10">
        <v>8.1370559679449315</v>
      </c>
    </row>
    <row r="16232" spans="1:10" x14ac:dyDescent="0.35">
      <c r="A16232" t="s">
        <v>10</v>
      </c>
      <c r="B16232" t="s">
        <v>45</v>
      </c>
      <c r="C16232" t="s">
        <v>117</v>
      </c>
      <c r="D16232" t="s">
        <v>118</v>
      </c>
      <c r="E16232" s="6">
        <v>2021</v>
      </c>
      <c r="F16232" s="6">
        <v>2021</v>
      </c>
      <c r="G16232" t="s">
        <v>126</v>
      </c>
      <c r="H16232" t="s">
        <v>120</v>
      </c>
      <c r="I16232" t="s">
        <v>15</v>
      </c>
      <c r="J16232" s="10">
        <v>9.1481451328394261</v>
      </c>
    </row>
    <row r="16233" spans="1:10" x14ac:dyDescent="0.35">
      <c r="A16233" t="s">
        <v>10</v>
      </c>
      <c r="B16233" t="s">
        <v>46</v>
      </c>
      <c r="C16233" t="s">
        <v>117</v>
      </c>
      <c r="D16233" t="s">
        <v>118</v>
      </c>
      <c r="E16233" s="6">
        <v>2021</v>
      </c>
      <c r="F16233" s="6">
        <v>2021</v>
      </c>
      <c r="G16233" t="s">
        <v>126</v>
      </c>
      <c r="H16233" t="s">
        <v>120</v>
      </c>
      <c r="I16233" t="s">
        <v>15</v>
      </c>
      <c r="J16233" s="10">
        <v>17.386698948324128</v>
      </c>
    </row>
    <row r="16234" spans="1:10" x14ac:dyDescent="0.35">
      <c r="A16234" t="s">
        <v>33</v>
      </c>
      <c r="B16234" t="s">
        <v>47</v>
      </c>
      <c r="C16234" t="s">
        <v>117</v>
      </c>
      <c r="D16234" t="s">
        <v>118</v>
      </c>
      <c r="E16234" s="6">
        <v>2021</v>
      </c>
      <c r="F16234" s="6">
        <v>2021</v>
      </c>
      <c r="G16234" t="s">
        <v>126</v>
      </c>
      <c r="H16234" t="s">
        <v>120</v>
      </c>
      <c r="I16234" t="s">
        <v>15</v>
      </c>
      <c r="J16234" s="10">
        <v>8.0608946680154947</v>
      </c>
    </row>
    <row r="16235" spans="1:10" x14ac:dyDescent="0.35">
      <c r="A16235" t="s">
        <v>20</v>
      </c>
      <c r="B16235" t="s">
        <v>48</v>
      </c>
      <c r="C16235" t="s">
        <v>117</v>
      </c>
      <c r="D16235" t="s">
        <v>118</v>
      </c>
      <c r="E16235" s="6">
        <v>2021</v>
      </c>
      <c r="F16235" s="6">
        <v>2021</v>
      </c>
      <c r="G16235" t="s">
        <v>126</v>
      </c>
      <c r="H16235" t="s">
        <v>120</v>
      </c>
      <c r="I16235" t="s">
        <v>15</v>
      </c>
      <c r="J16235" s="10">
        <v>9.2711616249348587</v>
      </c>
    </row>
    <row r="16236" spans="1:10" x14ac:dyDescent="0.35">
      <c r="A16236" t="s">
        <v>28</v>
      </c>
      <c r="B16236" t="s">
        <v>49</v>
      </c>
      <c r="C16236" t="s">
        <v>117</v>
      </c>
      <c r="D16236" t="s">
        <v>118</v>
      </c>
      <c r="E16236" s="6">
        <v>2021</v>
      </c>
      <c r="F16236" s="6">
        <v>2021</v>
      </c>
      <c r="G16236" t="s">
        <v>126</v>
      </c>
      <c r="H16236" t="s">
        <v>120</v>
      </c>
      <c r="I16236" t="s">
        <v>15</v>
      </c>
      <c r="J16236" s="10">
        <v>7.1725763949886741</v>
      </c>
    </row>
    <row r="16237" spans="1:10" x14ac:dyDescent="0.35">
      <c r="A16237" t="s">
        <v>35</v>
      </c>
      <c r="B16237" t="s">
        <v>50</v>
      </c>
      <c r="C16237" t="s">
        <v>117</v>
      </c>
      <c r="D16237" t="s">
        <v>118</v>
      </c>
      <c r="E16237" s="6">
        <v>2021</v>
      </c>
      <c r="F16237" s="6">
        <v>2021</v>
      </c>
      <c r="G16237" t="s">
        <v>126</v>
      </c>
      <c r="H16237" t="s">
        <v>120</v>
      </c>
      <c r="I16237" t="s">
        <v>15</v>
      </c>
      <c r="J16237" s="10">
        <v>8.9719225930783431</v>
      </c>
    </row>
    <row r="16238" spans="1:10" x14ac:dyDescent="0.35">
      <c r="A16238" t="s">
        <v>22</v>
      </c>
      <c r="B16238" t="s">
        <v>51</v>
      </c>
      <c r="C16238" t="s">
        <v>117</v>
      </c>
      <c r="D16238" t="s">
        <v>118</v>
      </c>
      <c r="E16238" s="6">
        <v>2021</v>
      </c>
      <c r="F16238" s="6">
        <v>2021</v>
      </c>
      <c r="G16238" t="s">
        <v>126</v>
      </c>
      <c r="H16238" t="s">
        <v>120</v>
      </c>
      <c r="I16238" t="s">
        <v>15</v>
      </c>
      <c r="J16238" s="10">
        <v>25.736129765471638</v>
      </c>
    </row>
    <row r="16239" spans="1:10" x14ac:dyDescent="0.35">
      <c r="A16239" t="s">
        <v>22</v>
      </c>
      <c r="B16239" t="s">
        <v>52</v>
      </c>
      <c r="C16239" t="s">
        <v>117</v>
      </c>
      <c r="D16239" t="s">
        <v>118</v>
      </c>
      <c r="E16239" s="6">
        <v>2021</v>
      </c>
      <c r="F16239" s="6">
        <v>2021</v>
      </c>
      <c r="G16239" t="s">
        <v>126</v>
      </c>
      <c r="H16239" t="s">
        <v>120</v>
      </c>
      <c r="I16239" t="s">
        <v>15</v>
      </c>
      <c r="J16239" s="10">
        <v>7.0902336124929164</v>
      </c>
    </row>
    <row r="16240" spans="1:10" x14ac:dyDescent="0.35">
      <c r="A16240" t="s">
        <v>22</v>
      </c>
      <c r="B16240" t="s">
        <v>53</v>
      </c>
      <c r="C16240" t="s">
        <v>117</v>
      </c>
      <c r="D16240" t="s">
        <v>118</v>
      </c>
      <c r="E16240" s="6">
        <v>2021</v>
      </c>
      <c r="F16240" s="6">
        <v>2021</v>
      </c>
      <c r="G16240" t="s">
        <v>126</v>
      </c>
      <c r="H16240" t="s">
        <v>120</v>
      </c>
      <c r="I16240" t="s">
        <v>15</v>
      </c>
      <c r="J16240" s="10">
        <v>7.5393794256693987</v>
      </c>
    </row>
    <row r="16241" spans="1:10" x14ac:dyDescent="0.35">
      <c r="A16241" t="s">
        <v>22</v>
      </c>
      <c r="B16241" t="s">
        <v>54</v>
      </c>
      <c r="C16241" t="s">
        <v>117</v>
      </c>
      <c r="D16241" t="s">
        <v>118</v>
      </c>
      <c r="E16241" s="6">
        <v>2021</v>
      </c>
      <c r="F16241" s="6">
        <v>2021</v>
      </c>
      <c r="G16241" t="s">
        <v>126</v>
      </c>
      <c r="H16241" t="s">
        <v>120</v>
      </c>
      <c r="I16241" t="s">
        <v>15</v>
      </c>
      <c r="J16241" s="10">
        <v>8.6679561573178585</v>
      </c>
    </row>
    <row r="16242" spans="1:10" x14ac:dyDescent="0.35">
      <c r="A16242" t="s">
        <v>22</v>
      </c>
      <c r="B16242" t="s">
        <v>55</v>
      </c>
      <c r="C16242" t="s">
        <v>117</v>
      </c>
      <c r="D16242" t="s">
        <v>118</v>
      </c>
      <c r="E16242" s="6">
        <v>2021</v>
      </c>
      <c r="F16242" s="6">
        <v>2021</v>
      </c>
      <c r="G16242" t="s">
        <v>126</v>
      </c>
      <c r="H16242" t="s">
        <v>120</v>
      </c>
      <c r="I16242" t="s">
        <v>15</v>
      </c>
      <c r="J16242" s="10">
        <v>14.447142548024908</v>
      </c>
    </row>
    <row r="16243" spans="1:10" x14ac:dyDescent="0.35">
      <c r="A16243" t="s">
        <v>22</v>
      </c>
      <c r="B16243" t="s">
        <v>56</v>
      </c>
      <c r="C16243" t="s">
        <v>117</v>
      </c>
      <c r="D16243" t="s">
        <v>118</v>
      </c>
      <c r="E16243" s="6">
        <v>2021</v>
      </c>
      <c r="F16243" s="6">
        <v>2021</v>
      </c>
      <c r="G16243" t="s">
        <v>126</v>
      </c>
      <c r="H16243" t="s">
        <v>120</v>
      </c>
      <c r="I16243" t="s">
        <v>15</v>
      </c>
      <c r="J16243" s="10">
        <v>6.3261375850949486</v>
      </c>
    </row>
    <row r="16244" spans="1:10" x14ac:dyDescent="0.35">
      <c r="A16244" t="s">
        <v>28</v>
      </c>
      <c r="B16244" t="s">
        <v>58</v>
      </c>
      <c r="C16244" t="s">
        <v>117</v>
      </c>
      <c r="D16244" t="s">
        <v>118</v>
      </c>
      <c r="E16244" s="6">
        <v>2021</v>
      </c>
      <c r="F16244" s="6">
        <v>2021</v>
      </c>
      <c r="G16244" t="s">
        <v>126</v>
      </c>
      <c r="H16244" t="s">
        <v>120</v>
      </c>
      <c r="I16244" t="s">
        <v>15</v>
      </c>
      <c r="J16244" s="10">
        <v>7.8258125591669296</v>
      </c>
    </row>
    <row r="16245" spans="1:10" x14ac:dyDescent="0.35">
      <c r="A16245" t="s">
        <v>20</v>
      </c>
      <c r="B16245" t="s">
        <v>59</v>
      </c>
      <c r="C16245" t="s">
        <v>117</v>
      </c>
      <c r="D16245" t="s">
        <v>118</v>
      </c>
      <c r="E16245" s="6">
        <v>2021</v>
      </c>
      <c r="F16245" s="6">
        <v>2021</v>
      </c>
      <c r="G16245" t="s">
        <v>126</v>
      </c>
      <c r="H16245" t="s">
        <v>120</v>
      </c>
      <c r="I16245" t="s">
        <v>15</v>
      </c>
      <c r="J16245" s="10">
        <v>8.6363526831971846</v>
      </c>
    </row>
    <row r="16246" spans="1:10" x14ac:dyDescent="0.35">
      <c r="A16246" t="s">
        <v>20</v>
      </c>
      <c r="B16246" t="s">
        <v>60</v>
      </c>
      <c r="C16246" t="s">
        <v>117</v>
      </c>
      <c r="D16246" t="s">
        <v>118</v>
      </c>
      <c r="E16246" s="6">
        <v>2021</v>
      </c>
      <c r="F16246" s="6">
        <v>2021</v>
      </c>
      <c r="G16246" t="s">
        <v>126</v>
      </c>
      <c r="H16246" t="s">
        <v>120</v>
      </c>
      <c r="I16246" t="s">
        <v>15</v>
      </c>
      <c r="J16246" s="10">
        <v>9.0326397791144863</v>
      </c>
    </row>
    <row r="16247" spans="1:10" x14ac:dyDescent="0.35">
      <c r="A16247" t="s">
        <v>28</v>
      </c>
      <c r="B16247" t="s">
        <v>61</v>
      </c>
      <c r="C16247" t="s">
        <v>117</v>
      </c>
      <c r="D16247" t="s">
        <v>118</v>
      </c>
      <c r="E16247" s="6">
        <v>2021</v>
      </c>
      <c r="F16247" s="6">
        <v>2021</v>
      </c>
      <c r="G16247" t="s">
        <v>126</v>
      </c>
      <c r="H16247" t="s">
        <v>120</v>
      </c>
      <c r="I16247" t="s">
        <v>15</v>
      </c>
      <c r="J16247" s="10">
        <v>8.0077864590277592</v>
      </c>
    </row>
    <row r="16248" spans="1:10" x14ac:dyDescent="0.35">
      <c r="A16248" t="s">
        <v>62</v>
      </c>
      <c r="B16248" t="s">
        <v>63</v>
      </c>
      <c r="C16248" t="s">
        <v>117</v>
      </c>
      <c r="D16248" t="s">
        <v>118</v>
      </c>
      <c r="E16248" s="6">
        <v>2021</v>
      </c>
      <c r="F16248" s="6">
        <v>2021</v>
      </c>
      <c r="G16248" t="s">
        <v>126</v>
      </c>
      <c r="H16248" t="s">
        <v>120</v>
      </c>
      <c r="I16248" t="s">
        <v>15</v>
      </c>
      <c r="J16248" s="10">
        <v>7.6677642494320644</v>
      </c>
    </row>
    <row r="16249" spans="1:10" x14ac:dyDescent="0.35">
      <c r="A16249" t="s">
        <v>62</v>
      </c>
      <c r="B16249" t="s">
        <v>64</v>
      </c>
      <c r="C16249" t="s">
        <v>117</v>
      </c>
      <c r="D16249" t="s">
        <v>118</v>
      </c>
      <c r="E16249" s="6">
        <v>2021</v>
      </c>
      <c r="F16249" s="6">
        <v>2021</v>
      </c>
      <c r="G16249" t="s">
        <v>126</v>
      </c>
      <c r="H16249" t="s">
        <v>120</v>
      </c>
      <c r="I16249" t="s">
        <v>15</v>
      </c>
      <c r="J16249" s="10">
        <v>7.295029051000645</v>
      </c>
    </row>
    <row r="16250" spans="1:10" x14ac:dyDescent="0.35">
      <c r="A16250" t="s">
        <v>62</v>
      </c>
      <c r="B16250" t="s">
        <v>65</v>
      </c>
      <c r="C16250" t="s">
        <v>117</v>
      </c>
      <c r="D16250" t="s">
        <v>118</v>
      </c>
      <c r="E16250" s="6">
        <v>2021</v>
      </c>
      <c r="F16250" s="6">
        <v>2021</v>
      </c>
      <c r="G16250" t="s">
        <v>126</v>
      </c>
      <c r="H16250" t="s">
        <v>120</v>
      </c>
      <c r="I16250" t="s">
        <v>15</v>
      </c>
      <c r="J16250" s="10">
        <v>31.15847809868912</v>
      </c>
    </row>
    <row r="16251" spans="1:10" x14ac:dyDescent="0.35">
      <c r="A16251" t="s">
        <v>62</v>
      </c>
      <c r="B16251" t="s">
        <v>66</v>
      </c>
      <c r="C16251" t="s">
        <v>117</v>
      </c>
      <c r="D16251" t="s">
        <v>118</v>
      </c>
      <c r="E16251" s="6">
        <v>2021</v>
      </c>
      <c r="F16251" s="6">
        <v>2021</v>
      </c>
      <c r="G16251" t="s">
        <v>126</v>
      </c>
      <c r="H16251" t="s">
        <v>120</v>
      </c>
      <c r="I16251" t="s">
        <v>15</v>
      </c>
      <c r="J16251" s="10">
        <v>8.4209693998576736</v>
      </c>
    </row>
    <row r="16252" spans="1:10" x14ac:dyDescent="0.35">
      <c r="A16252" t="s">
        <v>62</v>
      </c>
      <c r="B16252" t="s">
        <v>67</v>
      </c>
      <c r="C16252" t="s">
        <v>117</v>
      </c>
      <c r="D16252" t="s">
        <v>118</v>
      </c>
      <c r="E16252" s="6">
        <v>2021</v>
      </c>
      <c r="F16252" s="6">
        <v>2021</v>
      </c>
      <c r="G16252" t="s">
        <v>126</v>
      </c>
      <c r="H16252" t="s">
        <v>120</v>
      </c>
      <c r="I16252" t="s">
        <v>15</v>
      </c>
      <c r="J16252" s="10">
        <v>8.1538067401075995</v>
      </c>
    </row>
    <row r="16253" spans="1:10" x14ac:dyDescent="0.35">
      <c r="A16253" t="s">
        <v>62</v>
      </c>
      <c r="B16253" t="s">
        <v>68</v>
      </c>
      <c r="C16253" t="s">
        <v>117</v>
      </c>
      <c r="D16253" t="s">
        <v>118</v>
      </c>
      <c r="E16253" s="6">
        <v>2021</v>
      </c>
      <c r="F16253" s="6">
        <v>2021</v>
      </c>
      <c r="G16253" t="s">
        <v>126</v>
      </c>
      <c r="H16253" t="s">
        <v>120</v>
      </c>
      <c r="I16253" t="s">
        <v>15</v>
      </c>
      <c r="J16253" s="10">
        <v>9.0652609696339752</v>
      </c>
    </row>
    <row r="16254" spans="1:10" x14ac:dyDescent="0.35">
      <c r="A16254" t="s">
        <v>62</v>
      </c>
      <c r="B16254" t="s">
        <v>69</v>
      </c>
      <c r="C16254" t="s">
        <v>117</v>
      </c>
      <c r="D16254" t="s">
        <v>118</v>
      </c>
      <c r="E16254" s="6">
        <v>2021</v>
      </c>
      <c r="F16254" s="6">
        <v>2021</v>
      </c>
      <c r="G16254" t="s">
        <v>126</v>
      </c>
      <c r="H16254" t="s">
        <v>120</v>
      </c>
      <c r="I16254" t="s">
        <v>15</v>
      </c>
      <c r="J16254" s="10">
        <v>10.371617558628984</v>
      </c>
    </row>
    <row r="16255" spans="1:10" x14ac:dyDescent="0.35">
      <c r="A16255" t="s">
        <v>62</v>
      </c>
      <c r="B16255" t="s">
        <v>70</v>
      </c>
      <c r="C16255" t="s">
        <v>117</v>
      </c>
      <c r="D16255" t="s">
        <v>118</v>
      </c>
      <c r="E16255" s="6">
        <v>2021</v>
      </c>
      <c r="F16255" s="6">
        <v>2021</v>
      </c>
      <c r="G16255" t="s">
        <v>126</v>
      </c>
      <c r="H16255" t="s">
        <v>120</v>
      </c>
      <c r="I16255" t="s">
        <v>15</v>
      </c>
      <c r="J16255" s="10">
        <v>8.6243763364219532</v>
      </c>
    </row>
    <row r="16256" spans="1:10" x14ac:dyDescent="0.35">
      <c r="A16256" t="s">
        <v>35</v>
      </c>
      <c r="B16256" t="s">
        <v>71</v>
      </c>
      <c r="C16256" t="s">
        <v>117</v>
      </c>
      <c r="D16256" t="s">
        <v>118</v>
      </c>
      <c r="E16256" s="6">
        <v>2021</v>
      </c>
      <c r="F16256" s="6">
        <v>2021</v>
      </c>
      <c r="G16256" t="s">
        <v>126</v>
      </c>
      <c r="H16256" t="s">
        <v>120</v>
      </c>
      <c r="I16256" t="s">
        <v>15</v>
      </c>
      <c r="J16256" s="10">
        <v>8.8393481417737849</v>
      </c>
    </row>
    <row r="16257" spans="1:10" x14ac:dyDescent="0.35">
      <c r="A16257" t="s">
        <v>20</v>
      </c>
      <c r="B16257" t="s">
        <v>72</v>
      </c>
      <c r="C16257" t="s">
        <v>117</v>
      </c>
      <c r="D16257" t="s">
        <v>118</v>
      </c>
      <c r="E16257" s="6">
        <v>2021</v>
      </c>
      <c r="F16257" s="6">
        <v>2021</v>
      </c>
      <c r="G16257" t="s">
        <v>126</v>
      </c>
      <c r="H16257" t="s">
        <v>120</v>
      </c>
      <c r="I16257" t="s">
        <v>15</v>
      </c>
      <c r="J16257" s="10">
        <v>9.2391304347826075</v>
      </c>
    </row>
    <row r="16258" spans="1:10" x14ac:dyDescent="0.35">
      <c r="A16258" t="s">
        <v>26</v>
      </c>
      <c r="B16258" t="s">
        <v>73</v>
      </c>
      <c r="C16258" t="s">
        <v>117</v>
      </c>
      <c r="D16258" t="s">
        <v>118</v>
      </c>
      <c r="E16258" s="6">
        <v>2021</v>
      </c>
      <c r="F16258" s="6">
        <v>2021</v>
      </c>
      <c r="G16258" t="s">
        <v>126</v>
      </c>
      <c r="H16258" t="s">
        <v>120</v>
      </c>
      <c r="I16258" t="s">
        <v>15</v>
      </c>
      <c r="J16258" s="10">
        <v>8.5684160695457567</v>
      </c>
    </row>
    <row r="16259" spans="1:10" x14ac:dyDescent="0.35">
      <c r="A16259" t="s">
        <v>28</v>
      </c>
      <c r="B16259" t="s">
        <v>74</v>
      </c>
      <c r="C16259" t="s">
        <v>117</v>
      </c>
      <c r="D16259" t="s">
        <v>118</v>
      </c>
      <c r="E16259" s="6">
        <v>2021</v>
      </c>
      <c r="F16259" s="6">
        <v>2021</v>
      </c>
      <c r="G16259" t="s">
        <v>126</v>
      </c>
      <c r="H16259" t="s">
        <v>120</v>
      </c>
      <c r="I16259" t="s">
        <v>15</v>
      </c>
      <c r="J16259" s="10">
        <v>9.1432953040407092</v>
      </c>
    </row>
    <row r="16260" spans="1:10" x14ac:dyDescent="0.35">
      <c r="A16260" t="s">
        <v>33</v>
      </c>
      <c r="B16260" t="s">
        <v>75</v>
      </c>
      <c r="C16260" t="s">
        <v>117</v>
      </c>
      <c r="D16260" t="s">
        <v>118</v>
      </c>
      <c r="E16260" s="6">
        <v>2021</v>
      </c>
      <c r="F16260" s="6">
        <v>2021</v>
      </c>
      <c r="G16260" t="s">
        <v>126</v>
      </c>
      <c r="H16260" t="s">
        <v>120</v>
      </c>
      <c r="I16260" t="s">
        <v>15</v>
      </c>
      <c r="J16260" s="10">
        <v>8.3806713389893019</v>
      </c>
    </row>
    <row r="16261" spans="1:10" x14ac:dyDescent="0.35">
      <c r="A16261" t="s">
        <v>22</v>
      </c>
      <c r="B16261" t="s">
        <v>76</v>
      </c>
      <c r="C16261" t="s">
        <v>117</v>
      </c>
      <c r="D16261" t="s">
        <v>118</v>
      </c>
      <c r="E16261" s="6">
        <v>2021</v>
      </c>
      <c r="F16261" s="6">
        <v>2021</v>
      </c>
      <c r="G16261" t="s">
        <v>126</v>
      </c>
      <c r="H16261" t="s">
        <v>120</v>
      </c>
      <c r="I16261" t="s">
        <v>15</v>
      </c>
      <c r="J16261" s="10">
        <v>8.9902649314902146</v>
      </c>
    </row>
    <row r="16262" spans="1:10" x14ac:dyDescent="0.35">
      <c r="A16262" t="s">
        <v>33</v>
      </c>
      <c r="B16262" t="s">
        <v>77</v>
      </c>
      <c r="C16262" t="s">
        <v>117</v>
      </c>
      <c r="D16262" t="s">
        <v>118</v>
      </c>
      <c r="E16262" s="6">
        <v>2021</v>
      </c>
      <c r="F16262" s="6">
        <v>2021</v>
      </c>
      <c r="G16262" t="s">
        <v>126</v>
      </c>
      <c r="H16262" t="s">
        <v>120</v>
      </c>
      <c r="I16262" t="s">
        <v>15</v>
      </c>
      <c r="J16262" s="10">
        <v>8.2622437277990652</v>
      </c>
    </row>
    <row r="16263" spans="1:10" x14ac:dyDescent="0.35">
      <c r="A16263" t="s">
        <v>22</v>
      </c>
      <c r="B16263" t="s">
        <v>78</v>
      </c>
      <c r="C16263" t="s">
        <v>117</v>
      </c>
      <c r="D16263" t="s">
        <v>118</v>
      </c>
      <c r="E16263" s="6">
        <v>2021</v>
      </c>
      <c r="F16263" s="6">
        <v>2021</v>
      </c>
      <c r="G16263" t="s">
        <v>126</v>
      </c>
      <c r="H16263" t="s">
        <v>120</v>
      </c>
      <c r="I16263" t="s">
        <v>15</v>
      </c>
      <c r="J16263" s="10">
        <v>9.3088022455155475</v>
      </c>
    </row>
    <row r="16264" spans="1:10" x14ac:dyDescent="0.35">
      <c r="A16264" t="s">
        <v>28</v>
      </c>
      <c r="B16264" t="s">
        <v>79</v>
      </c>
      <c r="C16264" t="s">
        <v>117</v>
      </c>
      <c r="D16264" t="s">
        <v>118</v>
      </c>
      <c r="E16264" s="6">
        <v>2021</v>
      </c>
      <c r="F16264" s="6">
        <v>2021</v>
      </c>
      <c r="G16264" t="s">
        <v>126</v>
      </c>
      <c r="H16264" t="s">
        <v>120</v>
      </c>
      <c r="I16264" t="s">
        <v>15</v>
      </c>
      <c r="J16264" s="10">
        <v>8.6761925277039804</v>
      </c>
    </row>
    <row r="16265" spans="1:10" x14ac:dyDescent="0.35">
      <c r="A16265" t="s">
        <v>26</v>
      </c>
      <c r="B16265" t="s">
        <v>80</v>
      </c>
      <c r="C16265" t="s">
        <v>117</v>
      </c>
      <c r="D16265" t="s">
        <v>118</v>
      </c>
      <c r="E16265" s="6">
        <v>2021</v>
      </c>
      <c r="F16265" s="6">
        <v>2021</v>
      </c>
      <c r="G16265" t="s">
        <v>126</v>
      </c>
      <c r="H16265" t="s">
        <v>120</v>
      </c>
      <c r="I16265" t="s">
        <v>15</v>
      </c>
      <c r="J16265" s="10">
        <v>8.5330330697867964</v>
      </c>
    </row>
    <row r="16266" spans="1:10" x14ac:dyDescent="0.35">
      <c r="A16266" t="s">
        <v>20</v>
      </c>
      <c r="B16266" t="s">
        <v>81</v>
      </c>
      <c r="C16266" t="s">
        <v>117</v>
      </c>
      <c r="D16266" t="s">
        <v>118</v>
      </c>
      <c r="E16266" s="6">
        <v>2021</v>
      </c>
      <c r="F16266" s="6">
        <v>2021</v>
      </c>
      <c r="G16266" t="s">
        <v>126</v>
      </c>
      <c r="H16266" t="s">
        <v>120</v>
      </c>
      <c r="I16266" t="s">
        <v>15</v>
      </c>
      <c r="J16266" s="10">
        <v>9.8624964922574563</v>
      </c>
    </row>
    <row r="16267" spans="1:10" x14ac:dyDescent="0.35">
      <c r="A16267" t="s">
        <v>26</v>
      </c>
      <c r="B16267" t="s">
        <v>57</v>
      </c>
      <c r="C16267" t="s">
        <v>117</v>
      </c>
      <c r="D16267" t="s">
        <v>118</v>
      </c>
      <c r="E16267" s="6">
        <v>2021</v>
      </c>
      <c r="F16267" s="6">
        <v>2021</v>
      </c>
      <c r="G16267" t="s">
        <v>126</v>
      </c>
      <c r="H16267" t="s">
        <v>120</v>
      </c>
      <c r="I16267" t="s">
        <v>15</v>
      </c>
      <c r="J16267" s="10">
        <v>7.5013010185116347</v>
      </c>
    </row>
    <row r="16268" spans="1:10" x14ac:dyDescent="0.35">
      <c r="A16268" t="s">
        <v>33</v>
      </c>
      <c r="B16268" t="s">
        <v>82</v>
      </c>
      <c r="C16268" t="s">
        <v>117</v>
      </c>
      <c r="D16268" t="s">
        <v>118</v>
      </c>
      <c r="E16268" s="6">
        <v>2021</v>
      </c>
      <c r="F16268" s="6">
        <v>2021</v>
      </c>
      <c r="G16268" t="s">
        <v>126</v>
      </c>
      <c r="H16268" t="s">
        <v>120</v>
      </c>
      <c r="I16268" t="s">
        <v>15</v>
      </c>
      <c r="J16268" s="10">
        <v>15.832643345063133</v>
      </c>
    </row>
    <row r="16269" spans="1:10" x14ac:dyDescent="0.35">
      <c r="A16269" t="s">
        <v>26</v>
      </c>
      <c r="B16269" t="s">
        <v>83</v>
      </c>
      <c r="C16269" t="s">
        <v>117</v>
      </c>
      <c r="D16269" t="s">
        <v>118</v>
      </c>
      <c r="E16269" s="6">
        <v>2021</v>
      </c>
      <c r="F16269" s="6">
        <v>2021</v>
      </c>
      <c r="G16269" t="s">
        <v>126</v>
      </c>
      <c r="H16269" t="s">
        <v>120</v>
      </c>
      <c r="I16269" t="s">
        <v>15</v>
      </c>
      <c r="J16269" s="10">
        <v>7.5511644318983775</v>
      </c>
    </row>
    <row r="16270" spans="1:10" x14ac:dyDescent="0.35">
      <c r="A16270" t="s">
        <v>35</v>
      </c>
      <c r="B16270" t="s">
        <v>84</v>
      </c>
      <c r="C16270" t="s">
        <v>117</v>
      </c>
      <c r="D16270" t="s">
        <v>118</v>
      </c>
      <c r="E16270" s="6">
        <v>2021</v>
      </c>
      <c r="F16270" s="6">
        <v>2021</v>
      </c>
      <c r="G16270" t="s">
        <v>126</v>
      </c>
      <c r="H16270" t="s">
        <v>120</v>
      </c>
      <c r="I16270" t="s">
        <v>15</v>
      </c>
      <c r="J16270" s="10">
        <v>10.148355192431735</v>
      </c>
    </row>
    <row r="16271" spans="1:10" x14ac:dyDescent="0.35">
      <c r="A16271" t="s">
        <v>33</v>
      </c>
      <c r="B16271" t="s">
        <v>85</v>
      </c>
      <c r="C16271" t="s">
        <v>117</v>
      </c>
      <c r="D16271" t="s">
        <v>118</v>
      </c>
      <c r="E16271" s="6">
        <v>2021</v>
      </c>
      <c r="F16271" s="6">
        <v>2021</v>
      </c>
      <c r="G16271" t="s">
        <v>126</v>
      </c>
      <c r="H16271" t="s">
        <v>120</v>
      </c>
      <c r="I16271" t="s">
        <v>15</v>
      </c>
      <c r="J16271" s="10">
        <v>7.8501602348315522</v>
      </c>
    </row>
    <row r="16272" spans="1:10" x14ac:dyDescent="0.35">
      <c r="A16272" t="s">
        <v>33</v>
      </c>
      <c r="B16272" t="s">
        <v>86</v>
      </c>
      <c r="C16272" t="s">
        <v>117</v>
      </c>
      <c r="D16272" t="s">
        <v>118</v>
      </c>
      <c r="E16272" s="6">
        <v>2021</v>
      </c>
      <c r="F16272" s="6">
        <v>2021</v>
      </c>
      <c r="G16272" t="s">
        <v>126</v>
      </c>
      <c r="H16272" t="s">
        <v>120</v>
      </c>
      <c r="I16272" t="s">
        <v>15</v>
      </c>
      <c r="J16272" s="10">
        <v>8.6294416243654819</v>
      </c>
    </row>
    <row r="16273" spans="1:10" x14ac:dyDescent="0.35">
      <c r="A16273" t="s">
        <v>35</v>
      </c>
      <c r="B16273" t="s">
        <v>87</v>
      </c>
      <c r="C16273" t="s">
        <v>117</v>
      </c>
      <c r="D16273" t="s">
        <v>118</v>
      </c>
      <c r="E16273" s="6">
        <v>2021</v>
      </c>
      <c r="F16273" s="6">
        <v>2021</v>
      </c>
      <c r="G16273" t="s">
        <v>126</v>
      </c>
      <c r="H16273" t="s">
        <v>120</v>
      </c>
      <c r="I16273" t="s">
        <v>15</v>
      </c>
      <c r="J16273" s="10">
        <v>8.6495438433377885</v>
      </c>
    </row>
    <row r="16274" spans="1:10" x14ac:dyDescent="0.35">
      <c r="A16274" t="s">
        <v>35</v>
      </c>
      <c r="B16274" t="s">
        <v>88</v>
      </c>
      <c r="C16274" t="s">
        <v>117</v>
      </c>
      <c r="D16274" t="s">
        <v>118</v>
      </c>
      <c r="E16274" s="6">
        <v>2021</v>
      </c>
      <c r="F16274" s="6">
        <v>2021</v>
      </c>
      <c r="G16274" t="s">
        <v>126</v>
      </c>
      <c r="H16274" t="s">
        <v>120</v>
      </c>
      <c r="I16274" t="s">
        <v>15</v>
      </c>
      <c r="J16274" s="10">
        <v>9.4493302665403878</v>
      </c>
    </row>
    <row r="16275" spans="1:10" x14ac:dyDescent="0.35">
      <c r="A16275" t="s">
        <v>62</v>
      </c>
      <c r="B16275" t="s">
        <v>89</v>
      </c>
      <c r="C16275" t="s">
        <v>117</v>
      </c>
      <c r="D16275" t="s">
        <v>118</v>
      </c>
      <c r="E16275" s="6">
        <v>2021</v>
      </c>
      <c r="F16275" s="6">
        <v>2021</v>
      </c>
      <c r="G16275" t="s">
        <v>126</v>
      </c>
      <c r="H16275" t="s">
        <v>120</v>
      </c>
      <c r="I16275" t="s">
        <v>15</v>
      </c>
      <c r="J16275" s="10">
        <v>8.4866923914118928</v>
      </c>
    </row>
    <row r="16276" spans="1:10" x14ac:dyDescent="0.35">
      <c r="A16276" t="s">
        <v>26</v>
      </c>
      <c r="B16276" t="s">
        <v>90</v>
      </c>
      <c r="C16276" t="s">
        <v>117</v>
      </c>
      <c r="D16276" t="s">
        <v>118</v>
      </c>
      <c r="E16276" s="6">
        <v>2021</v>
      </c>
      <c r="F16276" s="6">
        <v>2021</v>
      </c>
      <c r="G16276" t="s">
        <v>126</v>
      </c>
      <c r="H16276" t="s">
        <v>120</v>
      </c>
      <c r="I16276" t="s">
        <v>15</v>
      </c>
      <c r="J16276" s="10">
        <v>8.4792219274977896</v>
      </c>
    </row>
    <row r="16277" spans="1:10" x14ac:dyDescent="0.35">
      <c r="A16277" t="s">
        <v>26</v>
      </c>
      <c r="B16277" t="s">
        <v>91</v>
      </c>
      <c r="C16277" t="s">
        <v>117</v>
      </c>
      <c r="D16277" t="s">
        <v>118</v>
      </c>
      <c r="E16277" s="6">
        <v>2021</v>
      </c>
      <c r="F16277" s="6">
        <v>2021</v>
      </c>
      <c r="G16277" t="s">
        <v>126</v>
      </c>
      <c r="H16277" t="s">
        <v>120</v>
      </c>
      <c r="I16277" t="s">
        <v>15</v>
      </c>
      <c r="J16277" s="10">
        <v>8.1849445930454721</v>
      </c>
    </row>
    <row r="16278" spans="1:10" x14ac:dyDescent="0.35">
      <c r="A16278" t="s">
        <v>33</v>
      </c>
      <c r="B16278" t="s">
        <v>92</v>
      </c>
      <c r="C16278" t="s">
        <v>117</v>
      </c>
      <c r="D16278" t="s">
        <v>118</v>
      </c>
      <c r="E16278" s="6">
        <v>2021</v>
      </c>
      <c r="F16278" s="6">
        <v>2021</v>
      </c>
      <c r="G16278" t="s">
        <v>126</v>
      </c>
      <c r="H16278" t="s">
        <v>120</v>
      </c>
      <c r="I16278" t="s">
        <v>15</v>
      </c>
      <c r="J16278" s="10">
        <v>11.26391617550753</v>
      </c>
    </row>
    <row r="16279" spans="1:10" x14ac:dyDescent="0.35">
      <c r="A16279" t="s">
        <v>35</v>
      </c>
      <c r="B16279" t="s">
        <v>93</v>
      </c>
      <c r="C16279" t="s">
        <v>117</v>
      </c>
      <c r="D16279" t="s">
        <v>118</v>
      </c>
      <c r="E16279" s="6">
        <v>2021</v>
      </c>
      <c r="F16279" s="6">
        <v>2021</v>
      </c>
      <c r="G16279" t="s">
        <v>126</v>
      </c>
      <c r="H16279" t="s">
        <v>120</v>
      </c>
      <c r="I16279" t="s">
        <v>15</v>
      </c>
      <c r="J16279" s="10">
        <v>8.3172380492515696</v>
      </c>
    </row>
    <row r="16280" spans="1:10" x14ac:dyDescent="0.35">
      <c r="A16280" t="s">
        <v>20</v>
      </c>
      <c r="B16280" t="s">
        <v>94</v>
      </c>
      <c r="C16280" t="s">
        <v>117</v>
      </c>
      <c r="D16280" t="s">
        <v>118</v>
      </c>
      <c r="E16280" s="6">
        <v>2021</v>
      </c>
      <c r="F16280" s="6">
        <v>2021</v>
      </c>
      <c r="G16280" t="s">
        <v>126</v>
      </c>
      <c r="H16280" t="s">
        <v>120</v>
      </c>
      <c r="I16280" t="s">
        <v>15</v>
      </c>
      <c r="J16280" s="10">
        <v>9.8974412641933966</v>
      </c>
    </row>
    <row r="16281" spans="1:10" x14ac:dyDescent="0.35">
      <c r="A16281" t="s">
        <v>10</v>
      </c>
      <c r="B16281" t="s">
        <v>11</v>
      </c>
      <c r="C16281" t="s">
        <v>117</v>
      </c>
      <c r="D16281" t="s">
        <v>118</v>
      </c>
      <c r="E16281" s="6">
        <v>2021</v>
      </c>
      <c r="F16281" s="6">
        <v>2021</v>
      </c>
      <c r="G16281" t="s">
        <v>14</v>
      </c>
      <c r="H16281" t="s">
        <v>120</v>
      </c>
      <c r="I16281" t="s">
        <v>15</v>
      </c>
      <c r="J16281" s="10">
        <v>17.455268389662031</v>
      </c>
    </row>
    <row r="16282" spans="1:10" x14ac:dyDescent="0.35">
      <c r="A16282" t="s">
        <v>10</v>
      </c>
      <c r="B16282" t="s">
        <v>16</v>
      </c>
      <c r="C16282" t="s">
        <v>117</v>
      </c>
      <c r="D16282" t="s">
        <v>118</v>
      </c>
      <c r="E16282" s="6">
        <v>2021</v>
      </c>
      <c r="F16282" s="6">
        <v>2021</v>
      </c>
      <c r="G16282" t="s">
        <v>14</v>
      </c>
      <c r="H16282" t="s">
        <v>120</v>
      </c>
      <c r="I16282" t="s">
        <v>15</v>
      </c>
      <c r="J16282" s="10">
        <v>7.2608158220024723</v>
      </c>
    </row>
    <row r="16283" spans="1:10" x14ac:dyDescent="0.35">
      <c r="A16283" t="s">
        <v>10</v>
      </c>
      <c r="B16283" t="s">
        <v>17</v>
      </c>
      <c r="C16283" t="s">
        <v>117</v>
      </c>
      <c r="D16283" t="s">
        <v>118</v>
      </c>
      <c r="E16283" s="6">
        <v>2021</v>
      </c>
      <c r="F16283" s="6">
        <v>2021</v>
      </c>
      <c r="G16283" t="s">
        <v>14</v>
      </c>
      <c r="H16283" t="s">
        <v>120</v>
      </c>
      <c r="I16283" t="s">
        <v>15</v>
      </c>
      <c r="J16283" s="10">
        <v>7.5975734541733662</v>
      </c>
    </row>
    <row r="16284" spans="1:10" x14ac:dyDescent="0.35">
      <c r="A16284" t="s">
        <v>10</v>
      </c>
      <c r="B16284" t="s">
        <v>18</v>
      </c>
      <c r="C16284" t="s">
        <v>117</v>
      </c>
      <c r="D16284" t="s">
        <v>118</v>
      </c>
      <c r="E16284" s="6">
        <v>2021</v>
      </c>
      <c r="F16284" s="6">
        <v>2021</v>
      </c>
      <c r="G16284" t="s">
        <v>14</v>
      </c>
      <c r="H16284" t="s">
        <v>120</v>
      </c>
      <c r="I16284" t="s">
        <v>15</v>
      </c>
      <c r="J16284" s="10">
        <v>8.4914535657996026</v>
      </c>
    </row>
    <row r="16285" spans="1:10" x14ac:dyDescent="0.35">
      <c r="A16285" t="s">
        <v>10</v>
      </c>
      <c r="B16285" t="s">
        <v>19</v>
      </c>
      <c r="C16285" t="s">
        <v>117</v>
      </c>
      <c r="D16285" t="s">
        <v>118</v>
      </c>
      <c r="E16285" s="6">
        <v>2021</v>
      </c>
      <c r="F16285" s="6">
        <v>2021</v>
      </c>
      <c r="G16285" t="s">
        <v>14</v>
      </c>
      <c r="H16285" t="s">
        <v>120</v>
      </c>
      <c r="I16285" t="s">
        <v>15</v>
      </c>
      <c r="J16285" s="10">
        <v>8.4308767173283972</v>
      </c>
    </row>
    <row r="16286" spans="1:10" x14ac:dyDescent="0.35">
      <c r="A16286" t="s">
        <v>20</v>
      </c>
      <c r="B16286" t="s">
        <v>21</v>
      </c>
      <c r="C16286" t="s">
        <v>117</v>
      </c>
      <c r="D16286" t="s">
        <v>118</v>
      </c>
      <c r="E16286" s="6">
        <v>2021</v>
      </c>
      <c r="F16286" s="6">
        <v>2021</v>
      </c>
      <c r="G16286" t="s">
        <v>14</v>
      </c>
      <c r="H16286" t="s">
        <v>120</v>
      </c>
      <c r="I16286" t="s">
        <v>15</v>
      </c>
      <c r="J16286" s="10">
        <v>10.371906107553144</v>
      </c>
    </row>
    <row r="16287" spans="1:10" x14ac:dyDescent="0.35">
      <c r="A16287" t="s">
        <v>22</v>
      </c>
      <c r="B16287" t="s">
        <v>23</v>
      </c>
      <c r="C16287" t="s">
        <v>117</v>
      </c>
      <c r="D16287" t="s">
        <v>118</v>
      </c>
      <c r="E16287" s="6">
        <v>2021</v>
      </c>
      <c r="F16287" s="6">
        <v>2021</v>
      </c>
      <c r="G16287" t="s">
        <v>14</v>
      </c>
      <c r="H16287" t="s">
        <v>120</v>
      </c>
      <c r="I16287" t="s">
        <v>15</v>
      </c>
      <c r="J16287" s="10">
        <v>10.679238891084637</v>
      </c>
    </row>
    <row r="16288" spans="1:10" x14ac:dyDescent="0.35">
      <c r="A16288" t="s">
        <v>10</v>
      </c>
      <c r="B16288" t="s">
        <v>24</v>
      </c>
      <c r="C16288" t="s">
        <v>117</v>
      </c>
      <c r="D16288" t="s">
        <v>118</v>
      </c>
      <c r="E16288" s="6">
        <v>2021</v>
      </c>
      <c r="F16288" s="6">
        <v>2021</v>
      </c>
      <c r="G16288" t="s">
        <v>14</v>
      </c>
      <c r="H16288" t="s">
        <v>120</v>
      </c>
      <c r="I16288" t="s">
        <v>15</v>
      </c>
      <c r="J16288" s="10">
        <v>8.9764649239570637</v>
      </c>
    </row>
    <row r="16289" spans="1:10" x14ac:dyDescent="0.35">
      <c r="A16289" t="s">
        <v>10</v>
      </c>
      <c r="B16289" t="s">
        <v>25</v>
      </c>
      <c r="C16289" t="s">
        <v>117</v>
      </c>
      <c r="D16289" t="s">
        <v>118</v>
      </c>
      <c r="E16289" s="6">
        <v>2021</v>
      </c>
      <c r="F16289" s="6">
        <v>2021</v>
      </c>
      <c r="G16289" t="s">
        <v>14</v>
      </c>
      <c r="H16289" t="s">
        <v>120</v>
      </c>
      <c r="I16289" t="s">
        <v>15</v>
      </c>
      <c r="J16289" s="10">
        <v>9.1586417314790847</v>
      </c>
    </row>
    <row r="16290" spans="1:10" x14ac:dyDescent="0.35">
      <c r="A16290" t="s">
        <v>26</v>
      </c>
      <c r="B16290" t="s">
        <v>27</v>
      </c>
      <c r="C16290" t="s">
        <v>117</v>
      </c>
      <c r="D16290" t="s">
        <v>118</v>
      </c>
      <c r="E16290" s="6">
        <v>2021</v>
      </c>
      <c r="F16290" s="6">
        <v>2021</v>
      </c>
      <c r="G16290" t="s">
        <v>14</v>
      </c>
      <c r="H16290" t="s">
        <v>120</v>
      </c>
      <c r="I16290" t="s">
        <v>15</v>
      </c>
      <c r="J16290" s="10">
        <v>8.2171364223495509</v>
      </c>
    </row>
    <row r="16291" spans="1:10" x14ac:dyDescent="0.35">
      <c r="A16291" t="s">
        <v>28</v>
      </c>
      <c r="B16291" t="s">
        <v>29</v>
      </c>
      <c r="C16291" t="s">
        <v>117</v>
      </c>
      <c r="D16291" t="s">
        <v>118</v>
      </c>
      <c r="E16291" s="6">
        <v>2021</v>
      </c>
      <c r="F16291" s="6">
        <v>2021</v>
      </c>
      <c r="G16291" t="s">
        <v>14</v>
      </c>
      <c r="H16291" t="s">
        <v>120</v>
      </c>
      <c r="I16291" t="s">
        <v>15</v>
      </c>
      <c r="J16291" s="10">
        <v>9.0368306113425962</v>
      </c>
    </row>
    <row r="16292" spans="1:10" x14ac:dyDescent="0.35">
      <c r="A16292" t="s">
        <v>10</v>
      </c>
      <c r="B16292" t="s">
        <v>30</v>
      </c>
      <c r="C16292" t="s">
        <v>117</v>
      </c>
      <c r="D16292" t="s">
        <v>118</v>
      </c>
      <c r="E16292" s="6">
        <v>2021</v>
      </c>
      <c r="F16292" s="6">
        <v>2021</v>
      </c>
      <c r="G16292" t="s">
        <v>14</v>
      </c>
      <c r="H16292" t="s">
        <v>120</v>
      </c>
      <c r="I16292" t="s">
        <v>15</v>
      </c>
      <c r="J16292" s="10">
        <v>9.1218813797491851</v>
      </c>
    </row>
    <row r="16293" spans="1:10" x14ac:dyDescent="0.35">
      <c r="A16293" t="s">
        <v>26</v>
      </c>
      <c r="B16293" t="s">
        <v>31</v>
      </c>
      <c r="C16293" t="s">
        <v>117</v>
      </c>
      <c r="D16293" t="s">
        <v>118</v>
      </c>
      <c r="E16293" s="6">
        <v>2021</v>
      </c>
      <c r="F16293" s="6">
        <v>2021</v>
      </c>
      <c r="G16293" t="s">
        <v>14</v>
      </c>
      <c r="H16293" t="s">
        <v>120</v>
      </c>
      <c r="I16293" t="s">
        <v>15</v>
      </c>
      <c r="J16293" s="10">
        <v>8.7962303903425099</v>
      </c>
    </row>
    <row r="16294" spans="1:10" x14ac:dyDescent="0.35">
      <c r="A16294" t="s">
        <v>28</v>
      </c>
      <c r="B16294" t="s">
        <v>32</v>
      </c>
      <c r="C16294" t="s">
        <v>117</v>
      </c>
      <c r="D16294" t="s">
        <v>118</v>
      </c>
      <c r="E16294" s="6">
        <v>2021</v>
      </c>
      <c r="F16294" s="6">
        <v>2021</v>
      </c>
      <c r="G16294" t="s">
        <v>14</v>
      </c>
      <c r="H16294" t="s">
        <v>120</v>
      </c>
      <c r="I16294" t="s">
        <v>15</v>
      </c>
      <c r="J16294" s="10">
        <v>9.1119146769708745</v>
      </c>
    </row>
    <row r="16295" spans="1:10" x14ac:dyDescent="0.35">
      <c r="A16295" t="s">
        <v>33</v>
      </c>
      <c r="B16295" t="s">
        <v>34</v>
      </c>
      <c r="C16295" t="s">
        <v>117</v>
      </c>
      <c r="D16295" t="s">
        <v>118</v>
      </c>
      <c r="E16295" s="6">
        <v>2021</v>
      </c>
      <c r="F16295" s="6">
        <v>2021</v>
      </c>
      <c r="G16295" t="s">
        <v>14</v>
      </c>
      <c r="H16295" t="s">
        <v>120</v>
      </c>
      <c r="I16295" t="s">
        <v>15</v>
      </c>
      <c r="J16295" s="10">
        <v>10.924591316575848</v>
      </c>
    </row>
    <row r="16296" spans="1:10" x14ac:dyDescent="0.35">
      <c r="A16296" t="s">
        <v>35</v>
      </c>
      <c r="B16296" t="s">
        <v>36</v>
      </c>
      <c r="C16296" t="s">
        <v>117</v>
      </c>
      <c r="D16296" t="s">
        <v>118</v>
      </c>
      <c r="E16296" s="6">
        <v>2021</v>
      </c>
      <c r="F16296" s="6">
        <v>2021</v>
      </c>
      <c r="G16296" t="s">
        <v>14</v>
      </c>
      <c r="H16296" t="s">
        <v>120</v>
      </c>
      <c r="I16296" t="s">
        <v>15</v>
      </c>
      <c r="J16296" s="10">
        <v>9.7595025978325012</v>
      </c>
    </row>
    <row r="16297" spans="1:10" x14ac:dyDescent="0.35">
      <c r="A16297" t="s">
        <v>28</v>
      </c>
      <c r="B16297" t="s">
        <v>37</v>
      </c>
      <c r="C16297" t="s">
        <v>117</v>
      </c>
      <c r="D16297" t="s">
        <v>118</v>
      </c>
      <c r="E16297" s="6">
        <v>2021</v>
      </c>
      <c r="F16297" s="6">
        <v>2021</v>
      </c>
      <c r="G16297" t="s">
        <v>14</v>
      </c>
      <c r="H16297" t="s">
        <v>120</v>
      </c>
      <c r="I16297" t="s">
        <v>15</v>
      </c>
      <c r="J16297" s="10">
        <v>9.2948934960120244</v>
      </c>
    </row>
    <row r="16298" spans="1:10" x14ac:dyDescent="0.35">
      <c r="A16298" t="s">
        <v>20</v>
      </c>
      <c r="B16298" t="s">
        <v>38</v>
      </c>
      <c r="C16298" t="s">
        <v>117</v>
      </c>
      <c r="D16298" t="s">
        <v>118</v>
      </c>
      <c r="E16298" s="6">
        <v>2021</v>
      </c>
      <c r="F16298" s="6">
        <v>2021</v>
      </c>
      <c r="G16298" t="s">
        <v>14</v>
      </c>
      <c r="H16298" t="s">
        <v>120</v>
      </c>
      <c r="I16298" t="s">
        <v>15</v>
      </c>
      <c r="J16298" s="10">
        <v>10.355610304170671</v>
      </c>
    </row>
    <row r="16299" spans="1:10" x14ac:dyDescent="0.35">
      <c r="A16299" t="s">
        <v>33</v>
      </c>
      <c r="B16299" t="s">
        <v>39</v>
      </c>
      <c r="C16299" t="s">
        <v>117</v>
      </c>
      <c r="D16299" t="s">
        <v>118</v>
      </c>
      <c r="E16299" s="6">
        <v>2021</v>
      </c>
      <c r="F16299" s="6">
        <v>2021</v>
      </c>
      <c r="G16299" t="s">
        <v>14</v>
      </c>
      <c r="H16299" t="s">
        <v>120</v>
      </c>
      <c r="I16299" t="s">
        <v>15</v>
      </c>
      <c r="J16299" s="10">
        <v>9.202040619886418</v>
      </c>
    </row>
    <row r="16300" spans="1:10" x14ac:dyDescent="0.35">
      <c r="A16300" t="s">
        <v>20</v>
      </c>
      <c r="B16300" t="s">
        <v>40</v>
      </c>
      <c r="C16300" t="s">
        <v>117</v>
      </c>
      <c r="D16300" t="s">
        <v>118</v>
      </c>
      <c r="E16300" s="6">
        <v>2021</v>
      </c>
      <c r="F16300" s="6">
        <v>2021</v>
      </c>
      <c r="G16300" t="s">
        <v>14</v>
      </c>
      <c r="H16300" t="s">
        <v>120</v>
      </c>
      <c r="I16300" t="s">
        <v>15</v>
      </c>
      <c r="J16300" s="10">
        <v>10.861703454296046</v>
      </c>
    </row>
    <row r="16301" spans="1:10" x14ac:dyDescent="0.35">
      <c r="A16301" t="s">
        <v>35</v>
      </c>
      <c r="B16301" t="s">
        <v>41</v>
      </c>
      <c r="C16301" t="s">
        <v>117</v>
      </c>
      <c r="D16301" t="s">
        <v>118</v>
      </c>
      <c r="E16301" s="6">
        <v>2021</v>
      </c>
      <c r="F16301" s="6">
        <v>2021</v>
      </c>
      <c r="G16301" t="s">
        <v>14</v>
      </c>
      <c r="H16301" t="s">
        <v>120</v>
      </c>
      <c r="I16301" t="s">
        <v>15</v>
      </c>
      <c r="J16301" s="10">
        <v>9.5516654297812895</v>
      </c>
    </row>
    <row r="16302" spans="1:10" x14ac:dyDescent="0.35">
      <c r="A16302" t="s">
        <v>35</v>
      </c>
      <c r="B16302" t="s">
        <v>42</v>
      </c>
      <c r="C16302" t="s">
        <v>117</v>
      </c>
      <c r="D16302" t="s">
        <v>118</v>
      </c>
      <c r="E16302" s="6">
        <v>2021</v>
      </c>
      <c r="F16302" s="6">
        <v>2021</v>
      </c>
      <c r="G16302" t="s">
        <v>14</v>
      </c>
      <c r="H16302" t="s">
        <v>120</v>
      </c>
      <c r="I16302" t="s">
        <v>15</v>
      </c>
      <c r="J16302" s="10">
        <v>9.9680911158948984</v>
      </c>
    </row>
    <row r="16303" spans="1:10" x14ac:dyDescent="0.35">
      <c r="A16303" t="s">
        <v>35</v>
      </c>
      <c r="B16303" t="s">
        <v>43</v>
      </c>
      <c r="C16303" t="s">
        <v>117</v>
      </c>
      <c r="D16303" t="s">
        <v>118</v>
      </c>
      <c r="E16303" s="6">
        <v>2021</v>
      </c>
      <c r="F16303" s="6">
        <v>2021</v>
      </c>
      <c r="G16303" t="s">
        <v>14</v>
      </c>
      <c r="H16303" t="s">
        <v>120</v>
      </c>
      <c r="I16303" t="s">
        <v>15</v>
      </c>
      <c r="J16303" s="10">
        <v>10.595498356914025</v>
      </c>
    </row>
    <row r="16304" spans="1:10" x14ac:dyDescent="0.35">
      <c r="A16304" t="s">
        <v>28</v>
      </c>
      <c r="B16304" t="s">
        <v>44</v>
      </c>
      <c r="C16304" t="s">
        <v>117</v>
      </c>
      <c r="D16304" t="s">
        <v>118</v>
      </c>
      <c r="E16304" s="6">
        <v>2021</v>
      </c>
      <c r="F16304" s="6">
        <v>2021</v>
      </c>
      <c r="G16304" t="s">
        <v>14</v>
      </c>
      <c r="H16304" t="s">
        <v>120</v>
      </c>
      <c r="I16304" t="s">
        <v>15</v>
      </c>
      <c r="J16304" s="10">
        <v>8.6826268625338354</v>
      </c>
    </row>
    <row r="16305" spans="1:10" x14ac:dyDescent="0.35">
      <c r="A16305" t="s">
        <v>10</v>
      </c>
      <c r="B16305" t="s">
        <v>45</v>
      </c>
      <c r="C16305" t="s">
        <v>117</v>
      </c>
      <c r="D16305" t="s">
        <v>118</v>
      </c>
      <c r="E16305" s="6">
        <v>2021</v>
      </c>
      <c r="F16305" s="6">
        <v>2021</v>
      </c>
      <c r="G16305" t="s">
        <v>14</v>
      </c>
      <c r="H16305" t="s">
        <v>120</v>
      </c>
      <c r="I16305" t="s">
        <v>15</v>
      </c>
      <c r="J16305" s="10">
        <v>9.4132218609691893</v>
      </c>
    </row>
    <row r="16306" spans="1:10" x14ac:dyDescent="0.35">
      <c r="A16306" t="s">
        <v>10</v>
      </c>
      <c r="B16306" t="s">
        <v>46</v>
      </c>
      <c r="C16306" t="s">
        <v>117</v>
      </c>
      <c r="D16306" t="s">
        <v>118</v>
      </c>
      <c r="E16306" s="6">
        <v>2021</v>
      </c>
      <c r="F16306" s="6">
        <v>2021</v>
      </c>
      <c r="G16306" t="s">
        <v>14</v>
      </c>
      <c r="H16306" t="s">
        <v>120</v>
      </c>
      <c r="I16306" t="s">
        <v>15</v>
      </c>
      <c r="J16306" s="10">
        <v>16.579932438601297</v>
      </c>
    </row>
    <row r="16307" spans="1:10" x14ac:dyDescent="0.35">
      <c r="A16307" t="s">
        <v>33</v>
      </c>
      <c r="B16307" t="s">
        <v>47</v>
      </c>
      <c r="C16307" t="s">
        <v>117</v>
      </c>
      <c r="D16307" t="s">
        <v>118</v>
      </c>
      <c r="E16307" s="6">
        <v>2021</v>
      </c>
      <c r="F16307" s="6">
        <v>2021</v>
      </c>
      <c r="G16307" t="s">
        <v>14</v>
      </c>
      <c r="H16307" t="s">
        <v>120</v>
      </c>
      <c r="I16307" t="s">
        <v>15</v>
      </c>
      <c r="J16307" s="10">
        <v>8.6911471101114515</v>
      </c>
    </row>
    <row r="16308" spans="1:10" x14ac:dyDescent="0.35">
      <c r="A16308" t="s">
        <v>20</v>
      </c>
      <c r="B16308" t="s">
        <v>48</v>
      </c>
      <c r="C16308" t="s">
        <v>117</v>
      </c>
      <c r="D16308" t="s">
        <v>118</v>
      </c>
      <c r="E16308" s="6">
        <v>2021</v>
      </c>
      <c r="F16308" s="6">
        <v>2021</v>
      </c>
      <c r="G16308" t="s">
        <v>14</v>
      </c>
      <c r="H16308" t="s">
        <v>120</v>
      </c>
      <c r="I16308" t="s">
        <v>15</v>
      </c>
      <c r="J16308" s="10">
        <v>9.7091225110548773</v>
      </c>
    </row>
    <row r="16309" spans="1:10" x14ac:dyDescent="0.35">
      <c r="A16309" t="s">
        <v>28</v>
      </c>
      <c r="B16309" t="s">
        <v>49</v>
      </c>
      <c r="C16309" t="s">
        <v>117</v>
      </c>
      <c r="D16309" t="s">
        <v>118</v>
      </c>
      <c r="E16309" s="6">
        <v>2021</v>
      </c>
      <c r="F16309" s="6">
        <v>2021</v>
      </c>
      <c r="G16309" t="s">
        <v>14</v>
      </c>
      <c r="H16309" t="s">
        <v>120</v>
      </c>
      <c r="I16309" t="s">
        <v>15</v>
      </c>
      <c r="J16309" s="10">
        <v>7.9475825753949261</v>
      </c>
    </row>
    <row r="16310" spans="1:10" x14ac:dyDescent="0.35">
      <c r="A16310" t="s">
        <v>35</v>
      </c>
      <c r="B16310" t="s">
        <v>50</v>
      </c>
      <c r="C16310" t="s">
        <v>117</v>
      </c>
      <c r="D16310" t="s">
        <v>118</v>
      </c>
      <c r="E16310" s="6">
        <v>2021</v>
      </c>
      <c r="F16310" s="6">
        <v>2021</v>
      </c>
      <c r="G16310" t="s">
        <v>14</v>
      </c>
      <c r="H16310" t="s">
        <v>120</v>
      </c>
      <c r="I16310" t="s">
        <v>15</v>
      </c>
      <c r="J16310" s="10">
        <v>9.9460421649885973</v>
      </c>
    </row>
    <row r="16311" spans="1:10" x14ac:dyDescent="0.35">
      <c r="A16311" t="s">
        <v>22</v>
      </c>
      <c r="B16311" t="s">
        <v>51</v>
      </c>
      <c r="C16311" t="s">
        <v>117</v>
      </c>
      <c r="D16311" t="s">
        <v>118</v>
      </c>
      <c r="E16311" s="6">
        <v>2021</v>
      </c>
      <c r="F16311" s="6">
        <v>2021</v>
      </c>
      <c r="G16311" t="s">
        <v>14</v>
      </c>
      <c r="H16311" t="s">
        <v>120</v>
      </c>
      <c r="I16311" t="s">
        <v>15</v>
      </c>
      <c r="J16311" s="10">
        <v>23.009650823409107</v>
      </c>
    </row>
    <row r="16312" spans="1:10" x14ac:dyDescent="0.35">
      <c r="A16312" t="s">
        <v>22</v>
      </c>
      <c r="B16312" t="s">
        <v>52</v>
      </c>
      <c r="C16312" t="s">
        <v>117</v>
      </c>
      <c r="D16312" t="s">
        <v>118</v>
      </c>
      <c r="E16312" s="6">
        <v>2021</v>
      </c>
      <c r="F16312" s="6">
        <v>2021</v>
      </c>
      <c r="G16312" t="s">
        <v>14</v>
      </c>
      <c r="H16312" t="s">
        <v>120</v>
      </c>
      <c r="I16312" t="s">
        <v>15</v>
      </c>
      <c r="J16312" s="10">
        <v>7.546738384817238</v>
      </c>
    </row>
    <row r="16313" spans="1:10" x14ac:dyDescent="0.35">
      <c r="A16313" t="s">
        <v>22</v>
      </c>
      <c r="B16313" t="s">
        <v>53</v>
      </c>
      <c r="C16313" t="s">
        <v>117</v>
      </c>
      <c r="D16313" t="s">
        <v>118</v>
      </c>
      <c r="E16313" s="6">
        <v>2021</v>
      </c>
      <c r="F16313" s="6">
        <v>2021</v>
      </c>
      <c r="G16313" t="s">
        <v>14</v>
      </c>
      <c r="H16313" t="s">
        <v>120</v>
      </c>
      <c r="I16313" t="s">
        <v>15</v>
      </c>
      <c r="J16313" s="10">
        <v>7.4275437218340432</v>
      </c>
    </row>
    <row r="16314" spans="1:10" x14ac:dyDescent="0.35">
      <c r="A16314" t="s">
        <v>22</v>
      </c>
      <c r="B16314" t="s">
        <v>54</v>
      </c>
      <c r="C16314" t="s">
        <v>117</v>
      </c>
      <c r="D16314" t="s">
        <v>118</v>
      </c>
      <c r="E16314" s="6">
        <v>2021</v>
      </c>
      <c r="F16314" s="6">
        <v>2021</v>
      </c>
      <c r="G16314" t="s">
        <v>14</v>
      </c>
      <c r="H16314" t="s">
        <v>120</v>
      </c>
      <c r="I16314" t="s">
        <v>15</v>
      </c>
      <c r="J16314" s="10">
        <v>9.985321384425216</v>
      </c>
    </row>
    <row r="16315" spans="1:10" x14ac:dyDescent="0.35">
      <c r="A16315" t="s">
        <v>22</v>
      </c>
      <c r="B16315" t="s">
        <v>55</v>
      </c>
      <c r="C16315" t="s">
        <v>117</v>
      </c>
      <c r="D16315" t="s">
        <v>118</v>
      </c>
      <c r="E16315" s="6">
        <v>2021</v>
      </c>
      <c r="F16315" s="6">
        <v>2021</v>
      </c>
      <c r="G16315" t="s">
        <v>14</v>
      </c>
      <c r="H16315" t="s">
        <v>120</v>
      </c>
      <c r="I16315" t="s">
        <v>15</v>
      </c>
      <c r="J16315" s="10">
        <v>14.129660413203515</v>
      </c>
    </row>
    <row r="16316" spans="1:10" x14ac:dyDescent="0.35">
      <c r="A16316" t="s">
        <v>22</v>
      </c>
      <c r="B16316" t="s">
        <v>56</v>
      </c>
      <c r="C16316" t="s">
        <v>117</v>
      </c>
      <c r="D16316" t="s">
        <v>118</v>
      </c>
      <c r="E16316" s="6">
        <v>2021</v>
      </c>
      <c r="F16316" s="6">
        <v>2021</v>
      </c>
      <c r="G16316" t="s">
        <v>14</v>
      </c>
      <c r="H16316" t="s">
        <v>120</v>
      </c>
      <c r="I16316" t="s">
        <v>15</v>
      </c>
      <c r="J16316" s="10">
        <v>7.2269199582995478</v>
      </c>
    </row>
    <row r="16317" spans="1:10" x14ac:dyDescent="0.35">
      <c r="A16317" t="s">
        <v>28</v>
      </c>
      <c r="B16317" t="s">
        <v>58</v>
      </c>
      <c r="C16317" t="s">
        <v>117</v>
      </c>
      <c r="D16317" t="s">
        <v>118</v>
      </c>
      <c r="E16317" s="6">
        <v>2021</v>
      </c>
      <c r="F16317" s="6">
        <v>2021</v>
      </c>
      <c r="G16317" t="s">
        <v>14</v>
      </c>
      <c r="H16317" t="s">
        <v>120</v>
      </c>
      <c r="I16317" t="s">
        <v>15</v>
      </c>
      <c r="J16317" s="10">
        <v>8.3067889908256873</v>
      </c>
    </row>
    <row r="16318" spans="1:10" x14ac:dyDescent="0.35">
      <c r="A16318" t="s">
        <v>20</v>
      </c>
      <c r="B16318" t="s">
        <v>59</v>
      </c>
      <c r="C16318" t="s">
        <v>117</v>
      </c>
      <c r="D16318" t="s">
        <v>118</v>
      </c>
      <c r="E16318" s="6">
        <v>2021</v>
      </c>
      <c r="F16318" s="6">
        <v>2021</v>
      </c>
      <c r="G16318" t="s">
        <v>14</v>
      </c>
      <c r="H16318" t="s">
        <v>120</v>
      </c>
      <c r="I16318" t="s">
        <v>15</v>
      </c>
      <c r="J16318" s="10">
        <v>9.4168514687116716</v>
      </c>
    </row>
    <row r="16319" spans="1:10" x14ac:dyDescent="0.35">
      <c r="A16319" t="s">
        <v>20</v>
      </c>
      <c r="B16319" t="s">
        <v>60</v>
      </c>
      <c r="C16319" t="s">
        <v>117</v>
      </c>
      <c r="D16319" t="s">
        <v>118</v>
      </c>
      <c r="E16319" s="6">
        <v>2021</v>
      </c>
      <c r="F16319" s="6">
        <v>2021</v>
      </c>
      <c r="G16319" t="s">
        <v>14</v>
      </c>
      <c r="H16319" t="s">
        <v>120</v>
      </c>
      <c r="I16319" t="s">
        <v>15</v>
      </c>
      <c r="J16319" s="10">
        <v>9.7045622194716383</v>
      </c>
    </row>
    <row r="16320" spans="1:10" x14ac:dyDescent="0.35">
      <c r="A16320" t="s">
        <v>28</v>
      </c>
      <c r="B16320" t="s">
        <v>61</v>
      </c>
      <c r="C16320" t="s">
        <v>117</v>
      </c>
      <c r="D16320" t="s">
        <v>118</v>
      </c>
      <c r="E16320" s="6">
        <v>2021</v>
      </c>
      <c r="F16320" s="6">
        <v>2021</v>
      </c>
      <c r="G16320" t="s">
        <v>14</v>
      </c>
      <c r="H16320" t="s">
        <v>120</v>
      </c>
      <c r="I16320" t="s">
        <v>15</v>
      </c>
      <c r="J16320" s="10">
        <v>8.6263826977051341</v>
      </c>
    </row>
    <row r="16321" spans="1:10" x14ac:dyDescent="0.35">
      <c r="A16321" t="s">
        <v>62</v>
      </c>
      <c r="B16321" t="s">
        <v>63</v>
      </c>
      <c r="C16321" t="s">
        <v>117</v>
      </c>
      <c r="D16321" t="s">
        <v>118</v>
      </c>
      <c r="E16321" s="6">
        <v>2021</v>
      </c>
      <c r="F16321" s="6">
        <v>2021</v>
      </c>
      <c r="G16321" t="s">
        <v>14</v>
      </c>
      <c r="H16321" t="s">
        <v>120</v>
      </c>
      <c r="I16321" t="s">
        <v>15</v>
      </c>
      <c r="J16321" s="10">
        <v>8.4961574832514231</v>
      </c>
    </row>
    <row r="16322" spans="1:10" x14ac:dyDescent="0.35">
      <c r="A16322" t="s">
        <v>62</v>
      </c>
      <c r="B16322" t="s">
        <v>64</v>
      </c>
      <c r="C16322" t="s">
        <v>117</v>
      </c>
      <c r="D16322" t="s">
        <v>118</v>
      </c>
      <c r="E16322" s="6">
        <v>2021</v>
      </c>
      <c r="F16322" s="6">
        <v>2021</v>
      </c>
      <c r="G16322" t="s">
        <v>14</v>
      </c>
      <c r="H16322" t="s">
        <v>120</v>
      </c>
      <c r="I16322" t="s">
        <v>15</v>
      </c>
      <c r="J16322" s="10">
        <v>7.9122225329232077</v>
      </c>
    </row>
    <row r="16323" spans="1:10" x14ac:dyDescent="0.35">
      <c r="A16323" t="s">
        <v>62</v>
      </c>
      <c r="B16323" t="s">
        <v>65</v>
      </c>
      <c r="C16323" t="s">
        <v>117</v>
      </c>
      <c r="D16323" t="s">
        <v>118</v>
      </c>
      <c r="E16323" s="6">
        <v>2021</v>
      </c>
      <c r="F16323" s="6">
        <v>2021</v>
      </c>
      <c r="G16323" t="s">
        <v>14</v>
      </c>
      <c r="H16323" t="s">
        <v>120</v>
      </c>
      <c r="I16323" t="s">
        <v>15</v>
      </c>
      <c r="J16323" s="10">
        <v>27.377699333340423</v>
      </c>
    </row>
    <row r="16324" spans="1:10" x14ac:dyDescent="0.35">
      <c r="A16324" t="s">
        <v>62</v>
      </c>
      <c r="B16324" t="s">
        <v>66</v>
      </c>
      <c r="C16324" t="s">
        <v>117</v>
      </c>
      <c r="D16324" t="s">
        <v>118</v>
      </c>
      <c r="E16324" s="6">
        <v>2021</v>
      </c>
      <c r="F16324" s="6">
        <v>2021</v>
      </c>
      <c r="G16324" t="s">
        <v>14</v>
      </c>
      <c r="H16324" t="s">
        <v>120</v>
      </c>
      <c r="I16324" t="s">
        <v>15</v>
      </c>
      <c r="J16324" s="10">
        <v>9.6335022955866343</v>
      </c>
    </row>
    <row r="16325" spans="1:10" x14ac:dyDescent="0.35">
      <c r="A16325" t="s">
        <v>62</v>
      </c>
      <c r="B16325" t="s">
        <v>67</v>
      </c>
      <c r="C16325" t="s">
        <v>117</v>
      </c>
      <c r="D16325" t="s">
        <v>118</v>
      </c>
      <c r="E16325" s="6">
        <v>2021</v>
      </c>
      <c r="F16325" s="6">
        <v>2021</v>
      </c>
      <c r="G16325" t="s">
        <v>14</v>
      </c>
      <c r="H16325" t="s">
        <v>120</v>
      </c>
      <c r="I16325" t="s">
        <v>15</v>
      </c>
      <c r="J16325" s="10">
        <v>9.1188637112420832</v>
      </c>
    </row>
    <row r="16326" spans="1:10" x14ac:dyDescent="0.35">
      <c r="A16326" t="s">
        <v>62</v>
      </c>
      <c r="B16326" t="s">
        <v>68</v>
      </c>
      <c r="C16326" t="s">
        <v>117</v>
      </c>
      <c r="D16326" t="s">
        <v>118</v>
      </c>
      <c r="E16326" s="6">
        <v>2021</v>
      </c>
      <c r="F16326" s="6">
        <v>2021</v>
      </c>
      <c r="G16326" t="s">
        <v>14</v>
      </c>
      <c r="H16326" t="s">
        <v>120</v>
      </c>
      <c r="I16326" t="s">
        <v>15</v>
      </c>
      <c r="J16326" s="10">
        <v>9.6687739635561591</v>
      </c>
    </row>
    <row r="16327" spans="1:10" x14ac:dyDescent="0.35">
      <c r="A16327" t="s">
        <v>62</v>
      </c>
      <c r="B16327" t="s">
        <v>69</v>
      </c>
      <c r="C16327" t="s">
        <v>117</v>
      </c>
      <c r="D16327" t="s">
        <v>118</v>
      </c>
      <c r="E16327" s="6">
        <v>2021</v>
      </c>
      <c r="F16327" s="6">
        <v>2021</v>
      </c>
      <c r="G16327" t="s">
        <v>14</v>
      </c>
      <c r="H16327" t="s">
        <v>120</v>
      </c>
      <c r="I16327" t="s">
        <v>15</v>
      </c>
      <c r="J16327" s="10">
        <v>11.101135591575268</v>
      </c>
    </row>
    <row r="16328" spans="1:10" x14ac:dyDescent="0.35">
      <c r="A16328" t="s">
        <v>62</v>
      </c>
      <c r="B16328" t="s">
        <v>70</v>
      </c>
      <c r="C16328" t="s">
        <v>117</v>
      </c>
      <c r="D16328" t="s">
        <v>118</v>
      </c>
      <c r="E16328" s="6">
        <v>2021</v>
      </c>
      <c r="F16328" s="6">
        <v>2021</v>
      </c>
      <c r="G16328" t="s">
        <v>14</v>
      </c>
      <c r="H16328" t="s">
        <v>120</v>
      </c>
      <c r="I16328" t="s">
        <v>15</v>
      </c>
      <c r="J16328" s="10">
        <v>8.9766189753891137</v>
      </c>
    </row>
    <row r="16329" spans="1:10" x14ac:dyDescent="0.35">
      <c r="A16329" t="s">
        <v>35</v>
      </c>
      <c r="B16329" t="s">
        <v>71</v>
      </c>
      <c r="C16329" t="s">
        <v>117</v>
      </c>
      <c r="D16329" t="s">
        <v>118</v>
      </c>
      <c r="E16329" s="6">
        <v>2021</v>
      </c>
      <c r="F16329" s="6">
        <v>2021</v>
      </c>
      <c r="G16329" t="s">
        <v>14</v>
      </c>
      <c r="H16329" t="s">
        <v>120</v>
      </c>
      <c r="I16329" t="s">
        <v>15</v>
      </c>
      <c r="J16329" s="10">
        <v>9.502142077114776</v>
      </c>
    </row>
    <row r="16330" spans="1:10" x14ac:dyDescent="0.35">
      <c r="A16330" t="s">
        <v>20</v>
      </c>
      <c r="B16330" t="s">
        <v>72</v>
      </c>
      <c r="C16330" t="s">
        <v>117</v>
      </c>
      <c r="D16330" t="s">
        <v>118</v>
      </c>
      <c r="E16330" s="6">
        <v>2021</v>
      </c>
      <c r="F16330" s="6">
        <v>2021</v>
      </c>
      <c r="G16330" t="s">
        <v>14</v>
      </c>
      <c r="H16330" t="s">
        <v>120</v>
      </c>
      <c r="I16330" t="s">
        <v>15</v>
      </c>
      <c r="J16330" s="10">
        <v>9.6516352494504751</v>
      </c>
    </row>
    <row r="16331" spans="1:10" x14ac:dyDescent="0.35">
      <c r="A16331" t="s">
        <v>26</v>
      </c>
      <c r="B16331" t="s">
        <v>73</v>
      </c>
      <c r="C16331" t="s">
        <v>117</v>
      </c>
      <c r="D16331" t="s">
        <v>118</v>
      </c>
      <c r="E16331" s="6">
        <v>2021</v>
      </c>
      <c r="F16331" s="6">
        <v>2021</v>
      </c>
      <c r="G16331" t="s">
        <v>14</v>
      </c>
      <c r="H16331" t="s">
        <v>120</v>
      </c>
      <c r="I16331" t="s">
        <v>15</v>
      </c>
      <c r="J16331" s="10">
        <v>9.2848332672569498</v>
      </c>
    </row>
    <row r="16332" spans="1:10" x14ac:dyDescent="0.35">
      <c r="A16332" t="s">
        <v>28</v>
      </c>
      <c r="B16332" t="s">
        <v>74</v>
      </c>
      <c r="C16332" t="s">
        <v>117</v>
      </c>
      <c r="D16332" t="s">
        <v>118</v>
      </c>
      <c r="E16332" s="6">
        <v>2021</v>
      </c>
      <c r="F16332" s="6">
        <v>2021</v>
      </c>
      <c r="G16332" t="s">
        <v>14</v>
      </c>
      <c r="H16332" t="s">
        <v>120</v>
      </c>
      <c r="I16332" t="s">
        <v>15</v>
      </c>
      <c r="J16332" s="10">
        <v>9.526841928197241</v>
      </c>
    </row>
    <row r="16333" spans="1:10" x14ac:dyDescent="0.35">
      <c r="A16333" t="s">
        <v>33</v>
      </c>
      <c r="B16333" t="s">
        <v>75</v>
      </c>
      <c r="C16333" t="s">
        <v>117</v>
      </c>
      <c r="D16333" t="s">
        <v>118</v>
      </c>
      <c r="E16333" s="6">
        <v>2021</v>
      </c>
      <c r="F16333" s="6">
        <v>2021</v>
      </c>
      <c r="G16333" t="s">
        <v>14</v>
      </c>
      <c r="H16333" t="s">
        <v>120</v>
      </c>
      <c r="I16333" t="s">
        <v>15</v>
      </c>
      <c r="J16333" s="10">
        <v>8.9621024566749199</v>
      </c>
    </row>
    <row r="16334" spans="1:10" x14ac:dyDescent="0.35">
      <c r="A16334" t="s">
        <v>22</v>
      </c>
      <c r="B16334" t="s">
        <v>76</v>
      </c>
      <c r="C16334" t="s">
        <v>117</v>
      </c>
      <c r="D16334" t="s">
        <v>118</v>
      </c>
      <c r="E16334" s="6">
        <v>2021</v>
      </c>
      <c r="F16334" s="6">
        <v>2021</v>
      </c>
      <c r="G16334" t="s">
        <v>14</v>
      </c>
      <c r="H16334" t="s">
        <v>120</v>
      </c>
      <c r="I16334" t="s">
        <v>15</v>
      </c>
      <c r="J16334" s="10">
        <v>9.3058490079876321</v>
      </c>
    </row>
    <row r="16335" spans="1:10" x14ac:dyDescent="0.35">
      <c r="A16335" t="s">
        <v>33</v>
      </c>
      <c r="B16335" t="s">
        <v>77</v>
      </c>
      <c r="C16335" t="s">
        <v>117</v>
      </c>
      <c r="D16335" t="s">
        <v>118</v>
      </c>
      <c r="E16335" s="6">
        <v>2021</v>
      </c>
      <c r="F16335" s="6">
        <v>2021</v>
      </c>
      <c r="G16335" t="s">
        <v>14</v>
      </c>
      <c r="H16335" t="s">
        <v>120</v>
      </c>
      <c r="I16335" t="s">
        <v>15</v>
      </c>
      <c r="J16335" s="10">
        <v>8.9759287803051038</v>
      </c>
    </row>
    <row r="16336" spans="1:10" x14ac:dyDescent="0.35">
      <c r="A16336" t="s">
        <v>22</v>
      </c>
      <c r="B16336" t="s">
        <v>78</v>
      </c>
      <c r="C16336" t="s">
        <v>117</v>
      </c>
      <c r="D16336" t="s">
        <v>118</v>
      </c>
      <c r="E16336" s="6">
        <v>2021</v>
      </c>
      <c r="F16336" s="6">
        <v>2021</v>
      </c>
      <c r="G16336" t="s">
        <v>14</v>
      </c>
      <c r="H16336" t="s">
        <v>120</v>
      </c>
      <c r="I16336" t="s">
        <v>15</v>
      </c>
      <c r="J16336" s="10">
        <v>9.6736277530526085</v>
      </c>
    </row>
    <row r="16337" spans="1:10" x14ac:dyDescent="0.35">
      <c r="A16337" t="s">
        <v>28</v>
      </c>
      <c r="B16337" t="s">
        <v>79</v>
      </c>
      <c r="C16337" t="s">
        <v>117</v>
      </c>
      <c r="D16337" t="s">
        <v>118</v>
      </c>
      <c r="E16337" s="6">
        <v>2021</v>
      </c>
      <c r="F16337" s="6">
        <v>2021</v>
      </c>
      <c r="G16337" t="s">
        <v>14</v>
      </c>
      <c r="H16337" t="s">
        <v>120</v>
      </c>
      <c r="I16337" t="s">
        <v>15</v>
      </c>
      <c r="J16337" s="10">
        <v>9.2793182239239176</v>
      </c>
    </row>
    <row r="16338" spans="1:10" x14ac:dyDescent="0.35">
      <c r="A16338" t="s">
        <v>26</v>
      </c>
      <c r="B16338" t="s">
        <v>80</v>
      </c>
      <c r="C16338" t="s">
        <v>117</v>
      </c>
      <c r="D16338" t="s">
        <v>118</v>
      </c>
      <c r="E16338" s="6">
        <v>2021</v>
      </c>
      <c r="F16338" s="6">
        <v>2021</v>
      </c>
      <c r="G16338" t="s">
        <v>14</v>
      </c>
      <c r="H16338" t="s">
        <v>120</v>
      </c>
      <c r="I16338" t="s">
        <v>15</v>
      </c>
      <c r="J16338" s="10">
        <v>9.516415261756876</v>
      </c>
    </row>
    <row r="16339" spans="1:10" x14ac:dyDescent="0.35">
      <c r="A16339" t="s">
        <v>20</v>
      </c>
      <c r="B16339" t="s">
        <v>81</v>
      </c>
      <c r="C16339" t="s">
        <v>117</v>
      </c>
      <c r="D16339" t="s">
        <v>118</v>
      </c>
      <c r="E16339" s="6">
        <v>2021</v>
      </c>
      <c r="F16339" s="6">
        <v>2021</v>
      </c>
      <c r="G16339" t="s">
        <v>14</v>
      </c>
      <c r="H16339" t="s">
        <v>120</v>
      </c>
      <c r="I16339" t="s">
        <v>15</v>
      </c>
      <c r="J16339" s="10">
        <v>10.188011791680314</v>
      </c>
    </row>
    <row r="16340" spans="1:10" x14ac:dyDescent="0.35">
      <c r="A16340" t="s">
        <v>26</v>
      </c>
      <c r="B16340" t="s">
        <v>57</v>
      </c>
      <c r="C16340" t="s">
        <v>117</v>
      </c>
      <c r="D16340" t="s">
        <v>118</v>
      </c>
      <c r="E16340" s="6">
        <v>2021</v>
      </c>
      <c r="F16340" s="6">
        <v>2021</v>
      </c>
      <c r="G16340" t="s">
        <v>14</v>
      </c>
      <c r="H16340" t="s">
        <v>120</v>
      </c>
      <c r="I16340" t="s">
        <v>15</v>
      </c>
      <c r="J16340" s="10">
        <v>7.8340840840840835</v>
      </c>
    </row>
    <row r="16341" spans="1:10" x14ac:dyDescent="0.35">
      <c r="A16341" t="s">
        <v>33</v>
      </c>
      <c r="B16341" t="s">
        <v>82</v>
      </c>
      <c r="C16341" t="s">
        <v>117</v>
      </c>
      <c r="D16341" t="s">
        <v>118</v>
      </c>
      <c r="E16341" s="6">
        <v>2021</v>
      </c>
      <c r="F16341" s="6">
        <v>2021</v>
      </c>
      <c r="G16341" t="s">
        <v>14</v>
      </c>
      <c r="H16341" t="s">
        <v>120</v>
      </c>
      <c r="I16341" t="s">
        <v>15</v>
      </c>
      <c r="J16341" s="10">
        <v>16.068822387360246</v>
      </c>
    </row>
    <row r="16342" spans="1:10" x14ac:dyDescent="0.35">
      <c r="A16342" t="s">
        <v>26</v>
      </c>
      <c r="B16342" t="s">
        <v>83</v>
      </c>
      <c r="C16342" t="s">
        <v>117</v>
      </c>
      <c r="D16342" t="s">
        <v>118</v>
      </c>
      <c r="E16342" s="6">
        <v>2021</v>
      </c>
      <c r="F16342" s="6">
        <v>2021</v>
      </c>
      <c r="G16342" t="s">
        <v>14</v>
      </c>
      <c r="H16342" t="s">
        <v>120</v>
      </c>
      <c r="I16342" t="s">
        <v>15</v>
      </c>
      <c r="J16342" s="10">
        <v>8.0479148181011535</v>
      </c>
    </row>
    <row r="16343" spans="1:10" x14ac:dyDescent="0.35">
      <c r="A16343" t="s">
        <v>35</v>
      </c>
      <c r="B16343" t="s">
        <v>84</v>
      </c>
      <c r="C16343" t="s">
        <v>117</v>
      </c>
      <c r="D16343" t="s">
        <v>118</v>
      </c>
      <c r="E16343" s="6">
        <v>2021</v>
      </c>
      <c r="F16343" s="6">
        <v>2021</v>
      </c>
      <c r="G16343" t="s">
        <v>14</v>
      </c>
      <c r="H16343" t="s">
        <v>120</v>
      </c>
      <c r="I16343" t="s">
        <v>15</v>
      </c>
      <c r="J16343" s="10">
        <v>10.479529580653175</v>
      </c>
    </row>
    <row r="16344" spans="1:10" x14ac:dyDescent="0.35">
      <c r="A16344" t="s">
        <v>33</v>
      </c>
      <c r="B16344" t="s">
        <v>85</v>
      </c>
      <c r="C16344" t="s">
        <v>117</v>
      </c>
      <c r="D16344" t="s">
        <v>118</v>
      </c>
      <c r="E16344" s="6">
        <v>2021</v>
      </c>
      <c r="F16344" s="6">
        <v>2021</v>
      </c>
      <c r="G16344" t="s">
        <v>14</v>
      </c>
      <c r="H16344" t="s">
        <v>120</v>
      </c>
      <c r="I16344" t="s">
        <v>15</v>
      </c>
      <c r="J16344" s="10">
        <v>8.5389843845392015</v>
      </c>
    </row>
    <row r="16345" spans="1:10" x14ac:dyDescent="0.35">
      <c r="A16345" t="s">
        <v>33</v>
      </c>
      <c r="B16345" t="s">
        <v>86</v>
      </c>
      <c r="C16345" t="s">
        <v>117</v>
      </c>
      <c r="D16345" t="s">
        <v>118</v>
      </c>
      <c r="E16345" s="6">
        <v>2021</v>
      </c>
      <c r="F16345" s="6">
        <v>2021</v>
      </c>
      <c r="G16345" t="s">
        <v>14</v>
      </c>
      <c r="H16345" t="s">
        <v>120</v>
      </c>
      <c r="I16345" t="s">
        <v>15</v>
      </c>
      <c r="J16345" s="10">
        <v>9.4181096365838126</v>
      </c>
    </row>
    <row r="16346" spans="1:10" x14ac:dyDescent="0.35">
      <c r="A16346" t="s">
        <v>35</v>
      </c>
      <c r="B16346" t="s">
        <v>87</v>
      </c>
      <c r="C16346" t="s">
        <v>117</v>
      </c>
      <c r="D16346" t="s">
        <v>118</v>
      </c>
      <c r="E16346" s="6">
        <v>2021</v>
      </c>
      <c r="F16346" s="6">
        <v>2021</v>
      </c>
      <c r="G16346" t="s">
        <v>14</v>
      </c>
      <c r="H16346" t="s">
        <v>120</v>
      </c>
      <c r="I16346" t="s">
        <v>15</v>
      </c>
      <c r="J16346" s="10">
        <v>9.3803928630381606</v>
      </c>
    </row>
    <row r="16347" spans="1:10" x14ac:dyDescent="0.35">
      <c r="A16347" t="s">
        <v>35</v>
      </c>
      <c r="B16347" t="s">
        <v>88</v>
      </c>
      <c r="C16347" t="s">
        <v>117</v>
      </c>
      <c r="D16347" t="s">
        <v>118</v>
      </c>
      <c r="E16347" s="6">
        <v>2021</v>
      </c>
      <c r="F16347" s="6">
        <v>2021</v>
      </c>
      <c r="G16347" t="s">
        <v>14</v>
      </c>
      <c r="H16347" t="s">
        <v>120</v>
      </c>
      <c r="I16347" t="s">
        <v>15</v>
      </c>
      <c r="J16347" s="10">
        <v>9.8642674538495214</v>
      </c>
    </row>
    <row r="16348" spans="1:10" x14ac:dyDescent="0.35">
      <c r="A16348" t="s">
        <v>62</v>
      </c>
      <c r="B16348" t="s">
        <v>89</v>
      </c>
      <c r="C16348" t="s">
        <v>117</v>
      </c>
      <c r="D16348" t="s">
        <v>118</v>
      </c>
      <c r="E16348" s="6">
        <v>2021</v>
      </c>
      <c r="F16348" s="6">
        <v>2021</v>
      </c>
      <c r="G16348" t="s">
        <v>14</v>
      </c>
      <c r="H16348" t="s">
        <v>120</v>
      </c>
      <c r="I16348" t="s">
        <v>15</v>
      </c>
      <c r="J16348" s="10">
        <v>9.2424866200082327</v>
      </c>
    </row>
    <row r="16349" spans="1:10" x14ac:dyDescent="0.35">
      <c r="A16349" t="s">
        <v>26</v>
      </c>
      <c r="B16349" t="s">
        <v>90</v>
      </c>
      <c r="C16349" t="s">
        <v>117</v>
      </c>
      <c r="D16349" t="s">
        <v>118</v>
      </c>
      <c r="E16349" s="6">
        <v>2021</v>
      </c>
      <c r="F16349" s="6">
        <v>2021</v>
      </c>
      <c r="G16349" t="s">
        <v>14</v>
      </c>
      <c r="H16349" t="s">
        <v>120</v>
      </c>
      <c r="I16349" t="s">
        <v>15</v>
      </c>
      <c r="J16349" s="10">
        <v>9.0802092414995634</v>
      </c>
    </row>
    <row r="16350" spans="1:10" x14ac:dyDescent="0.35">
      <c r="A16350" t="s">
        <v>26</v>
      </c>
      <c r="B16350" t="s">
        <v>91</v>
      </c>
      <c r="C16350" t="s">
        <v>117</v>
      </c>
      <c r="D16350" t="s">
        <v>118</v>
      </c>
      <c r="E16350" s="6">
        <v>2021</v>
      </c>
      <c r="F16350" s="6">
        <v>2021</v>
      </c>
      <c r="G16350" t="s">
        <v>14</v>
      </c>
      <c r="H16350" t="s">
        <v>120</v>
      </c>
      <c r="I16350" t="s">
        <v>15</v>
      </c>
      <c r="J16350" s="10">
        <v>8.8897545773276203</v>
      </c>
    </row>
    <row r="16351" spans="1:10" x14ac:dyDescent="0.35">
      <c r="A16351" t="s">
        <v>33</v>
      </c>
      <c r="B16351" t="s">
        <v>92</v>
      </c>
      <c r="C16351" t="s">
        <v>117</v>
      </c>
      <c r="D16351" t="s">
        <v>118</v>
      </c>
      <c r="E16351" s="6">
        <v>2021</v>
      </c>
      <c r="F16351" s="6">
        <v>2021</v>
      </c>
      <c r="G16351" t="s">
        <v>14</v>
      </c>
      <c r="H16351" t="s">
        <v>120</v>
      </c>
      <c r="I16351" t="s">
        <v>15</v>
      </c>
      <c r="J16351" s="10">
        <v>11.580360167835083</v>
      </c>
    </row>
    <row r="16352" spans="1:10" x14ac:dyDescent="0.35">
      <c r="A16352" t="s">
        <v>35</v>
      </c>
      <c r="B16352" t="s">
        <v>93</v>
      </c>
      <c r="C16352" t="s">
        <v>117</v>
      </c>
      <c r="D16352" t="s">
        <v>118</v>
      </c>
      <c r="E16352" s="6">
        <v>2021</v>
      </c>
      <c r="F16352" s="6">
        <v>2021</v>
      </c>
      <c r="G16352" t="s">
        <v>14</v>
      </c>
      <c r="H16352" t="s">
        <v>120</v>
      </c>
      <c r="I16352" t="s">
        <v>15</v>
      </c>
      <c r="J16352" s="10">
        <v>9.127922902607267</v>
      </c>
    </row>
    <row r="16353" spans="1:10" x14ac:dyDescent="0.35">
      <c r="A16353" t="s">
        <v>20</v>
      </c>
      <c r="B16353" t="s">
        <v>94</v>
      </c>
      <c r="C16353" t="s">
        <v>117</v>
      </c>
      <c r="D16353" t="s">
        <v>118</v>
      </c>
      <c r="E16353" s="6">
        <v>2021</v>
      </c>
      <c r="F16353" s="6">
        <v>2021</v>
      </c>
      <c r="G16353" t="s">
        <v>14</v>
      </c>
      <c r="H16353" t="s">
        <v>120</v>
      </c>
      <c r="I16353" t="s">
        <v>15</v>
      </c>
      <c r="J16353" s="10">
        <v>10.369354470036168</v>
      </c>
    </row>
    <row r="16354" spans="1:10" x14ac:dyDescent="0.35">
      <c r="A16354" t="s">
        <v>10</v>
      </c>
      <c r="B16354" t="s">
        <v>11</v>
      </c>
      <c r="C16354" t="s">
        <v>117</v>
      </c>
      <c r="D16354" t="s">
        <v>118</v>
      </c>
      <c r="E16354" s="6">
        <v>2021</v>
      </c>
      <c r="F16354" s="6">
        <v>2021</v>
      </c>
      <c r="G16354" t="s">
        <v>14</v>
      </c>
      <c r="H16354" t="s">
        <v>121</v>
      </c>
      <c r="I16354" t="s">
        <v>15</v>
      </c>
      <c r="J16354" s="10">
        <v>43.561133200795226</v>
      </c>
    </row>
    <row r="16355" spans="1:10" x14ac:dyDescent="0.35">
      <c r="A16355" t="s">
        <v>10</v>
      </c>
      <c r="B16355" t="s">
        <v>16</v>
      </c>
      <c r="C16355" t="s">
        <v>117</v>
      </c>
      <c r="D16355" t="s">
        <v>118</v>
      </c>
      <c r="E16355" s="6">
        <v>2021</v>
      </c>
      <c r="F16355" s="6">
        <v>2021</v>
      </c>
      <c r="G16355" t="s">
        <v>14</v>
      </c>
      <c r="H16355" t="s">
        <v>121</v>
      </c>
      <c r="I16355" t="s">
        <v>15</v>
      </c>
      <c r="J16355" s="10">
        <v>36.546353522867733</v>
      </c>
    </row>
    <row r="16356" spans="1:10" x14ac:dyDescent="0.35">
      <c r="A16356" t="s">
        <v>10</v>
      </c>
      <c r="B16356" t="s">
        <v>17</v>
      </c>
      <c r="C16356" t="s">
        <v>117</v>
      </c>
      <c r="D16356" t="s">
        <v>118</v>
      </c>
      <c r="E16356" s="6">
        <v>2021</v>
      </c>
      <c r="F16356" s="6">
        <v>2021</v>
      </c>
      <c r="G16356" t="s">
        <v>14</v>
      </c>
      <c r="H16356" t="s">
        <v>121</v>
      </c>
      <c r="I16356" t="s">
        <v>15</v>
      </c>
      <c r="J16356" s="10">
        <v>35.89509330994494</v>
      </c>
    </row>
    <row r="16357" spans="1:10" x14ac:dyDescent="0.35">
      <c r="A16357" t="s">
        <v>10</v>
      </c>
      <c r="B16357" t="s">
        <v>18</v>
      </c>
      <c r="C16357" t="s">
        <v>117</v>
      </c>
      <c r="D16357" t="s">
        <v>118</v>
      </c>
      <c r="E16357" s="6">
        <v>2021</v>
      </c>
      <c r="F16357" s="6">
        <v>2021</v>
      </c>
      <c r="G16357" t="s">
        <v>14</v>
      </c>
      <c r="H16357" t="s">
        <v>121</v>
      </c>
      <c r="I16357" t="s">
        <v>15</v>
      </c>
      <c r="J16357" s="10">
        <v>30.930883233350031</v>
      </c>
    </row>
    <row r="16358" spans="1:10" x14ac:dyDescent="0.35">
      <c r="A16358" t="s">
        <v>10</v>
      </c>
      <c r="B16358" t="s">
        <v>19</v>
      </c>
      <c r="C16358" t="s">
        <v>117</v>
      </c>
      <c r="D16358" t="s">
        <v>118</v>
      </c>
      <c r="E16358" s="6">
        <v>2021</v>
      </c>
      <c r="F16358" s="6">
        <v>2021</v>
      </c>
      <c r="G16358" t="s">
        <v>14</v>
      </c>
      <c r="H16358" t="s">
        <v>121</v>
      </c>
      <c r="I16358" t="s">
        <v>15</v>
      </c>
      <c r="J16358" s="10">
        <v>29.248676972809513</v>
      </c>
    </row>
    <row r="16359" spans="1:10" x14ac:dyDescent="0.35">
      <c r="A16359" t="s">
        <v>20</v>
      </c>
      <c r="B16359" t="s">
        <v>21</v>
      </c>
      <c r="C16359" t="s">
        <v>117</v>
      </c>
      <c r="D16359" t="s">
        <v>118</v>
      </c>
      <c r="E16359" s="6">
        <v>2021</v>
      </c>
      <c r="F16359" s="6">
        <v>2021</v>
      </c>
      <c r="G16359" t="s">
        <v>14</v>
      </c>
      <c r="H16359" t="s">
        <v>121</v>
      </c>
      <c r="I16359" t="s">
        <v>15</v>
      </c>
      <c r="J16359" s="10">
        <v>32.307124295309634</v>
      </c>
    </row>
    <row r="16360" spans="1:10" x14ac:dyDescent="0.35">
      <c r="A16360" t="s">
        <v>22</v>
      </c>
      <c r="B16360" t="s">
        <v>23</v>
      </c>
      <c r="C16360" t="s">
        <v>117</v>
      </c>
      <c r="D16360" t="s">
        <v>118</v>
      </c>
      <c r="E16360" s="6">
        <v>2021</v>
      </c>
      <c r="F16360" s="6">
        <v>2021</v>
      </c>
      <c r="G16360" t="s">
        <v>14</v>
      </c>
      <c r="H16360" t="s">
        <v>121</v>
      </c>
      <c r="I16360" t="s">
        <v>15</v>
      </c>
      <c r="J16360" s="10">
        <v>32.674609000056464</v>
      </c>
    </row>
    <row r="16361" spans="1:10" x14ac:dyDescent="0.35">
      <c r="A16361" t="s">
        <v>10</v>
      </c>
      <c r="B16361" t="s">
        <v>24</v>
      </c>
      <c r="C16361" t="s">
        <v>117</v>
      </c>
      <c r="D16361" t="s">
        <v>118</v>
      </c>
      <c r="E16361" s="6">
        <v>2021</v>
      </c>
      <c r="F16361" s="6">
        <v>2021</v>
      </c>
      <c r="G16361" t="s">
        <v>14</v>
      </c>
      <c r="H16361" t="s">
        <v>121</v>
      </c>
      <c r="I16361" t="s">
        <v>15</v>
      </c>
      <c r="J16361" s="10">
        <v>28.91755643037186</v>
      </c>
    </row>
    <row r="16362" spans="1:10" x14ac:dyDescent="0.35">
      <c r="A16362" t="s">
        <v>10</v>
      </c>
      <c r="B16362" t="s">
        <v>25</v>
      </c>
      <c r="C16362" t="s">
        <v>117</v>
      </c>
      <c r="D16362" t="s">
        <v>118</v>
      </c>
      <c r="E16362" s="6">
        <v>2021</v>
      </c>
      <c r="F16362" s="6">
        <v>2021</v>
      </c>
      <c r="G16362" t="s">
        <v>14</v>
      </c>
      <c r="H16362" t="s">
        <v>121</v>
      </c>
      <c r="I16362" t="s">
        <v>15</v>
      </c>
      <c r="J16362" s="10">
        <v>27.624392170750646</v>
      </c>
    </row>
    <row r="16363" spans="1:10" x14ac:dyDescent="0.35">
      <c r="A16363" t="s">
        <v>26</v>
      </c>
      <c r="B16363" t="s">
        <v>27</v>
      </c>
      <c r="C16363" t="s">
        <v>117</v>
      </c>
      <c r="D16363" t="s">
        <v>118</v>
      </c>
      <c r="E16363" s="6">
        <v>2021</v>
      </c>
      <c r="F16363" s="6">
        <v>2021</v>
      </c>
      <c r="G16363" t="s">
        <v>14</v>
      </c>
      <c r="H16363" t="s">
        <v>121</v>
      </c>
      <c r="I16363" t="s">
        <v>15</v>
      </c>
      <c r="J16363" s="10">
        <v>25.025668201238698</v>
      </c>
    </row>
    <row r="16364" spans="1:10" x14ac:dyDescent="0.35">
      <c r="A16364" t="s">
        <v>28</v>
      </c>
      <c r="B16364" t="s">
        <v>29</v>
      </c>
      <c r="C16364" t="s">
        <v>117</v>
      </c>
      <c r="D16364" t="s">
        <v>118</v>
      </c>
      <c r="E16364" s="6">
        <v>2021</v>
      </c>
      <c r="F16364" s="6">
        <v>2021</v>
      </c>
      <c r="G16364" t="s">
        <v>14</v>
      </c>
      <c r="H16364" t="s">
        <v>121</v>
      </c>
      <c r="I16364" t="s">
        <v>15</v>
      </c>
      <c r="J16364" s="10">
        <v>26.206138881817814</v>
      </c>
    </row>
    <row r="16365" spans="1:10" x14ac:dyDescent="0.35">
      <c r="A16365" t="s">
        <v>10</v>
      </c>
      <c r="B16365" t="s">
        <v>30</v>
      </c>
      <c r="C16365" t="s">
        <v>117</v>
      </c>
      <c r="D16365" t="s">
        <v>118</v>
      </c>
      <c r="E16365" s="6">
        <v>2021</v>
      </c>
      <c r="F16365" s="6">
        <v>2021</v>
      </c>
      <c r="G16365" t="s">
        <v>14</v>
      </c>
      <c r="H16365" t="s">
        <v>121</v>
      </c>
      <c r="I16365" t="s">
        <v>15</v>
      </c>
      <c r="J16365" s="10">
        <v>30.019619800090148</v>
      </c>
    </row>
    <row r="16366" spans="1:10" x14ac:dyDescent="0.35">
      <c r="A16366" t="s">
        <v>26</v>
      </c>
      <c r="B16366" t="s">
        <v>31</v>
      </c>
      <c r="C16366" t="s">
        <v>117</v>
      </c>
      <c r="D16366" t="s">
        <v>118</v>
      </c>
      <c r="E16366" s="6">
        <v>2021</v>
      </c>
      <c r="F16366" s="6">
        <v>2021</v>
      </c>
      <c r="G16366" t="s">
        <v>14</v>
      </c>
      <c r="H16366" t="s">
        <v>121</v>
      </c>
      <c r="I16366" t="s">
        <v>15</v>
      </c>
      <c r="J16366" s="10">
        <v>26.180850155168976</v>
      </c>
    </row>
    <row r="16367" spans="1:10" x14ac:dyDescent="0.35">
      <c r="A16367" t="s">
        <v>28</v>
      </c>
      <c r="B16367" t="s">
        <v>32</v>
      </c>
      <c r="C16367" t="s">
        <v>117</v>
      </c>
      <c r="D16367" t="s">
        <v>118</v>
      </c>
      <c r="E16367" s="6">
        <v>2021</v>
      </c>
      <c r="F16367" s="6">
        <v>2021</v>
      </c>
      <c r="G16367" t="s">
        <v>14</v>
      </c>
      <c r="H16367" t="s">
        <v>121</v>
      </c>
      <c r="I16367" t="s">
        <v>15</v>
      </c>
      <c r="J16367" s="10">
        <v>27.082490241896533</v>
      </c>
    </row>
    <row r="16368" spans="1:10" x14ac:dyDescent="0.35">
      <c r="A16368" t="s">
        <v>33</v>
      </c>
      <c r="B16368" t="s">
        <v>34</v>
      </c>
      <c r="C16368" t="s">
        <v>117</v>
      </c>
      <c r="D16368" t="s">
        <v>118</v>
      </c>
      <c r="E16368" s="6">
        <v>2021</v>
      </c>
      <c r="F16368" s="6">
        <v>2021</v>
      </c>
      <c r="G16368" t="s">
        <v>14</v>
      </c>
      <c r="H16368" t="s">
        <v>121</v>
      </c>
      <c r="I16368" t="s">
        <v>15</v>
      </c>
      <c r="J16368" s="10">
        <v>28.993086072537643</v>
      </c>
    </row>
    <row r="16369" spans="1:10" x14ac:dyDescent="0.35">
      <c r="A16369" t="s">
        <v>35</v>
      </c>
      <c r="B16369" t="s">
        <v>36</v>
      </c>
      <c r="C16369" t="s">
        <v>117</v>
      </c>
      <c r="D16369" t="s">
        <v>118</v>
      </c>
      <c r="E16369" s="6">
        <v>2021</v>
      </c>
      <c r="F16369" s="6">
        <v>2021</v>
      </c>
      <c r="G16369" t="s">
        <v>14</v>
      </c>
      <c r="H16369" t="s">
        <v>121</v>
      </c>
      <c r="I16369" t="s">
        <v>15</v>
      </c>
      <c r="J16369" s="10">
        <v>28.363149638030539</v>
      </c>
    </row>
    <row r="16370" spans="1:10" x14ac:dyDescent="0.35">
      <c r="A16370" t="s">
        <v>28</v>
      </c>
      <c r="B16370" t="s">
        <v>37</v>
      </c>
      <c r="C16370" t="s">
        <v>117</v>
      </c>
      <c r="D16370" t="s">
        <v>118</v>
      </c>
      <c r="E16370" s="6">
        <v>2021</v>
      </c>
      <c r="F16370" s="6">
        <v>2021</v>
      </c>
      <c r="G16370" t="s">
        <v>14</v>
      </c>
      <c r="H16370" t="s">
        <v>121</v>
      </c>
      <c r="I16370" t="s">
        <v>15</v>
      </c>
      <c r="J16370" s="10">
        <v>28.209676764120413</v>
      </c>
    </row>
    <row r="16371" spans="1:10" x14ac:dyDescent="0.35">
      <c r="A16371" t="s">
        <v>20</v>
      </c>
      <c r="B16371" t="s">
        <v>38</v>
      </c>
      <c r="C16371" t="s">
        <v>117</v>
      </c>
      <c r="D16371" t="s">
        <v>118</v>
      </c>
      <c r="E16371" s="6">
        <v>2021</v>
      </c>
      <c r="F16371" s="6">
        <v>2021</v>
      </c>
      <c r="G16371" t="s">
        <v>14</v>
      </c>
      <c r="H16371" t="s">
        <v>121</v>
      </c>
      <c r="I16371" t="s">
        <v>15</v>
      </c>
      <c r="J16371" s="10">
        <v>32.937609140010558</v>
      </c>
    </row>
    <row r="16372" spans="1:10" x14ac:dyDescent="0.35">
      <c r="A16372" t="s">
        <v>33</v>
      </c>
      <c r="B16372" t="s">
        <v>39</v>
      </c>
      <c r="C16372" t="s">
        <v>117</v>
      </c>
      <c r="D16372" t="s">
        <v>118</v>
      </c>
      <c r="E16372" s="6">
        <v>2021</v>
      </c>
      <c r="F16372" s="6">
        <v>2021</v>
      </c>
      <c r="G16372" t="s">
        <v>14</v>
      </c>
      <c r="H16372" t="s">
        <v>121</v>
      </c>
      <c r="I16372" t="s">
        <v>15</v>
      </c>
      <c r="J16372" s="10">
        <v>31.19645779189527</v>
      </c>
    </row>
    <row r="16373" spans="1:10" x14ac:dyDescent="0.35">
      <c r="A16373" t="s">
        <v>20</v>
      </c>
      <c r="B16373" t="s">
        <v>40</v>
      </c>
      <c r="C16373" t="s">
        <v>117</v>
      </c>
      <c r="D16373" t="s">
        <v>118</v>
      </c>
      <c r="E16373" s="6">
        <v>2021</v>
      </c>
      <c r="F16373" s="6">
        <v>2021</v>
      </c>
      <c r="G16373" t="s">
        <v>14</v>
      </c>
      <c r="H16373" t="s">
        <v>121</v>
      </c>
      <c r="I16373" t="s">
        <v>15</v>
      </c>
      <c r="J16373" s="10">
        <v>30.591407906222724</v>
      </c>
    </row>
    <row r="16374" spans="1:10" x14ac:dyDescent="0.35">
      <c r="A16374" t="s">
        <v>35</v>
      </c>
      <c r="B16374" t="s">
        <v>41</v>
      </c>
      <c r="C16374" t="s">
        <v>117</v>
      </c>
      <c r="D16374" t="s">
        <v>118</v>
      </c>
      <c r="E16374" s="6">
        <v>2021</v>
      </c>
      <c r="F16374" s="6">
        <v>2021</v>
      </c>
      <c r="G16374" t="s">
        <v>14</v>
      </c>
      <c r="H16374" t="s">
        <v>121</v>
      </c>
      <c r="I16374" t="s">
        <v>15</v>
      </c>
      <c r="J16374" s="10">
        <v>25.575879279987195</v>
      </c>
    </row>
    <row r="16375" spans="1:10" x14ac:dyDescent="0.35">
      <c r="A16375" t="s">
        <v>35</v>
      </c>
      <c r="B16375" t="s">
        <v>42</v>
      </c>
      <c r="C16375" t="s">
        <v>117</v>
      </c>
      <c r="D16375" t="s">
        <v>118</v>
      </c>
      <c r="E16375" s="6">
        <v>2021</v>
      </c>
      <c r="F16375" s="6">
        <v>2021</v>
      </c>
      <c r="G16375" t="s">
        <v>14</v>
      </c>
      <c r="H16375" t="s">
        <v>121</v>
      </c>
      <c r="I16375" t="s">
        <v>15</v>
      </c>
      <c r="J16375" s="10">
        <v>29.705797035069239</v>
      </c>
    </row>
    <row r="16376" spans="1:10" x14ac:dyDescent="0.35">
      <c r="A16376" t="s">
        <v>35</v>
      </c>
      <c r="B16376" t="s">
        <v>43</v>
      </c>
      <c r="C16376" t="s">
        <v>117</v>
      </c>
      <c r="D16376" t="s">
        <v>118</v>
      </c>
      <c r="E16376" s="6">
        <v>2021</v>
      </c>
      <c r="F16376" s="6">
        <v>2021</v>
      </c>
      <c r="G16376" t="s">
        <v>14</v>
      </c>
      <c r="H16376" t="s">
        <v>121</v>
      </c>
      <c r="I16376" t="s">
        <v>15</v>
      </c>
      <c r="J16376" s="10">
        <v>29.220806005857359</v>
      </c>
    </row>
    <row r="16377" spans="1:10" x14ac:dyDescent="0.35">
      <c r="A16377" t="s">
        <v>28</v>
      </c>
      <c r="B16377" t="s">
        <v>44</v>
      </c>
      <c r="C16377" t="s">
        <v>117</v>
      </c>
      <c r="D16377" t="s">
        <v>118</v>
      </c>
      <c r="E16377" s="6">
        <v>2021</v>
      </c>
      <c r="F16377" s="6">
        <v>2021</v>
      </c>
      <c r="G16377" t="s">
        <v>14</v>
      </c>
      <c r="H16377" t="s">
        <v>121</v>
      </c>
      <c r="I16377" t="s">
        <v>15</v>
      </c>
      <c r="J16377" s="10">
        <v>25.907287204688203</v>
      </c>
    </row>
    <row r="16378" spans="1:10" x14ac:dyDescent="0.35">
      <c r="A16378" t="s">
        <v>10</v>
      </c>
      <c r="B16378" t="s">
        <v>45</v>
      </c>
      <c r="C16378" t="s">
        <v>117</v>
      </c>
      <c r="D16378" t="s">
        <v>118</v>
      </c>
      <c r="E16378" s="6">
        <v>2021</v>
      </c>
      <c r="F16378" s="6">
        <v>2021</v>
      </c>
      <c r="G16378" t="s">
        <v>14</v>
      </c>
      <c r="H16378" t="s">
        <v>121</v>
      </c>
      <c r="I16378" t="s">
        <v>15</v>
      </c>
      <c r="J16378" s="10">
        <v>35.213725738574787</v>
      </c>
    </row>
    <row r="16379" spans="1:10" x14ac:dyDescent="0.35">
      <c r="A16379" t="s">
        <v>10</v>
      </c>
      <c r="B16379" t="s">
        <v>46</v>
      </c>
      <c r="C16379" t="s">
        <v>117</v>
      </c>
      <c r="D16379" t="s">
        <v>118</v>
      </c>
      <c r="E16379" s="6">
        <v>2021</v>
      </c>
      <c r="F16379" s="6">
        <v>2021</v>
      </c>
      <c r="G16379" t="s">
        <v>14</v>
      </c>
      <c r="H16379" t="s">
        <v>121</v>
      </c>
      <c r="I16379" t="s">
        <v>15</v>
      </c>
      <c r="J16379" s="10">
        <v>33.731136935738412</v>
      </c>
    </row>
    <row r="16380" spans="1:10" x14ac:dyDescent="0.35">
      <c r="A16380" t="s">
        <v>33</v>
      </c>
      <c r="B16380" t="s">
        <v>47</v>
      </c>
      <c r="C16380" t="s">
        <v>117</v>
      </c>
      <c r="D16380" t="s">
        <v>118</v>
      </c>
      <c r="E16380" s="6">
        <v>2021</v>
      </c>
      <c r="F16380" s="6">
        <v>2021</v>
      </c>
      <c r="G16380" t="s">
        <v>14</v>
      </c>
      <c r="H16380" t="s">
        <v>121</v>
      </c>
      <c r="I16380" t="s">
        <v>15</v>
      </c>
      <c r="J16380" s="10">
        <v>32.770603250018951</v>
      </c>
    </row>
    <row r="16381" spans="1:10" x14ac:dyDescent="0.35">
      <c r="A16381" t="s">
        <v>20</v>
      </c>
      <c r="B16381" t="s">
        <v>48</v>
      </c>
      <c r="C16381" t="s">
        <v>117</v>
      </c>
      <c r="D16381" t="s">
        <v>118</v>
      </c>
      <c r="E16381" s="6">
        <v>2021</v>
      </c>
      <c r="F16381" s="6">
        <v>2021</v>
      </c>
      <c r="G16381" t="s">
        <v>14</v>
      </c>
      <c r="H16381" t="s">
        <v>121</v>
      </c>
      <c r="I16381" t="s">
        <v>15</v>
      </c>
      <c r="J16381" s="10">
        <v>30.501239679983644</v>
      </c>
    </row>
    <row r="16382" spans="1:10" x14ac:dyDescent="0.35">
      <c r="A16382" t="s">
        <v>28</v>
      </c>
      <c r="B16382" t="s">
        <v>49</v>
      </c>
      <c r="C16382" t="s">
        <v>117</v>
      </c>
      <c r="D16382" t="s">
        <v>118</v>
      </c>
      <c r="E16382" s="6">
        <v>2021</v>
      </c>
      <c r="F16382" s="6">
        <v>2021</v>
      </c>
      <c r="G16382" t="s">
        <v>14</v>
      </c>
      <c r="H16382" t="s">
        <v>121</v>
      </c>
      <c r="I16382" t="s">
        <v>15</v>
      </c>
      <c r="J16382" s="10">
        <v>29.006701771182385</v>
      </c>
    </row>
    <row r="16383" spans="1:10" x14ac:dyDescent="0.35">
      <c r="A16383" t="s">
        <v>35</v>
      </c>
      <c r="B16383" t="s">
        <v>50</v>
      </c>
      <c r="C16383" t="s">
        <v>117</v>
      </c>
      <c r="D16383" t="s">
        <v>118</v>
      </c>
      <c r="E16383" s="6">
        <v>2021</v>
      </c>
      <c r="F16383" s="6">
        <v>2021</v>
      </c>
      <c r="G16383" t="s">
        <v>14</v>
      </c>
      <c r="H16383" t="s">
        <v>121</v>
      </c>
      <c r="I16383" t="s">
        <v>15</v>
      </c>
      <c r="J16383" s="10">
        <v>27.511542526561716</v>
      </c>
    </row>
    <row r="16384" spans="1:10" x14ac:dyDescent="0.35">
      <c r="A16384" t="s">
        <v>22</v>
      </c>
      <c r="B16384" t="s">
        <v>51</v>
      </c>
      <c r="C16384" t="s">
        <v>117</v>
      </c>
      <c r="D16384" t="s">
        <v>118</v>
      </c>
      <c r="E16384" s="6">
        <v>2021</v>
      </c>
      <c r="F16384" s="6">
        <v>2021</v>
      </c>
      <c r="G16384" t="s">
        <v>14</v>
      </c>
      <c r="H16384" t="s">
        <v>121</v>
      </c>
      <c r="I16384" t="s">
        <v>15</v>
      </c>
      <c r="J16384" s="10">
        <v>43.423379279490405</v>
      </c>
    </row>
    <row r="16385" spans="1:10" x14ac:dyDescent="0.35">
      <c r="A16385" t="s">
        <v>22</v>
      </c>
      <c r="B16385" t="s">
        <v>52</v>
      </c>
      <c r="C16385" t="s">
        <v>117</v>
      </c>
      <c r="D16385" t="s">
        <v>118</v>
      </c>
      <c r="E16385" s="6">
        <v>2021</v>
      </c>
      <c r="F16385" s="6">
        <v>2021</v>
      </c>
      <c r="G16385" t="s">
        <v>14</v>
      </c>
      <c r="H16385" t="s">
        <v>121</v>
      </c>
      <c r="I16385" t="s">
        <v>15</v>
      </c>
      <c r="J16385" s="10">
        <v>39.885236441240842</v>
      </c>
    </row>
    <row r="16386" spans="1:10" x14ac:dyDescent="0.35">
      <c r="A16386" t="s">
        <v>22</v>
      </c>
      <c r="B16386" t="s">
        <v>53</v>
      </c>
      <c r="C16386" t="s">
        <v>117</v>
      </c>
      <c r="D16386" t="s">
        <v>118</v>
      </c>
      <c r="E16386" s="6">
        <v>2021</v>
      </c>
      <c r="F16386" s="6">
        <v>2021</v>
      </c>
      <c r="G16386" t="s">
        <v>14</v>
      </c>
      <c r="H16386" t="s">
        <v>121</v>
      </c>
      <c r="I16386" t="s">
        <v>15</v>
      </c>
      <c r="J16386" s="10">
        <v>51.310621408194493</v>
      </c>
    </row>
    <row r="16387" spans="1:10" x14ac:dyDescent="0.35">
      <c r="A16387" t="s">
        <v>22</v>
      </c>
      <c r="B16387" t="s">
        <v>54</v>
      </c>
      <c r="C16387" t="s">
        <v>117</v>
      </c>
      <c r="D16387" t="s">
        <v>118</v>
      </c>
      <c r="E16387" s="6">
        <v>2021</v>
      </c>
      <c r="F16387" s="6">
        <v>2021</v>
      </c>
      <c r="G16387" t="s">
        <v>14</v>
      </c>
      <c r="H16387" t="s">
        <v>121</v>
      </c>
      <c r="I16387" t="s">
        <v>15</v>
      </c>
      <c r="J16387" s="10">
        <v>34.964719818706222</v>
      </c>
    </row>
    <row r="16388" spans="1:10" x14ac:dyDescent="0.35">
      <c r="A16388" t="s">
        <v>22</v>
      </c>
      <c r="B16388" t="s">
        <v>55</v>
      </c>
      <c r="C16388" t="s">
        <v>117</v>
      </c>
      <c r="D16388" t="s">
        <v>118</v>
      </c>
      <c r="E16388" s="6">
        <v>2021</v>
      </c>
      <c r="F16388" s="6">
        <v>2021</v>
      </c>
      <c r="G16388" t="s">
        <v>14</v>
      </c>
      <c r="H16388" t="s">
        <v>121</v>
      </c>
      <c r="I16388" t="s">
        <v>15</v>
      </c>
      <c r="J16388" s="10">
        <v>38.240697921483836</v>
      </c>
    </row>
    <row r="16389" spans="1:10" x14ac:dyDescent="0.35">
      <c r="A16389" t="s">
        <v>22</v>
      </c>
      <c r="B16389" t="s">
        <v>56</v>
      </c>
      <c r="C16389" t="s">
        <v>117</v>
      </c>
      <c r="D16389" t="s">
        <v>118</v>
      </c>
      <c r="E16389" s="6">
        <v>2021</v>
      </c>
      <c r="F16389" s="6">
        <v>2021</v>
      </c>
      <c r="G16389" t="s">
        <v>14</v>
      </c>
      <c r="H16389" t="s">
        <v>121</v>
      </c>
      <c r="I16389" t="s">
        <v>15</v>
      </c>
      <c r="J16389" s="10">
        <v>35.66315301749102</v>
      </c>
    </row>
    <row r="16390" spans="1:10" x14ac:dyDescent="0.35">
      <c r="A16390" t="s">
        <v>28</v>
      </c>
      <c r="B16390" t="s">
        <v>58</v>
      </c>
      <c r="C16390" t="s">
        <v>117</v>
      </c>
      <c r="D16390" t="s">
        <v>118</v>
      </c>
      <c r="E16390" s="6">
        <v>2021</v>
      </c>
      <c r="F16390" s="6">
        <v>2021</v>
      </c>
      <c r="G16390" t="s">
        <v>14</v>
      </c>
      <c r="H16390" t="s">
        <v>121</v>
      </c>
      <c r="I16390" t="s">
        <v>15</v>
      </c>
      <c r="J16390" s="10">
        <v>24.193761467889907</v>
      </c>
    </row>
    <row r="16391" spans="1:10" x14ac:dyDescent="0.35">
      <c r="A16391" t="s">
        <v>20</v>
      </c>
      <c r="B16391" t="s">
        <v>59</v>
      </c>
      <c r="C16391" t="s">
        <v>117</v>
      </c>
      <c r="D16391" t="s">
        <v>118</v>
      </c>
      <c r="E16391" s="6">
        <v>2021</v>
      </c>
      <c r="F16391" s="6">
        <v>2021</v>
      </c>
      <c r="G16391" t="s">
        <v>14</v>
      </c>
      <c r="H16391" t="s">
        <v>121</v>
      </c>
      <c r="I16391" t="s">
        <v>15</v>
      </c>
      <c r="J16391" s="10">
        <v>31.605485833219767</v>
      </c>
    </row>
    <row r="16392" spans="1:10" x14ac:dyDescent="0.35">
      <c r="A16392" t="s">
        <v>20</v>
      </c>
      <c r="B16392" t="s">
        <v>60</v>
      </c>
      <c r="C16392" t="s">
        <v>117</v>
      </c>
      <c r="D16392" t="s">
        <v>118</v>
      </c>
      <c r="E16392" s="6">
        <v>2021</v>
      </c>
      <c r="F16392" s="6">
        <v>2021</v>
      </c>
      <c r="G16392" t="s">
        <v>14</v>
      </c>
      <c r="H16392" t="s">
        <v>121</v>
      </c>
      <c r="I16392" t="s">
        <v>15</v>
      </c>
      <c r="J16392" s="10">
        <v>32.258104847280045</v>
      </c>
    </row>
    <row r="16393" spans="1:10" x14ac:dyDescent="0.35">
      <c r="A16393" t="s">
        <v>28</v>
      </c>
      <c r="B16393" t="s">
        <v>61</v>
      </c>
      <c r="C16393" t="s">
        <v>117</v>
      </c>
      <c r="D16393" t="s">
        <v>118</v>
      </c>
      <c r="E16393" s="6">
        <v>2021</v>
      </c>
      <c r="F16393" s="6">
        <v>2021</v>
      </c>
      <c r="G16393" t="s">
        <v>14</v>
      </c>
      <c r="H16393" t="s">
        <v>121</v>
      </c>
      <c r="I16393" t="s">
        <v>15</v>
      </c>
      <c r="J16393" s="10">
        <v>25.376974299708326</v>
      </c>
    </row>
    <row r="16394" spans="1:10" x14ac:dyDescent="0.35">
      <c r="A16394" t="s">
        <v>62</v>
      </c>
      <c r="B16394" t="s">
        <v>63</v>
      </c>
      <c r="C16394" t="s">
        <v>117</v>
      </c>
      <c r="D16394" t="s">
        <v>118</v>
      </c>
      <c r="E16394" s="6">
        <v>2021</v>
      </c>
      <c r="F16394" s="6">
        <v>2021</v>
      </c>
      <c r="G16394" t="s">
        <v>14</v>
      </c>
      <c r="H16394" t="s">
        <v>121</v>
      </c>
      <c r="I16394" t="s">
        <v>15</v>
      </c>
      <c r="J16394" s="10">
        <v>38.839386795594095</v>
      </c>
    </row>
    <row r="16395" spans="1:10" x14ac:dyDescent="0.35">
      <c r="A16395" t="s">
        <v>62</v>
      </c>
      <c r="B16395" t="s">
        <v>64</v>
      </c>
      <c r="C16395" t="s">
        <v>117</v>
      </c>
      <c r="D16395" t="s">
        <v>118</v>
      </c>
      <c r="E16395" s="6">
        <v>2021</v>
      </c>
      <c r="F16395" s="6">
        <v>2021</v>
      </c>
      <c r="G16395" t="s">
        <v>14</v>
      </c>
      <c r="H16395" t="s">
        <v>121</v>
      </c>
      <c r="I16395" t="s">
        <v>15</v>
      </c>
      <c r="J16395" s="10">
        <v>41.170987629662179</v>
      </c>
    </row>
    <row r="16396" spans="1:10" x14ac:dyDescent="0.35">
      <c r="A16396" t="s">
        <v>62</v>
      </c>
      <c r="B16396" t="s">
        <v>65</v>
      </c>
      <c r="C16396" t="s">
        <v>117</v>
      </c>
      <c r="D16396" t="s">
        <v>118</v>
      </c>
      <c r="E16396" s="6">
        <v>2021</v>
      </c>
      <c r="F16396" s="6">
        <v>2021</v>
      </c>
      <c r="G16396" t="s">
        <v>14</v>
      </c>
      <c r="H16396" t="s">
        <v>121</v>
      </c>
      <c r="I16396" t="s">
        <v>15</v>
      </c>
      <c r="J16396" s="10">
        <v>43.547649679429249</v>
      </c>
    </row>
    <row r="16397" spans="1:10" x14ac:dyDescent="0.35">
      <c r="A16397" t="s">
        <v>62</v>
      </c>
      <c r="B16397" t="s">
        <v>66</v>
      </c>
      <c r="C16397" t="s">
        <v>117</v>
      </c>
      <c r="D16397" t="s">
        <v>118</v>
      </c>
      <c r="E16397" s="6">
        <v>2021</v>
      </c>
      <c r="F16397" s="6">
        <v>2021</v>
      </c>
      <c r="G16397" t="s">
        <v>14</v>
      </c>
      <c r="H16397" t="s">
        <v>121</v>
      </c>
      <c r="I16397" t="s">
        <v>15</v>
      </c>
      <c r="J16397" s="10">
        <v>40.187362331148321</v>
      </c>
    </row>
    <row r="16398" spans="1:10" x14ac:dyDescent="0.35">
      <c r="A16398" t="s">
        <v>62</v>
      </c>
      <c r="B16398" t="s">
        <v>67</v>
      </c>
      <c r="C16398" t="s">
        <v>117</v>
      </c>
      <c r="D16398" t="s">
        <v>118</v>
      </c>
      <c r="E16398" s="6">
        <v>2021</v>
      </c>
      <c r="F16398" s="6">
        <v>2021</v>
      </c>
      <c r="G16398" t="s">
        <v>14</v>
      </c>
      <c r="H16398" t="s">
        <v>121</v>
      </c>
      <c r="I16398" t="s">
        <v>15</v>
      </c>
      <c r="J16398" s="10">
        <v>36.272894778587208</v>
      </c>
    </row>
    <row r="16399" spans="1:10" x14ac:dyDescent="0.35">
      <c r="A16399" t="s">
        <v>62</v>
      </c>
      <c r="B16399" t="s">
        <v>68</v>
      </c>
      <c r="C16399" t="s">
        <v>117</v>
      </c>
      <c r="D16399" t="s">
        <v>118</v>
      </c>
      <c r="E16399" s="6">
        <v>2021</v>
      </c>
      <c r="F16399" s="6">
        <v>2021</v>
      </c>
      <c r="G16399" t="s">
        <v>14</v>
      </c>
      <c r="H16399" t="s">
        <v>121</v>
      </c>
      <c r="I16399" t="s">
        <v>15</v>
      </c>
      <c r="J16399" s="10">
        <v>40.07411871818217</v>
      </c>
    </row>
    <row r="16400" spans="1:10" x14ac:dyDescent="0.35">
      <c r="A16400" t="s">
        <v>62</v>
      </c>
      <c r="B16400" t="s">
        <v>69</v>
      </c>
      <c r="C16400" t="s">
        <v>117</v>
      </c>
      <c r="D16400" t="s">
        <v>118</v>
      </c>
      <c r="E16400" s="6">
        <v>2021</v>
      </c>
      <c r="F16400" s="6">
        <v>2021</v>
      </c>
      <c r="G16400" t="s">
        <v>14</v>
      </c>
      <c r="H16400" t="s">
        <v>121</v>
      </c>
      <c r="I16400" t="s">
        <v>15</v>
      </c>
      <c r="J16400" s="10">
        <v>39.373240803649423</v>
      </c>
    </row>
    <row r="16401" spans="1:10" x14ac:dyDescent="0.35">
      <c r="A16401" t="s">
        <v>62</v>
      </c>
      <c r="B16401" t="s">
        <v>70</v>
      </c>
      <c r="C16401" t="s">
        <v>117</v>
      </c>
      <c r="D16401" t="s">
        <v>118</v>
      </c>
      <c r="E16401" s="6">
        <v>2021</v>
      </c>
      <c r="F16401" s="6">
        <v>2021</v>
      </c>
      <c r="G16401" t="s">
        <v>14</v>
      </c>
      <c r="H16401" t="s">
        <v>121</v>
      </c>
      <c r="I16401" t="s">
        <v>15</v>
      </c>
      <c r="J16401" s="10">
        <v>46.522909577884363</v>
      </c>
    </row>
    <row r="16402" spans="1:10" x14ac:dyDescent="0.35">
      <c r="A16402" t="s">
        <v>35</v>
      </c>
      <c r="B16402" t="s">
        <v>71</v>
      </c>
      <c r="C16402" t="s">
        <v>117</v>
      </c>
      <c r="D16402" t="s">
        <v>118</v>
      </c>
      <c r="E16402" s="6">
        <v>2021</v>
      </c>
      <c r="F16402" s="6">
        <v>2021</v>
      </c>
      <c r="G16402" t="s">
        <v>14</v>
      </c>
      <c r="H16402" t="s">
        <v>121</v>
      </c>
      <c r="I16402" t="s">
        <v>15</v>
      </c>
      <c r="J16402" s="10">
        <v>29.364657127656596</v>
      </c>
    </row>
    <row r="16403" spans="1:10" x14ac:dyDescent="0.35">
      <c r="A16403" t="s">
        <v>20</v>
      </c>
      <c r="B16403" t="s">
        <v>72</v>
      </c>
      <c r="C16403" t="s">
        <v>117</v>
      </c>
      <c r="D16403" t="s">
        <v>118</v>
      </c>
      <c r="E16403" s="6">
        <v>2021</v>
      </c>
      <c r="F16403" s="6">
        <v>2021</v>
      </c>
      <c r="G16403" t="s">
        <v>14</v>
      </c>
      <c r="H16403" t="s">
        <v>121</v>
      </c>
      <c r="I16403" t="s">
        <v>15</v>
      </c>
      <c r="J16403" s="10">
        <v>31.868380736694863</v>
      </c>
    </row>
    <row r="16404" spans="1:10" x14ac:dyDescent="0.35">
      <c r="A16404" t="s">
        <v>26</v>
      </c>
      <c r="B16404" t="s">
        <v>73</v>
      </c>
      <c r="C16404" t="s">
        <v>117</v>
      </c>
      <c r="D16404" t="s">
        <v>118</v>
      </c>
      <c r="E16404" s="6">
        <v>2021</v>
      </c>
      <c r="F16404" s="6">
        <v>2021</v>
      </c>
      <c r="G16404" t="s">
        <v>14</v>
      </c>
      <c r="H16404" t="s">
        <v>121</v>
      </c>
      <c r="I16404" t="s">
        <v>15</v>
      </c>
      <c r="J16404" s="10">
        <v>31.90718470551958</v>
      </c>
    </row>
    <row r="16405" spans="1:10" x14ac:dyDescent="0.35">
      <c r="A16405" t="s">
        <v>28</v>
      </c>
      <c r="B16405" t="s">
        <v>74</v>
      </c>
      <c r="C16405" t="s">
        <v>117</v>
      </c>
      <c r="D16405" t="s">
        <v>118</v>
      </c>
      <c r="E16405" s="6">
        <v>2021</v>
      </c>
      <c r="F16405" s="6">
        <v>2021</v>
      </c>
      <c r="G16405" t="s">
        <v>14</v>
      </c>
      <c r="H16405" t="s">
        <v>121</v>
      </c>
      <c r="I16405" t="s">
        <v>15</v>
      </c>
      <c r="J16405" s="10">
        <v>30.905464507137019</v>
      </c>
    </row>
    <row r="16406" spans="1:10" x14ac:dyDescent="0.35">
      <c r="A16406" t="s">
        <v>33</v>
      </c>
      <c r="B16406" t="s">
        <v>75</v>
      </c>
      <c r="C16406" t="s">
        <v>117</v>
      </c>
      <c r="D16406" t="s">
        <v>118</v>
      </c>
      <c r="E16406" s="6">
        <v>2021</v>
      </c>
      <c r="F16406" s="6">
        <v>2021</v>
      </c>
      <c r="G16406" t="s">
        <v>14</v>
      </c>
      <c r="H16406" t="s">
        <v>121</v>
      </c>
      <c r="I16406" t="s">
        <v>15</v>
      </c>
      <c r="J16406" s="10">
        <v>30.240589094140795</v>
      </c>
    </row>
    <row r="16407" spans="1:10" x14ac:dyDescent="0.35">
      <c r="A16407" t="s">
        <v>22</v>
      </c>
      <c r="B16407" t="s">
        <v>76</v>
      </c>
      <c r="C16407" t="s">
        <v>117</v>
      </c>
      <c r="D16407" t="s">
        <v>118</v>
      </c>
      <c r="E16407" s="6">
        <v>2021</v>
      </c>
      <c r="F16407" s="6">
        <v>2021</v>
      </c>
      <c r="G16407" t="s">
        <v>14</v>
      </c>
      <c r="H16407" t="s">
        <v>121</v>
      </c>
      <c r="I16407" t="s">
        <v>15</v>
      </c>
      <c r="J16407" s="10">
        <v>33.078072661685134</v>
      </c>
    </row>
    <row r="16408" spans="1:10" x14ac:dyDescent="0.35">
      <c r="A16408" t="s">
        <v>33</v>
      </c>
      <c r="B16408" t="s">
        <v>77</v>
      </c>
      <c r="C16408" t="s">
        <v>117</v>
      </c>
      <c r="D16408" t="s">
        <v>118</v>
      </c>
      <c r="E16408" s="6">
        <v>2021</v>
      </c>
      <c r="F16408" s="6">
        <v>2021</v>
      </c>
      <c r="G16408" t="s">
        <v>14</v>
      </c>
      <c r="H16408" t="s">
        <v>121</v>
      </c>
      <c r="I16408" t="s">
        <v>15</v>
      </c>
      <c r="J16408" s="10">
        <v>28.796150909693313</v>
      </c>
    </row>
    <row r="16409" spans="1:10" x14ac:dyDescent="0.35">
      <c r="A16409" t="s">
        <v>22</v>
      </c>
      <c r="B16409" t="s">
        <v>78</v>
      </c>
      <c r="C16409" t="s">
        <v>117</v>
      </c>
      <c r="D16409" t="s">
        <v>118</v>
      </c>
      <c r="E16409" s="6">
        <v>2021</v>
      </c>
      <c r="F16409" s="6">
        <v>2021</v>
      </c>
      <c r="G16409" t="s">
        <v>14</v>
      </c>
      <c r="H16409" t="s">
        <v>121</v>
      </c>
      <c r="I16409" t="s">
        <v>15</v>
      </c>
      <c r="J16409" s="10">
        <v>32.378180988246037</v>
      </c>
    </row>
    <row r="16410" spans="1:10" x14ac:dyDescent="0.35">
      <c r="A16410" t="s">
        <v>28</v>
      </c>
      <c r="B16410" t="s">
        <v>79</v>
      </c>
      <c r="C16410" t="s">
        <v>117</v>
      </c>
      <c r="D16410" t="s">
        <v>118</v>
      </c>
      <c r="E16410" s="6">
        <v>2021</v>
      </c>
      <c r="F16410" s="6">
        <v>2021</v>
      </c>
      <c r="G16410" t="s">
        <v>14</v>
      </c>
      <c r="H16410" t="s">
        <v>121</v>
      </c>
      <c r="I16410" t="s">
        <v>15</v>
      </c>
      <c r="J16410" s="10">
        <v>29.492990798493175</v>
      </c>
    </row>
    <row r="16411" spans="1:10" x14ac:dyDescent="0.35">
      <c r="A16411" t="s">
        <v>26</v>
      </c>
      <c r="B16411" t="s">
        <v>80</v>
      </c>
      <c r="C16411" t="s">
        <v>117</v>
      </c>
      <c r="D16411" t="s">
        <v>118</v>
      </c>
      <c r="E16411" s="6">
        <v>2021</v>
      </c>
      <c r="F16411" s="6">
        <v>2021</v>
      </c>
      <c r="G16411" t="s">
        <v>14</v>
      </c>
      <c r="H16411" t="s">
        <v>121</v>
      </c>
      <c r="I16411" t="s">
        <v>15</v>
      </c>
      <c r="J16411" s="10">
        <v>29.811199842255743</v>
      </c>
    </row>
    <row r="16412" spans="1:10" x14ac:dyDescent="0.35">
      <c r="A16412" t="s">
        <v>20</v>
      </c>
      <c r="B16412" t="s">
        <v>81</v>
      </c>
      <c r="C16412" t="s">
        <v>117</v>
      </c>
      <c r="D16412" t="s">
        <v>118</v>
      </c>
      <c r="E16412" s="6">
        <v>2021</v>
      </c>
      <c r="F16412" s="6">
        <v>2021</v>
      </c>
      <c r="G16412" t="s">
        <v>14</v>
      </c>
      <c r="H16412" t="s">
        <v>121</v>
      </c>
      <c r="I16412" t="s">
        <v>15</v>
      </c>
      <c r="J16412" s="10">
        <v>32.429741238126432</v>
      </c>
    </row>
    <row r="16413" spans="1:10" x14ac:dyDescent="0.35">
      <c r="A16413" t="s">
        <v>26</v>
      </c>
      <c r="B16413" t="s">
        <v>57</v>
      </c>
      <c r="C16413" t="s">
        <v>117</v>
      </c>
      <c r="D16413" t="s">
        <v>118</v>
      </c>
      <c r="E16413" s="6">
        <v>2021</v>
      </c>
      <c r="F16413" s="6">
        <v>2021</v>
      </c>
      <c r="G16413" t="s">
        <v>14</v>
      </c>
      <c r="H16413" t="s">
        <v>121</v>
      </c>
      <c r="I16413" t="s">
        <v>15</v>
      </c>
      <c r="J16413" s="10">
        <v>26.493993993993993</v>
      </c>
    </row>
    <row r="16414" spans="1:10" x14ac:dyDescent="0.35">
      <c r="A16414" t="s">
        <v>33</v>
      </c>
      <c r="B16414" t="s">
        <v>82</v>
      </c>
      <c r="C16414" t="s">
        <v>117</v>
      </c>
      <c r="D16414" t="s">
        <v>118</v>
      </c>
      <c r="E16414" s="6">
        <v>2021</v>
      </c>
      <c r="F16414" s="6">
        <v>2021</v>
      </c>
      <c r="G16414" t="s">
        <v>14</v>
      </c>
      <c r="H16414" t="s">
        <v>121</v>
      </c>
      <c r="I16414" t="s">
        <v>15</v>
      </c>
      <c r="J16414" s="10">
        <v>26.143134498225884</v>
      </c>
    </row>
    <row r="16415" spans="1:10" x14ac:dyDescent="0.35">
      <c r="A16415" t="s">
        <v>26</v>
      </c>
      <c r="B16415" t="s">
        <v>83</v>
      </c>
      <c r="C16415" t="s">
        <v>117</v>
      </c>
      <c r="D16415" t="s">
        <v>118</v>
      </c>
      <c r="E16415" s="6">
        <v>2021</v>
      </c>
      <c r="F16415" s="6">
        <v>2021</v>
      </c>
      <c r="G16415" t="s">
        <v>14</v>
      </c>
      <c r="H16415" t="s">
        <v>121</v>
      </c>
      <c r="I16415" t="s">
        <v>15</v>
      </c>
      <c r="J16415" s="10">
        <v>28.198757763975159</v>
      </c>
    </row>
    <row r="16416" spans="1:10" x14ac:dyDescent="0.35">
      <c r="A16416" t="s">
        <v>35</v>
      </c>
      <c r="B16416" t="s">
        <v>84</v>
      </c>
      <c r="C16416" t="s">
        <v>117</v>
      </c>
      <c r="D16416" t="s">
        <v>118</v>
      </c>
      <c r="E16416" s="6">
        <v>2021</v>
      </c>
      <c r="F16416" s="6">
        <v>2021</v>
      </c>
      <c r="G16416" t="s">
        <v>14</v>
      </c>
      <c r="H16416" t="s">
        <v>121</v>
      </c>
      <c r="I16416" t="s">
        <v>15</v>
      </c>
      <c r="J16416" s="10">
        <v>33.402810369102504</v>
      </c>
    </row>
    <row r="16417" spans="1:10" x14ac:dyDescent="0.35">
      <c r="A16417" t="s">
        <v>33</v>
      </c>
      <c r="B16417" t="s">
        <v>85</v>
      </c>
      <c r="C16417" t="s">
        <v>117</v>
      </c>
      <c r="D16417" t="s">
        <v>118</v>
      </c>
      <c r="E16417" s="6">
        <v>2021</v>
      </c>
      <c r="F16417" s="6">
        <v>2021</v>
      </c>
      <c r="G16417" t="s">
        <v>14</v>
      </c>
      <c r="H16417" t="s">
        <v>121</v>
      </c>
      <c r="I16417" t="s">
        <v>15</v>
      </c>
      <c r="J16417" s="10">
        <v>29.23252248707756</v>
      </c>
    </row>
    <row r="16418" spans="1:10" x14ac:dyDescent="0.35">
      <c r="A16418" t="s">
        <v>33</v>
      </c>
      <c r="B16418" t="s">
        <v>86</v>
      </c>
      <c r="C16418" t="s">
        <v>117</v>
      </c>
      <c r="D16418" t="s">
        <v>118</v>
      </c>
      <c r="E16418" s="6">
        <v>2021</v>
      </c>
      <c r="F16418" s="6">
        <v>2021</v>
      </c>
      <c r="G16418" t="s">
        <v>14</v>
      </c>
      <c r="H16418" t="s">
        <v>121</v>
      </c>
      <c r="I16418" t="s">
        <v>15</v>
      </c>
      <c r="J16418" s="10">
        <v>28.293030049562429</v>
      </c>
    </row>
    <row r="16419" spans="1:10" x14ac:dyDescent="0.35">
      <c r="A16419" t="s">
        <v>35</v>
      </c>
      <c r="B16419" t="s">
        <v>87</v>
      </c>
      <c r="C16419" t="s">
        <v>117</v>
      </c>
      <c r="D16419" t="s">
        <v>118</v>
      </c>
      <c r="E16419" s="6">
        <v>2021</v>
      </c>
      <c r="F16419" s="6">
        <v>2021</v>
      </c>
      <c r="G16419" t="s">
        <v>14</v>
      </c>
      <c r="H16419" t="s">
        <v>121</v>
      </c>
      <c r="I16419" t="s">
        <v>15</v>
      </c>
      <c r="J16419" s="10">
        <v>30.861807650174821</v>
      </c>
    </row>
    <row r="16420" spans="1:10" x14ac:dyDescent="0.35">
      <c r="A16420" t="s">
        <v>35</v>
      </c>
      <c r="B16420" t="s">
        <v>88</v>
      </c>
      <c r="C16420" t="s">
        <v>117</v>
      </c>
      <c r="D16420" t="s">
        <v>118</v>
      </c>
      <c r="E16420" s="6">
        <v>2021</v>
      </c>
      <c r="F16420" s="6">
        <v>2021</v>
      </c>
      <c r="G16420" t="s">
        <v>14</v>
      </c>
      <c r="H16420" t="s">
        <v>121</v>
      </c>
      <c r="I16420" t="s">
        <v>15</v>
      </c>
      <c r="J16420" s="10">
        <v>30.536291860284457</v>
      </c>
    </row>
    <row r="16421" spans="1:10" x14ac:dyDescent="0.35">
      <c r="A16421" t="s">
        <v>62</v>
      </c>
      <c r="B16421" t="s">
        <v>89</v>
      </c>
      <c r="C16421" t="s">
        <v>117</v>
      </c>
      <c r="D16421" t="s">
        <v>118</v>
      </c>
      <c r="E16421" s="6">
        <v>2021</v>
      </c>
      <c r="F16421" s="6">
        <v>2021</v>
      </c>
      <c r="G16421" t="s">
        <v>14</v>
      </c>
      <c r="H16421" t="s">
        <v>121</v>
      </c>
      <c r="I16421" t="s">
        <v>15</v>
      </c>
      <c r="J16421" s="10">
        <v>32.577706875257306</v>
      </c>
    </row>
    <row r="16422" spans="1:10" x14ac:dyDescent="0.35">
      <c r="A16422" t="s">
        <v>26</v>
      </c>
      <c r="B16422" t="s">
        <v>90</v>
      </c>
      <c r="C16422" t="s">
        <v>117</v>
      </c>
      <c r="D16422" t="s">
        <v>118</v>
      </c>
      <c r="E16422" s="6">
        <v>2021</v>
      </c>
      <c r="F16422" s="6">
        <v>2021</v>
      </c>
      <c r="G16422" t="s">
        <v>14</v>
      </c>
      <c r="H16422" t="s">
        <v>121</v>
      </c>
      <c r="I16422" t="s">
        <v>15</v>
      </c>
      <c r="J16422" s="10">
        <v>30.061028770706187</v>
      </c>
    </row>
    <row r="16423" spans="1:10" x14ac:dyDescent="0.35">
      <c r="A16423" t="s">
        <v>26</v>
      </c>
      <c r="B16423" t="s">
        <v>91</v>
      </c>
      <c r="C16423" t="s">
        <v>117</v>
      </c>
      <c r="D16423" t="s">
        <v>118</v>
      </c>
      <c r="E16423" s="6">
        <v>2021</v>
      </c>
      <c r="F16423" s="6">
        <v>2021</v>
      </c>
      <c r="G16423" t="s">
        <v>14</v>
      </c>
      <c r="H16423" t="s">
        <v>121</v>
      </c>
      <c r="I16423" t="s">
        <v>15</v>
      </c>
      <c r="J16423" s="10">
        <v>27.537982080249318</v>
      </c>
    </row>
    <row r="16424" spans="1:10" x14ac:dyDescent="0.35">
      <c r="A16424" t="s">
        <v>33</v>
      </c>
      <c r="B16424" t="s">
        <v>92</v>
      </c>
      <c r="C16424" t="s">
        <v>117</v>
      </c>
      <c r="D16424" t="s">
        <v>118</v>
      </c>
      <c r="E16424" s="6">
        <v>2021</v>
      </c>
      <c r="F16424" s="6">
        <v>2021</v>
      </c>
      <c r="G16424" t="s">
        <v>14</v>
      </c>
      <c r="H16424" t="s">
        <v>121</v>
      </c>
      <c r="I16424" t="s">
        <v>15</v>
      </c>
      <c r="J16424" s="10">
        <v>30.808423027807457</v>
      </c>
    </row>
    <row r="16425" spans="1:10" x14ac:dyDescent="0.35">
      <c r="A16425" t="s">
        <v>35</v>
      </c>
      <c r="B16425" t="s">
        <v>93</v>
      </c>
      <c r="C16425" t="s">
        <v>117</v>
      </c>
      <c r="D16425" t="s">
        <v>118</v>
      </c>
      <c r="E16425" s="6">
        <v>2021</v>
      </c>
      <c r="F16425" s="6">
        <v>2021</v>
      </c>
      <c r="G16425" t="s">
        <v>14</v>
      </c>
      <c r="H16425" t="s">
        <v>121</v>
      </c>
      <c r="I16425" t="s">
        <v>15</v>
      </c>
      <c r="J16425" s="10">
        <v>28.584057574021966</v>
      </c>
    </row>
    <row r="16426" spans="1:10" x14ac:dyDescent="0.35">
      <c r="A16426" t="s">
        <v>20</v>
      </c>
      <c r="B16426" t="s">
        <v>94</v>
      </c>
      <c r="C16426" t="s">
        <v>117</v>
      </c>
      <c r="D16426" t="s">
        <v>118</v>
      </c>
      <c r="E16426" s="6">
        <v>2021</v>
      </c>
      <c r="F16426" s="6">
        <v>2021</v>
      </c>
      <c r="G16426" t="s">
        <v>14</v>
      </c>
      <c r="H16426" t="s">
        <v>121</v>
      </c>
      <c r="I16426" t="s">
        <v>15</v>
      </c>
      <c r="J16426" s="10">
        <v>31.792451561722668</v>
      </c>
    </row>
    <row r="16427" spans="1:10" x14ac:dyDescent="0.35">
      <c r="A16427" t="s">
        <v>10</v>
      </c>
      <c r="B16427" t="s">
        <v>11</v>
      </c>
      <c r="C16427" t="s">
        <v>117</v>
      </c>
      <c r="D16427" t="s">
        <v>118</v>
      </c>
      <c r="E16427" s="6">
        <v>2021</v>
      </c>
      <c r="F16427" s="6">
        <v>2021</v>
      </c>
      <c r="G16427" t="s">
        <v>126</v>
      </c>
      <c r="H16427" t="s">
        <v>121</v>
      </c>
      <c r="I16427" t="s">
        <v>15</v>
      </c>
      <c r="J16427" s="10">
        <v>39.840534979423872</v>
      </c>
    </row>
    <row r="16428" spans="1:10" x14ac:dyDescent="0.35">
      <c r="A16428" t="s">
        <v>10</v>
      </c>
      <c r="B16428" t="s">
        <v>16</v>
      </c>
      <c r="C16428" t="s">
        <v>117</v>
      </c>
      <c r="D16428" t="s">
        <v>118</v>
      </c>
      <c r="E16428" s="6">
        <v>2021</v>
      </c>
      <c r="F16428" s="6">
        <v>2021</v>
      </c>
      <c r="G16428" t="s">
        <v>126</v>
      </c>
      <c r="H16428" t="s">
        <v>121</v>
      </c>
      <c r="I16428" t="s">
        <v>15</v>
      </c>
      <c r="J16428" s="10">
        <v>35.906582150345855</v>
      </c>
    </row>
    <row r="16429" spans="1:10" x14ac:dyDescent="0.35">
      <c r="A16429" t="s">
        <v>10</v>
      </c>
      <c r="B16429" t="s">
        <v>17</v>
      </c>
      <c r="C16429" t="s">
        <v>117</v>
      </c>
      <c r="D16429" t="s">
        <v>118</v>
      </c>
      <c r="E16429" s="6">
        <v>2021</v>
      </c>
      <c r="F16429" s="6">
        <v>2021</v>
      </c>
      <c r="G16429" t="s">
        <v>126</v>
      </c>
      <c r="H16429" t="s">
        <v>121</v>
      </c>
      <c r="I16429" t="s">
        <v>15</v>
      </c>
      <c r="J16429" s="10">
        <v>35.0933753641878</v>
      </c>
    </row>
    <row r="16430" spans="1:10" x14ac:dyDescent="0.35">
      <c r="A16430" t="s">
        <v>10</v>
      </c>
      <c r="B16430" t="s">
        <v>18</v>
      </c>
      <c r="C16430" t="s">
        <v>117</v>
      </c>
      <c r="D16430" t="s">
        <v>118</v>
      </c>
      <c r="E16430" s="6">
        <v>2021</v>
      </c>
      <c r="F16430" s="6">
        <v>2021</v>
      </c>
      <c r="G16430" t="s">
        <v>126</v>
      </c>
      <c r="H16430" t="s">
        <v>121</v>
      </c>
      <c r="I16430" t="s">
        <v>15</v>
      </c>
      <c r="J16430" s="10">
        <v>30.923986814039171</v>
      </c>
    </row>
    <row r="16431" spans="1:10" x14ac:dyDescent="0.35">
      <c r="A16431" t="s">
        <v>10</v>
      </c>
      <c r="B16431" t="s">
        <v>19</v>
      </c>
      <c r="C16431" t="s">
        <v>117</v>
      </c>
      <c r="D16431" t="s">
        <v>118</v>
      </c>
      <c r="E16431" s="6">
        <v>2021</v>
      </c>
      <c r="F16431" s="6">
        <v>2021</v>
      </c>
      <c r="G16431" t="s">
        <v>126</v>
      </c>
      <c r="H16431" t="s">
        <v>121</v>
      </c>
      <c r="I16431" t="s">
        <v>15</v>
      </c>
      <c r="J16431" s="10">
        <v>29.567917205692108</v>
      </c>
    </row>
    <row r="16432" spans="1:10" x14ac:dyDescent="0.35">
      <c r="A16432" t="s">
        <v>20</v>
      </c>
      <c r="B16432" t="s">
        <v>21</v>
      </c>
      <c r="C16432" t="s">
        <v>117</v>
      </c>
      <c r="D16432" t="s">
        <v>118</v>
      </c>
      <c r="E16432" s="6">
        <v>2021</v>
      </c>
      <c r="F16432" s="6">
        <v>2021</v>
      </c>
      <c r="G16432" t="s">
        <v>126</v>
      </c>
      <c r="H16432" t="s">
        <v>121</v>
      </c>
      <c r="I16432" t="s">
        <v>15</v>
      </c>
      <c r="J16432" s="10">
        <v>32.183589857158672</v>
      </c>
    </row>
    <row r="16433" spans="1:10" x14ac:dyDescent="0.35">
      <c r="A16433" t="s">
        <v>22</v>
      </c>
      <c r="B16433" t="s">
        <v>23</v>
      </c>
      <c r="C16433" t="s">
        <v>117</v>
      </c>
      <c r="D16433" t="s">
        <v>118</v>
      </c>
      <c r="E16433" s="6">
        <v>2021</v>
      </c>
      <c r="F16433" s="6">
        <v>2021</v>
      </c>
      <c r="G16433" t="s">
        <v>126</v>
      </c>
      <c r="H16433" t="s">
        <v>121</v>
      </c>
      <c r="I16433" t="s">
        <v>15</v>
      </c>
      <c r="J16433" s="10">
        <v>32.494665718349928</v>
      </c>
    </row>
    <row r="16434" spans="1:10" x14ac:dyDescent="0.35">
      <c r="A16434" t="s">
        <v>10</v>
      </c>
      <c r="B16434" t="s">
        <v>24</v>
      </c>
      <c r="C16434" t="s">
        <v>117</v>
      </c>
      <c r="D16434" t="s">
        <v>118</v>
      </c>
      <c r="E16434" s="6">
        <v>2021</v>
      </c>
      <c r="F16434" s="6">
        <v>2021</v>
      </c>
      <c r="G16434" t="s">
        <v>126</v>
      </c>
      <c r="H16434" t="s">
        <v>121</v>
      </c>
      <c r="I16434" t="s">
        <v>15</v>
      </c>
      <c r="J16434" s="10">
        <v>29.287224571555754</v>
      </c>
    </row>
    <row r="16435" spans="1:10" x14ac:dyDescent="0.35">
      <c r="A16435" t="s">
        <v>10</v>
      </c>
      <c r="B16435" t="s">
        <v>25</v>
      </c>
      <c r="C16435" t="s">
        <v>117</v>
      </c>
      <c r="D16435" t="s">
        <v>118</v>
      </c>
      <c r="E16435" s="6">
        <v>2021</v>
      </c>
      <c r="F16435" s="6">
        <v>2021</v>
      </c>
      <c r="G16435" t="s">
        <v>126</v>
      </c>
      <c r="H16435" t="s">
        <v>121</v>
      </c>
      <c r="I16435" t="s">
        <v>15</v>
      </c>
      <c r="J16435" s="10">
        <v>27.627921751330177</v>
      </c>
    </row>
    <row r="16436" spans="1:10" x14ac:dyDescent="0.35">
      <c r="A16436" t="s">
        <v>26</v>
      </c>
      <c r="B16436" t="s">
        <v>27</v>
      </c>
      <c r="C16436" t="s">
        <v>117</v>
      </c>
      <c r="D16436" t="s">
        <v>118</v>
      </c>
      <c r="E16436" s="6">
        <v>2021</v>
      </c>
      <c r="F16436" s="6">
        <v>2021</v>
      </c>
      <c r="G16436" t="s">
        <v>126</v>
      </c>
      <c r="H16436" t="s">
        <v>121</v>
      </c>
      <c r="I16436" t="s">
        <v>15</v>
      </c>
      <c r="J16436" s="10">
        <v>24.703211157963022</v>
      </c>
    </row>
    <row r="16437" spans="1:10" x14ac:dyDescent="0.35">
      <c r="A16437" t="s">
        <v>28</v>
      </c>
      <c r="B16437" t="s">
        <v>29</v>
      </c>
      <c r="C16437" t="s">
        <v>117</v>
      </c>
      <c r="D16437" t="s">
        <v>118</v>
      </c>
      <c r="E16437" s="6">
        <v>2021</v>
      </c>
      <c r="F16437" s="6">
        <v>2021</v>
      </c>
      <c r="G16437" t="s">
        <v>126</v>
      </c>
      <c r="H16437" t="s">
        <v>121</v>
      </c>
      <c r="I16437" t="s">
        <v>15</v>
      </c>
      <c r="J16437" s="10">
        <v>25.762798416953913</v>
      </c>
    </row>
    <row r="16438" spans="1:10" x14ac:dyDescent="0.35">
      <c r="A16438" t="s">
        <v>10</v>
      </c>
      <c r="B16438" t="s">
        <v>30</v>
      </c>
      <c r="C16438" t="s">
        <v>117</v>
      </c>
      <c r="D16438" t="s">
        <v>118</v>
      </c>
      <c r="E16438" s="6">
        <v>2021</v>
      </c>
      <c r="F16438" s="6">
        <v>2021</v>
      </c>
      <c r="G16438" t="s">
        <v>126</v>
      </c>
      <c r="H16438" t="s">
        <v>121</v>
      </c>
      <c r="I16438" t="s">
        <v>15</v>
      </c>
      <c r="J16438" s="10">
        <v>29.346050482162617</v>
      </c>
    </row>
    <row r="16439" spans="1:10" x14ac:dyDescent="0.35">
      <c r="A16439" t="s">
        <v>26</v>
      </c>
      <c r="B16439" t="s">
        <v>31</v>
      </c>
      <c r="C16439" t="s">
        <v>117</v>
      </c>
      <c r="D16439" t="s">
        <v>118</v>
      </c>
      <c r="E16439" s="6">
        <v>2021</v>
      </c>
      <c r="F16439" s="6">
        <v>2021</v>
      </c>
      <c r="G16439" t="s">
        <v>126</v>
      </c>
      <c r="H16439" t="s">
        <v>121</v>
      </c>
      <c r="I16439" t="s">
        <v>15</v>
      </c>
      <c r="J16439" s="10">
        <v>26.428551371690112</v>
      </c>
    </row>
    <row r="16440" spans="1:10" x14ac:dyDescent="0.35">
      <c r="A16440" t="s">
        <v>28</v>
      </c>
      <c r="B16440" t="s">
        <v>32</v>
      </c>
      <c r="C16440" t="s">
        <v>117</v>
      </c>
      <c r="D16440" t="s">
        <v>118</v>
      </c>
      <c r="E16440" s="6">
        <v>2021</v>
      </c>
      <c r="F16440" s="6">
        <v>2021</v>
      </c>
      <c r="G16440" t="s">
        <v>126</v>
      </c>
      <c r="H16440" t="s">
        <v>121</v>
      </c>
      <c r="I16440" t="s">
        <v>15</v>
      </c>
      <c r="J16440" s="10">
        <v>27.339281628917867</v>
      </c>
    </row>
    <row r="16441" spans="1:10" x14ac:dyDescent="0.35">
      <c r="A16441" t="s">
        <v>33</v>
      </c>
      <c r="B16441" t="s">
        <v>34</v>
      </c>
      <c r="C16441" t="s">
        <v>117</v>
      </c>
      <c r="D16441" t="s">
        <v>118</v>
      </c>
      <c r="E16441" s="6">
        <v>2021</v>
      </c>
      <c r="F16441" s="6">
        <v>2021</v>
      </c>
      <c r="G16441" t="s">
        <v>126</v>
      </c>
      <c r="H16441" t="s">
        <v>121</v>
      </c>
      <c r="I16441" t="s">
        <v>15</v>
      </c>
      <c r="J16441" s="10">
        <v>29.041471495487258</v>
      </c>
    </row>
    <row r="16442" spans="1:10" x14ac:dyDescent="0.35">
      <c r="A16442" t="s">
        <v>35</v>
      </c>
      <c r="B16442" t="s">
        <v>36</v>
      </c>
      <c r="C16442" t="s">
        <v>117</v>
      </c>
      <c r="D16442" t="s">
        <v>118</v>
      </c>
      <c r="E16442" s="6">
        <v>2021</v>
      </c>
      <c r="F16442" s="6">
        <v>2021</v>
      </c>
      <c r="G16442" t="s">
        <v>126</v>
      </c>
      <c r="H16442" t="s">
        <v>121</v>
      </c>
      <c r="I16442" t="s">
        <v>15</v>
      </c>
      <c r="J16442" s="10">
        <v>28.201363107441679</v>
      </c>
    </row>
    <row r="16443" spans="1:10" x14ac:dyDescent="0.35">
      <c r="A16443" t="s">
        <v>28</v>
      </c>
      <c r="B16443" t="s">
        <v>37</v>
      </c>
      <c r="C16443" t="s">
        <v>117</v>
      </c>
      <c r="D16443" t="s">
        <v>118</v>
      </c>
      <c r="E16443" s="6">
        <v>2021</v>
      </c>
      <c r="F16443" s="6">
        <v>2021</v>
      </c>
      <c r="G16443" t="s">
        <v>126</v>
      </c>
      <c r="H16443" t="s">
        <v>121</v>
      </c>
      <c r="I16443" t="s">
        <v>15</v>
      </c>
      <c r="J16443" s="10">
        <v>28.320981751533985</v>
      </c>
    </row>
    <row r="16444" spans="1:10" x14ac:dyDescent="0.35">
      <c r="A16444" t="s">
        <v>20</v>
      </c>
      <c r="B16444" t="s">
        <v>38</v>
      </c>
      <c r="C16444" t="s">
        <v>117</v>
      </c>
      <c r="D16444" t="s">
        <v>118</v>
      </c>
      <c r="E16444" s="6">
        <v>2021</v>
      </c>
      <c r="F16444" s="6">
        <v>2021</v>
      </c>
      <c r="G16444" t="s">
        <v>126</v>
      </c>
      <c r="H16444" t="s">
        <v>121</v>
      </c>
      <c r="I16444" t="s">
        <v>15</v>
      </c>
      <c r="J16444" s="10">
        <v>33.042204905601167</v>
      </c>
    </row>
    <row r="16445" spans="1:10" x14ac:dyDescent="0.35">
      <c r="A16445" t="s">
        <v>33</v>
      </c>
      <c r="B16445" t="s">
        <v>39</v>
      </c>
      <c r="C16445" t="s">
        <v>117</v>
      </c>
      <c r="D16445" t="s">
        <v>118</v>
      </c>
      <c r="E16445" s="6">
        <v>2021</v>
      </c>
      <c r="F16445" s="6">
        <v>2021</v>
      </c>
      <c r="G16445" t="s">
        <v>126</v>
      </c>
      <c r="H16445" t="s">
        <v>121</v>
      </c>
      <c r="I16445" t="s">
        <v>15</v>
      </c>
      <c r="J16445" s="10">
        <v>31.352022232415077</v>
      </c>
    </row>
    <row r="16446" spans="1:10" x14ac:dyDescent="0.35">
      <c r="A16446" t="s">
        <v>20</v>
      </c>
      <c r="B16446" t="s">
        <v>40</v>
      </c>
      <c r="C16446" t="s">
        <v>117</v>
      </c>
      <c r="D16446" t="s">
        <v>118</v>
      </c>
      <c r="E16446" s="6">
        <v>2021</v>
      </c>
      <c r="F16446" s="6">
        <v>2021</v>
      </c>
      <c r="G16446" t="s">
        <v>126</v>
      </c>
      <c r="H16446" t="s">
        <v>121</v>
      </c>
      <c r="I16446" t="s">
        <v>15</v>
      </c>
      <c r="J16446" s="10">
        <v>30.171483391293918</v>
      </c>
    </row>
    <row r="16447" spans="1:10" x14ac:dyDescent="0.35">
      <c r="A16447" t="s">
        <v>35</v>
      </c>
      <c r="B16447" t="s">
        <v>41</v>
      </c>
      <c r="C16447" t="s">
        <v>117</v>
      </c>
      <c r="D16447" t="s">
        <v>118</v>
      </c>
      <c r="E16447" s="6">
        <v>2021</v>
      </c>
      <c r="F16447" s="6">
        <v>2021</v>
      </c>
      <c r="G16447" t="s">
        <v>126</v>
      </c>
      <c r="H16447" t="s">
        <v>121</v>
      </c>
      <c r="I16447" t="s">
        <v>15</v>
      </c>
      <c r="J16447" s="10">
        <v>25.840202037021619</v>
      </c>
    </row>
    <row r="16448" spans="1:10" x14ac:dyDescent="0.35">
      <c r="A16448" t="s">
        <v>35</v>
      </c>
      <c r="B16448" t="s">
        <v>42</v>
      </c>
      <c r="C16448" t="s">
        <v>117</v>
      </c>
      <c r="D16448" t="s">
        <v>118</v>
      </c>
      <c r="E16448" s="6">
        <v>2021</v>
      </c>
      <c r="F16448" s="6">
        <v>2021</v>
      </c>
      <c r="G16448" t="s">
        <v>126</v>
      </c>
      <c r="H16448" t="s">
        <v>121</v>
      </c>
      <c r="I16448" t="s">
        <v>15</v>
      </c>
      <c r="J16448" s="10">
        <v>30.1945412311266</v>
      </c>
    </row>
    <row r="16449" spans="1:10" x14ac:dyDescent="0.35">
      <c r="A16449" t="s">
        <v>35</v>
      </c>
      <c r="B16449" t="s">
        <v>43</v>
      </c>
      <c r="C16449" t="s">
        <v>117</v>
      </c>
      <c r="D16449" t="s">
        <v>118</v>
      </c>
      <c r="E16449" s="6">
        <v>2021</v>
      </c>
      <c r="F16449" s="6">
        <v>2021</v>
      </c>
      <c r="G16449" t="s">
        <v>126</v>
      </c>
      <c r="H16449" t="s">
        <v>121</v>
      </c>
      <c r="I16449" t="s">
        <v>15</v>
      </c>
      <c r="J16449" s="10">
        <v>28.579978237214366</v>
      </c>
    </row>
    <row r="16450" spans="1:10" x14ac:dyDescent="0.35">
      <c r="A16450" t="s">
        <v>28</v>
      </c>
      <c r="B16450" t="s">
        <v>44</v>
      </c>
      <c r="C16450" t="s">
        <v>117</v>
      </c>
      <c r="D16450" t="s">
        <v>118</v>
      </c>
      <c r="E16450" s="6">
        <v>2021</v>
      </c>
      <c r="F16450" s="6">
        <v>2021</v>
      </c>
      <c r="G16450" t="s">
        <v>126</v>
      </c>
      <c r="H16450" t="s">
        <v>121</v>
      </c>
      <c r="I16450" t="s">
        <v>15</v>
      </c>
      <c r="J16450" s="10">
        <v>26.234813654226492</v>
      </c>
    </row>
    <row r="16451" spans="1:10" x14ac:dyDescent="0.35">
      <c r="A16451" t="s">
        <v>10</v>
      </c>
      <c r="B16451" t="s">
        <v>45</v>
      </c>
      <c r="C16451" t="s">
        <v>117</v>
      </c>
      <c r="D16451" t="s">
        <v>118</v>
      </c>
      <c r="E16451" s="6">
        <v>2021</v>
      </c>
      <c r="F16451" s="6">
        <v>2021</v>
      </c>
      <c r="G16451" t="s">
        <v>126</v>
      </c>
      <c r="H16451" t="s">
        <v>121</v>
      </c>
      <c r="I16451" t="s">
        <v>15</v>
      </c>
      <c r="J16451" s="10">
        <v>34.706504925506799</v>
      </c>
    </row>
    <row r="16452" spans="1:10" x14ac:dyDescent="0.35">
      <c r="A16452" t="s">
        <v>10</v>
      </c>
      <c r="B16452" t="s">
        <v>46</v>
      </c>
      <c r="C16452" t="s">
        <v>117</v>
      </c>
      <c r="D16452" t="s">
        <v>118</v>
      </c>
      <c r="E16452" s="6">
        <v>2021</v>
      </c>
      <c r="F16452" s="6">
        <v>2021</v>
      </c>
      <c r="G16452" t="s">
        <v>126</v>
      </c>
      <c r="H16452" t="s">
        <v>121</v>
      </c>
      <c r="I16452" t="s">
        <v>15</v>
      </c>
      <c r="J16452" s="10">
        <v>32.334619555622808</v>
      </c>
    </row>
    <row r="16453" spans="1:10" x14ac:dyDescent="0.35">
      <c r="A16453" t="s">
        <v>33</v>
      </c>
      <c r="B16453" t="s">
        <v>47</v>
      </c>
      <c r="C16453" t="s">
        <v>117</v>
      </c>
      <c r="D16453" t="s">
        <v>118</v>
      </c>
      <c r="E16453" s="6">
        <v>2021</v>
      </c>
      <c r="F16453" s="6">
        <v>2021</v>
      </c>
      <c r="G16453" t="s">
        <v>126</v>
      </c>
      <c r="H16453" t="s">
        <v>121</v>
      </c>
      <c r="I16453" t="s">
        <v>15</v>
      </c>
      <c r="J16453" s="10">
        <v>33.04547361148807</v>
      </c>
    </row>
    <row r="16454" spans="1:10" x14ac:dyDescent="0.35">
      <c r="A16454" t="s">
        <v>20</v>
      </c>
      <c r="B16454" t="s">
        <v>48</v>
      </c>
      <c r="C16454" t="s">
        <v>117</v>
      </c>
      <c r="D16454" t="s">
        <v>118</v>
      </c>
      <c r="E16454" s="6">
        <v>2021</v>
      </c>
      <c r="F16454" s="6">
        <v>2021</v>
      </c>
      <c r="G16454" t="s">
        <v>126</v>
      </c>
      <c r="H16454" t="s">
        <v>121</v>
      </c>
      <c r="I16454" t="s">
        <v>15</v>
      </c>
      <c r="J16454" s="10">
        <v>29.945157207732585</v>
      </c>
    </row>
    <row r="16455" spans="1:10" x14ac:dyDescent="0.35">
      <c r="A16455" t="s">
        <v>28</v>
      </c>
      <c r="B16455" t="s">
        <v>49</v>
      </c>
      <c r="C16455" t="s">
        <v>117</v>
      </c>
      <c r="D16455" t="s">
        <v>118</v>
      </c>
      <c r="E16455" s="6">
        <v>2021</v>
      </c>
      <c r="F16455" s="6">
        <v>2021</v>
      </c>
      <c r="G16455" t="s">
        <v>126</v>
      </c>
      <c r="H16455" t="s">
        <v>121</v>
      </c>
      <c r="I16455" t="s">
        <v>15</v>
      </c>
      <c r="J16455" s="10">
        <v>29.460034210161339</v>
      </c>
    </row>
    <row r="16456" spans="1:10" x14ac:dyDescent="0.35">
      <c r="A16456" t="s">
        <v>35</v>
      </c>
      <c r="B16456" t="s">
        <v>50</v>
      </c>
      <c r="C16456" t="s">
        <v>117</v>
      </c>
      <c r="D16456" t="s">
        <v>118</v>
      </c>
      <c r="E16456" s="6">
        <v>2021</v>
      </c>
      <c r="F16456" s="6">
        <v>2021</v>
      </c>
      <c r="G16456" t="s">
        <v>126</v>
      </c>
      <c r="H16456" t="s">
        <v>121</v>
      </c>
      <c r="I16456" t="s">
        <v>15</v>
      </c>
      <c r="J16456" s="10">
        <v>27.724097320735524</v>
      </c>
    </row>
    <row r="16457" spans="1:10" x14ac:dyDescent="0.35">
      <c r="A16457" t="s">
        <v>22</v>
      </c>
      <c r="B16457" t="s">
        <v>51</v>
      </c>
      <c r="C16457" t="s">
        <v>117</v>
      </c>
      <c r="D16457" t="s">
        <v>118</v>
      </c>
      <c r="E16457" s="6">
        <v>2021</v>
      </c>
      <c r="F16457" s="6">
        <v>2021</v>
      </c>
      <c r="G16457" t="s">
        <v>126</v>
      </c>
      <c r="H16457" t="s">
        <v>121</v>
      </c>
      <c r="I16457" t="s">
        <v>15</v>
      </c>
      <c r="J16457" s="10">
        <v>41.531149912181007</v>
      </c>
    </row>
    <row r="16458" spans="1:10" x14ac:dyDescent="0.35">
      <c r="A16458" t="s">
        <v>22</v>
      </c>
      <c r="B16458" t="s">
        <v>52</v>
      </c>
      <c r="C16458" t="s">
        <v>117</v>
      </c>
      <c r="D16458" t="s">
        <v>118</v>
      </c>
      <c r="E16458" s="6">
        <v>2021</v>
      </c>
      <c r="F16458" s="6">
        <v>2021</v>
      </c>
      <c r="G16458" t="s">
        <v>126</v>
      </c>
      <c r="H16458" t="s">
        <v>121</v>
      </c>
      <c r="I16458" t="s">
        <v>15</v>
      </c>
      <c r="J16458" s="10">
        <v>40.018470709233256</v>
      </c>
    </row>
    <row r="16459" spans="1:10" x14ac:dyDescent="0.35">
      <c r="A16459" t="s">
        <v>22</v>
      </c>
      <c r="B16459" t="s">
        <v>53</v>
      </c>
      <c r="C16459" t="s">
        <v>117</v>
      </c>
      <c r="D16459" t="s">
        <v>118</v>
      </c>
      <c r="E16459" s="6">
        <v>2021</v>
      </c>
      <c r="F16459" s="6">
        <v>2021</v>
      </c>
      <c r="G16459" t="s">
        <v>126</v>
      </c>
      <c r="H16459" t="s">
        <v>121</v>
      </c>
      <c r="I16459" t="s">
        <v>15</v>
      </c>
      <c r="J16459" s="10">
        <v>51.035322777101101</v>
      </c>
    </row>
    <row r="16460" spans="1:10" x14ac:dyDescent="0.35">
      <c r="A16460" t="s">
        <v>22</v>
      </c>
      <c r="B16460" t="s">
        <v>54</v>
      </c>
      <c r="C16460" t="s">
        <v>117</v>
      </c>
      <c r="D16460" t="s">
        <v>118</v>
      </c>
      <c r="E16460" s="6">
        <v>2021</v>
      </c>
      <c r="F16460" s="6">
        <v>2021</v>
      </c>
      <c r="G16460" t="s">
        <v>126</v>
      </c>
      <c r="H16460" t="s">
        <v>121</v>
      </c>
      <c r="I16460" t="s">
        <v>15</v>
      </c>
      <c r="J16460" s="10">
        <v>34.205029013539651</v>
      </c>
    </row>
    <row r="16461" spans="1:10" x14ac:dyDescent="0.35">
      <c r="A16461" t="s">
        <v>22</v>
      </c>
      <c r="B16461" t="s">
        <v>55</v>
      </c>
      <c r="C16461" t="s">
        <v>117</v>
      </c>
      <c r="D16461" t="s">
        <v>118</v>
      </c>
      <c r="E16461" s="6">
        <v>2021</v>
      </c>
      <c r="F16461" s="6">
        <v>2021</v>
      </c>
      <c r="G16461" t="s">
        <v>126</v>
      </c>
      <c r="H16461" t="s">
        <v>121</v>
      </c>
      <c r="I16461" t="s">
        <v>15</v>
      </c>
      <c r="J16461" s="10">
        <v>37.056716274373095</v>
      </c>
    </row>
    <row r="16462" spans="1:10" x14ac:dyDescent="0.35">
      <c r="A16462" t="s">
        <v>22</v>
      </c>
      <c r="B16462" t="s">
        <v>56</v>
      </c>
      <c r="C16462" t="s">
        <v>117</v>
      </c>
      <c r="D16462" t="s">
        <v>118</v>
      </c>
      <c r="E16462" s="6">
        <v>2021</v>
      </c>
      <c r="F16462" s="6">
        <v>2021</v>
      </c>
      <c r="G16462" t="s">
        <v>126</v>
      </c>
      <c r="H16462" t="s">
        <v>121</v>
      </c>
      <c r="I16462" t="s">
        <v>15</v>
      </c>
      <c r="J16462" s="10">
        <v>35.885435327839481</v>
      </c>
    </row>
    <row r="16463" spans="1:10" x14ac:dyDescent="0.35">
      <c r="A16463" t="s">
        <v>28</v>
      </c>
      <c r="B16463" t="s">
        <v>58</v>
      </c>
      <c r="C16463" t="s">
        <v>117</v>
      </c>
      <c r="D16463" t="s">
        <v>118</v>
      </c>
      <c r="E16463" s="6">
        <v>2021</v>
      </c>
      <c r="F16463" s="6">
        <v>2021</v>
      </c>
      <c r="G16463" t="s">
        <v>126</v>
      </c>
      <c r="H16463" t="s">
        <v>121</v>
      </c>
      <c r="I16463" t="s">
        <v>15</v>
      </c>
      <c r="J16463" s="10">
        <v>24.579018330990561</v>
      </c>
    </row>
    <row r="16464" spans="1:10" x14ac:dyDescent="0.35">
      <c r="A16464" t="s">
        <v>20</v>
      </c>
      <c r="B16464" t="s">
        <v>59</v>
      </c>
      <c r="C16464" t="s">
        <v>117</v>
      </c>
      <c r="D16464" t="s">
        <v>118</v>
      </c>
      <c r="E16464" s="6">
        <v>2021</v>
      </c>
      <c r="F16464" s="6">
        <v>2021</v>
      </c>
      <c r="G16464" t="s">
        <v>126</v>
      </c>
      <c r="H16464" t="s">
        <v>121</v>
      </c>
      <c r="I16464" t="s">
        <v>15</v>
      </c>
      <c r="J16464" s="10">
        <v>32.075471698113205</v>
      </c>
    </row>
    <row r="16465" spans="1:10" x14ac:dyDescent="0.35">
      <c r="A16465" t="s">
        <v>20</v>
      </c>
      <c r="B16465" t="s">
        <v>60</v>
      </c>
      <c r="C16465" t="s">
        <v>117</v>
      </c>
      <c r="D16465" t="s">
        <v>118</v>
      </c>
      <c r="E16465" s="6">
        <v>2021</v>
      </c>
      <c r="F16465" s="6">
        <v>2021</v>
      </c>
      <c r="G16465" t="s">
        <v>126</v>
      </c>
      <c r="H16465" t="s">
        <v>121</v>
      </c>
      <c r="I16465" t="s">
        <v>15</v>
      </c>
      <c r="J16465" s="10">
        <v>32.336554580416134</v>
      </c>
    </row>
    <row r="16466" spans="1:10" x14ac:dyDescent="0.35">
      <c r="A16466" t="s">
        <v>28</v>
      </c>
      <c r="B16466" t="s">
        <v>61</v>
      </c>
      <c r="C16466" t="s">
        <v>117</v>
      </c>
      <c r="D16466" t="s">
        <v>118</v>
      </c>
      <c r="E16466" s="6">
        <v>2021</v>
      </c>
      <c r="F16466" s="6">
        <v>2021</v>
      </c>
      <c r="G16466" t="s">
        <v>126</v>
      </c>
      <c r="H16466" t="s">
        <v>121</v>
      </c>
      <c r="I16466" t="s">
        <v>15</v>
      </c>
      <c r="J16466" s="10">
        <v>25.364656942481535</v>
      </c>
    </row>
    <row r="16467" spans="1:10" x14ac:dyDescent="0.35">
      <c r="A16467" t="s">
        <v>62</v>
      </c>
      <c r="B16467" t="s">
        <v>63</v>
      </c>
      <c r="C16467" t="s">
        <v>117</v>
      </c>
      <c r="D16467" t="s">
        <v>118</v>
      </c>
      <c r="E16467" s="6">
        <v>2021</v>
      </c>
      <c r="F16467" s="6">
        <v>2021</v>
      </c>
      <c r="G16467" t="s">
        <v>126</v>
      </c>
      <c r="H16467" t="s">
        <v>121</v>
      </c>
      <c r="I16467" t="s">
        <v>15</v>
      </c>
      <c r="J16467" s="10">
        <v>38.456237077877326</v>
      </c>
    </row>
    <row r="16468" spans="1:10" x14ac:dyDescent="0.35">
      <c r="A16468" t="s">
        <v>62</v>
      </c>
      <c r="B16468" t="s">
        <v>64</v>
      </c>
      <c r="C16468" t="s">
        <v>117</v>
      </c>
      <c r="D16468" t="s">
        <v>118</v>
      </c>
      <c r="E16468" s="6">
        <v>2021</v>
      </c>
      <c r="F16468" s="6">
        <v>2021</v>
      </c>
      <c r="G16468" t="s">
        <v>126</v>
      </c>
      <c r="H16468" t="s">
        <v>121</v>
      </c>
      <c r="I16468" t="s">
        <v>15</v>
      </c>
      <c r="J16468" s="10">
        <v>40.508715300193671</v>
      </c>
    </row>
    <row r="16469" spans="1:10" x14ac:dyDescent="0.35">
      <c r="A16469" t="s">
        <v>62</v>
      </c>
      <c r="B16469" t="s">
        <v>65</v>
      </c>
      <c r="C16469" t="s">
        <v>117</v>
      </c>
      <c r="D16469" t="s">
        <v>118</v>
      </c>
      <c r="E16469" s="6">
        <v>2021</v>
      </c>
      <c r="F16469" s="6">
        <v>2021</v>
      </c>
      <c r="G16469" t="s">
        <v>126</v>
      </c>
      <c r="H16469" t="s">
        <v>121</v>
      </c>
      <c r="I16469" t="s">
        <v>15</v>
      </c>
      <c r="J16469" s="10">
        <v>39.838004902483213</v>
      </c>
    </row>
    <row r="16470" spans="1:10" x14ac:dyDescent="0.35">
      <c r="A16470" t="s">
        <v>62</v>
      </c>
      <c r="B16470" t="s">
        <v>66</v>
      </c>
      <c r="C16470" t="s">
        <v>117</v>
      </c>
      <c r="D16470" t="s">
        <v>118</v>
      </c>
      <c r="E16470" s="6">
        <v>2021</v>
      </c>
      <c r="F16470" s="6">
        <v>2021</v>
      </c>
      <c r="G16470" t="s">
        <v>126</v>
      </c>
      <c r="H16470" t="s">
        <v>121</v>
      </c>
      <c r="I16470" t="s">
        <v>15</v>
      </c>
      <c r="J16470" s="10">
        <v>38.752273266387292</v>
      </c>
    </row>
    <row r="16471" spans="1:10" x14ac:dyDescent="0.35">
      <c r="A16471" t="s">
        <v>62</v>
      </c>
      <c r="B16471" t="s">
        <v>67</v>
      </c>
      <c r="C16471" t="s">
        <v>117</v>
      </c>
      <c r="D16471" t="s">
        <v>118</v>
      </c>
      <c r="E16471" s="6">
        <v>2021</v>
      </c>
      <c r="F16471" s="6">
        <v>2021</v>
      </c>
      <c r="G16471" t="s">
        <v>126</v>
      </c>
      <c r="H16471" t="s">
        <v>121</v>
      </c>
      <c r="I16471" t="s">
        <v>15</v>
      </c>
      <c r="J16471" s="10">
        <v>35.624286745697184</v>
      </c>
    </row>
    <row r="16472" spans="1:10" x14ac:dyDescent="0.35">
      <c r="A16472" t="s">
        <v>62</v>
      </c>
      <c r="B16472" t="s">
        <v>68</v>
      </c>
      <c r="C16472" t="s">
        <v>117</v>
      </c>
      <c r="D16472" t="s">
        <v>118</v>
      </c>
      <c r="E16472" s="6">
        <v>2021</v>
      </c>
      <c r="F16472" s="6">
        <v>2021</v>
      </c>
      <c r="G16472" t="s">
        <v>126</v>
      </c>
      <c r="H16472" t="s">
        <v>121</v>
      </c>
      <c r="I16472" t="s">
        <v>15</v>
      </c>
      <c r="J16472" s="10">
        <v>38.661618036478828</v>
      </c>
    </row>
    <row r="16473" spans="1:10" x14ac:dyDescent="0.35">
      <c r="A16473" t="s">
        <v>62</v>
      </c>
      <c r="B16473" t="s">
        <v>69</v>
      </c>
      <c r="C16473" t="s">
        <v>117</v>
      </c>
      <c r="D16473" t="s">
        <v>118</v>
      </c>
      <c r="E16473" s="6">
        <v>2021</v>
      </c>
      <c r="F16473" s="6">
        <v>2021</v>
      </c>
      <c r="G16473" t="s">
        <v>126</v>
      </c>
      <c r="H16473" t="s">
        <v>121</v>
      </c>
      <c r="I16473" t="s">
        <v>15</v>
      </c>
      <c r="J16473" s="10">
        <v>38.133493686109446</v>
      </c>
    </row>
    <row r="16474" spans="1:10" x14ac:dyDescent="0.35">
      <c r="A16474" t="s">
        <v>62</v>
      </c>
      <c r="B16474" t="s">
        <v>70</v>
      </c>
      <c r="C16474" t="s">
        <v>117</v>
      </c>
      <c r="D16474" t="s">
        <v>118</v>
      </c>
      <c r="E16474" s="6">
        <v>2021</v>
      </c>
      <c r="F16474" s="6">
        <v>2021</v>
      </c>
      <c r="G16474" t="s">
        <v>126</v>
      </c>
      <c r="H16474" t="s">
        <v>121</v>
      </c>
      <c r="I16474" t="s">
        <v>15</v>
      </c>
      <c r="J16474" s="10">
        <v>44.650035637918748</v>
      </c>
    </row>
    <row r="16475" spans="1:10" x14ac:dyDescent="0.35">
      <c r="A16475" t="s">
        <v>35</v>
      </c>
      <c r="B16475" t="s">
        <v>71</v>
      </c>
      <c r="C16475" t="s">
        <v>117</v>
      </c>
      <c r="D16475" t="s">
        <v>118</v>
      </c>
      <c r="E16475" s="6">
        <v>2021</v>
      </c>
      <c r="F16475" s="6">
        <v>2021</v>
      </c>
      <c r="G16475" t="s">
        <v>126</v>
      </c>
      <c r="H16475" t="s">
        <v>121</v>
      </c>
      <c r="I16475" t="s">
        <v>15</v>
      </c>
      <c r="J16475" s="10">
        <v>29.032431560264616</v>
      </c>
    </row>
    <row r="16476" spans="1:10" x14ac:dyDescent="0.35">
      <c r="A16476" t="s">
        <v>20</v>
      </c>
      <c r="B16476" t="s">
        <v>72</v>
      </c>
      <c r="C16476" t="s">
        <v>117</v>
      </c>
      <c r="D16476" t="s">
        <v>118</v>
      </c>
      <c r="E16476" s="6">
        <v>2021</v>
      </c>
      <c r="F16476" s="6">
        <v>2021</v>
      </c>
      <c r="G16476" t="s">
        <v>126</v>
      </c>
      <c r="H16476" t="s">
        <v>121</v>
      </c>
      <c r="I16476" t="s">
        <v>15</v>
      </c>
      <c r="J16476" s="10">
        <v>31.565526478466925</v>
      </c>
    </row>
    <row r="16477" spans="1:10" x14ac:dyDescent="0.35">
      <c r="A16477" t="s">
        <v>26</v>
      </c>
      <c r="B16477" t="s">
        <v>73</v>
      </c>
      <c r="C16477" t="s">
        <v>117</v>
      </c>
      <c r="D16477" t="s">
        <v>118</v>
      </c>
      <c r="E16477" s="6">
        <v>2021</v>
      </c>
      <c r="F16477" s="6">
        <v>2021</v>
      </c>
      <c r="G16477" t="s">
        <v>126</v>
      </c>
      <c r="H16477" t="s">
        <v>121</v>
      </c>
      <c r="I16477" t="s">
        <v>15</v>
      </c>
      <c r="J16477" s="10">
        <v>31.248251673014437</v>
      </c>
    </row>
    <row r="16478" spans="1:10" x14ac:dyDescent="0.35">
      <c r="A16478" t="s">
        <v>28</v>
      </c>
      <c r="B16478" t="s">
        <v>74</v>
      </c>
      <c r="C16478" t="s">
        <v>117</v>
      </c>
      <c r="D16478" t="s">
        <v>118</v>
      </c>
      <c r="E16478" s="6">
        <v>2021</v>
      </c>
      <c r="F16478" s="6">
        <v>2021</v>
      </c>
      <c r="G16478" t="s">
        <v>126</v>
      </c>
      <c r="H16478" t="s">
        <v>121</v>
      </c>
      <c r="I16478" t="s">
        <v>15</v>
      </c>
      <c r="J16478" s="10">
        <v>30.975672096103352</v>
      </c>
    </row>
    <row r="16479" spans="1:10" x14ac:dyDescent="0.35">
      <c r="A16479" t="s">
        <v>33</v>
      </c>
      <c r="B16479" t="s">
        <v>75</v>
      </c>
      <c r="C16479" t="s">
        <v>117</v>
      </c>
      <c r="D16479" t="s">
        <v>118</v>
      </c>
      <c r="E16479" s="6">
        <v>2021</v>
      </c>
      <c r="F16479" s="6">
        <v>2021</v>
      </c>
      <c r="G16479" t="s">
        <v>126</v>
      </c>
      <c r="H16479" t="s">
        <v>121</v>
      </c>
      <c r="I16479" t="s">
        <v>15</v>
      </c>
      <c r="J16479" s="10">
        <v>30.185663346858476</v>
      </c>
    </row>
    <row r="16480" spans="1:10" x14ac:dyDescent="0.35">
      <c r="A16480" t="s">
        <v>22</v>
      </c>
      <c r="B16480" t="s">
        <v>76</v>
      </c>
      <c r="C16480" t="s">
        <v>117</v>
      </c>
      <c r="D16480" t="s">
        <v>118</v>
      </c>
      <c r="E16480" s="6">
        <v>2021</v>
      </c>
      <c r="F16480" s="6">
        <v>2021</v>
      </c>
      <c r="G16480" t="s">
        <v>126</v>
      </c>
      <c r="H16480" t="s">
        <v>121</v>
      </c>
      <c r="I16480" t="s">
        <v>15</v>
      </c>
      <c r="J16480" s="10">
        <v>33.188285535023979</v>
      </c>
    </row>
    <row r="16481" spans="1:10" x14ac:dyDescent="0.35">
      <c r="A16481" t="s">
        <v>33</v>
      </c>
      <c r="B16481" t="s">
        <v>77</v>
      </c>
      <c r="C16481" t="s">
        <v>117</v>
      </c>
      <c r="D16481" t="s">
        <v>118</v>
      </c>
      <c r="E16481" s="6">
        <v>2021</v>
      </c>
      <c r="F16481" s="6">
        <v>2021</v>
      </c>
      <c r="G16481" t="s">
        <v>126</v>
      </c>
      <c r="H16481" t="s">
        <v>121</v>
      </c>
      <c r="I16481" t="s">
        <v>15</v>
      </c>
      <c r="J16481" s="10">
        <v>29.24509831342824</v>
      </c>
    </row>
    <row r="16482" spans="1:10" x14ac:dyDescent="0.35">
      <c r="A16482" t="s">
        <v>22</v>
      </c>
      <c r="B16482" t="s">
        <v>78</v>
      </c>
      <c r="C16482" t="s">
        <v>117</v>
      </c>
      <c r="D16482" t="s">
        <v>118</v>
      </c>
      <c r="E16482" s="6">
        <v>2021</v>
      </c>
      <c r="F16482" s="6">
        <v>2021</v>
      </c>
      <c r="G16482" t="s">
        <v>126</v>
      </c>
      <c r="H16482" t="s">
        <v>121</v>
      </c>
      <c r="I16482" t="s">
        <v>15</v>
      </c>
      <c r="J16482" s="10">
        <v>32.24419981579755</v>
      </c>
    </row>
    <row r="16483" spans="1:10" x14ac:dyDescent="0.35">
      <c r="A16483" t="s">
        <v>28</v>
      </c>
      <c r="B16483" t="s">
        <v>79</v>
      </c>
      <c r="C16483" t="s">
        <v>117</v>
      </c>
      <c r="D16483" t="s">
        <v>118</v>
      </c>
      <c r="E16483" s="6">
        <v>2021</v>
      </c>
      <c r="F16483" s="6">
        <v>2021</v>
      </c>
      <c r="G16483" t="s">
        <v>126</v>
      </c>
      <c r="H16483" t="s">
        <v>121</v>
      </c>
      <c r="I16483" t="s">
        <v>15</v>
      </c>
      <c r="J16483" s="10">
        <v>30.174002537038369</v>
      </c>
    </row>
    <row r="16484" spans="1:10" x14ac:dyDescent="0.35">
      <c r="A16484" t="s">
        <v>26</v>
      </c>
      <c r="B16484" t="s">
        <v>80</v>
      </c>
      <c r="C16484" t="s">
        <v>117</v>
      </c>
      <c r="D16484" t="s">
        <v>118</v>
      </c>
      <c r="E16484" s="6">
        <v>2021</v>
      </c>
      <c r="F16484" s="6">
        <v>2021</v>
      </c>
      <c r="G16484" t="s">
        <v>126</v>
      </c>
      <c r="H16484" t="s">
        <v>121</v>
      </c>
      <c r="I16484" t="s">
        <v>15</v>
      </c>
      <c r="J16484" s="10">
        <v>29.75056911365138</v>
      </c>
    </row>
    <row r="16485" spans="1:10" x14ac:dyDescent="0.35">
      <c r="A16485" t="s">
        <v>20</v>
      </c>
      <c r="B16485" t="s">
        <v>81</v>
      </c>
      <c r="C16485" t="s">
        <v>117</v>
      </c>
      <c r="D16485" t="s">
        <v>118</v>
      </c>
      <c r="E16485" s="6">
        <v>2021</v>
      </c>
      <c r="F16485" s="6">
        <v>2021</v>
      </c>
      <c r="G16485" t="s">
        <v>126</v>
      </c>
      <c r="H16485" t="s">
        <v>121</v>
      </c>
      <c r="I16485" t="s">
        <v>15</v>
      </c>
      <c r="J16485" s="10">
        <v>31.908977269828309</v>
      </c>
    </row>
    <row r="16486" spans="1:10" x14ac:dyDescent="0.35">
      <c r="A16486" t="s">
        <v>26</v>
      </c>
      <c r="B16486" t="s">
        <v>57</v>
      </c>
      <c r="C16486" t="s">
        <v>117</v>
      </c>
      <c r="D16486" t="s">
        <v>118</v>
      </c>
      <c r="E16486" s="6">
        <v>2021</v>
      </c>
      <c r="F16486" s="6">
        <v>2021</v>
      </c>
      <c r="G16486" t="s">
        <v>126</v>
      </c>
      <c r="H16486" t="s">
        <v>121</v>
      </c>
      <c r="I16486" t="s">
        <v>15</v>
      </c>
      <c r="J16486" s="10">
        <v>26.682031075756452</v>
      </c>
    </row>
    <row r="16487" spans="1:10" x14ac:dyDescent="0.35">
      <c r="A16487" t="s">
        <v>33</v>
      </c>
      <c r="B16487" t="s">
        <v>82</v>
      </c>
      <c r="C16487" t="s">
        <v>117</v>
      </c>
      <c r="D16487" t="s">
        <v>118</v>
      </c>
      <c r="E16487" s="6">
        <v>2021</v>
      </c>
      <c r="F16487" s="6">
        <v>2021</v>
      </c>
      <c r="G16487" t="s">
        <v>126</v>
      </c>
      <c r="H16487" t="s">
        <v>121</v>
      </c>
      <c r="I16487" t="s">
        <v>15</v>
      </c>
      <c r="J16487" s="10">
        <v>25.577002690954252</v>
      </c>
    </row>
    <row r="16488" spans="1:10" x14ac:dyDescent="0.35">
      <c r="A16488" t="s">
        <v>26</v>
      </c>
      <c r="B16488" t="s">
        <v>83</v>
      </c>
      <c r="C16488" t="s">
        <v>117</v>
      </c>
      <c r="D16488" t="s">
        <v>118</v>
      </c>
      <c r="E16488" s="6">
        <v>2021</v>
      </c>
      <c r="F16488" s="6">
        <v>2021</v>
      </c>
      <c r="G16488" t="s">
        <v>126</v>
      </c>
      <c r="H16488" t="s">
        <v>121</v>
      </c>
      <c r="I16488" t="s">
        <v>15</v>
      </c>
      <c r="J16488" s="10">
        <v>28.731474947071277</v>
      </c>
    </row>
    <row r="16489" spans="1:10" x14ac:dyDescent="0.35">
      <c r="A16489" t="s">
        <v>35</v>
      </c>
      <c r="B16489" t="s">
        <v>84</v>
      </c>
      <c r="C16489" t="s">
        <v>117</v>
      </c>
      <c r="D16489" t="s">
        <v>118</v>
      </c>
      <c r="E16489" s="6">
        <v>2021</v>
      </c>
      <c r="F16489" s="6">
        <v>2021</v>
      </c>
      <c r="G16489" t="s">
        <v>126</v>
      </c>
      <c r="H16489" t="s">
        <v>121</v>
      </c>
      <c r="I16489" t="s">
        <v>15</v>
      </c>
      <c r="J16489" s="10">
        <v>32.466136314771013</v>
      </c>
    </row>
    <row r="16490" spans="1:10" x14ac:dyDescent="0.35">
      <c r="A16490" t="s">
        <v>33</v>
      </c>
      <c r="B16490" t="s">
        <v>85</v>
      </c>
      <c r="C16490" t="s">
        <v>117</v>
      </c>
      <c r="D16490" t="s">
        <v>118</v>
      </c>
      <c r="E16490" s="6">
        <v>2021</v>
      </c>
      <c r="F16490" s="6">
        <v>2021</v>
      </c>
      <c r="G16490" t="s">
        <v>126</v>
      </c>
      <c r="H16490" t="s">
        <v>121</v>
      </c>
      <c r="I16490" t="s">
        <v>15</v>
      </c>
      <c r="J16490" s="10">
        <v>28.457167479061752</v>
      </c>
    </row>
    <row r="16491" spans="1:10" x14ac:dyDescent="0.35">
      <c r="A16491" t="s">
        <v>33</v>
      </c>
      <c r="B16491" t="s">
        <v>86</v>
      </c>
      <c r="C16491" t="s">
        <v>117</v>
      </c>
      <c r="D16491" t="s">
        <v>118</v>
      </c>
      <c r="E16491" s="6">
        <v>2021</v>
      </c>
      <c r="F16491" s="6">
        <v>2021</v>
      </c>
      <c r="G16491" t="s">
        <v>126</v>
      </c>
      <c r="H16491" t="s">
        <v>121</v>
      </c>
      <c r="I16491" t="s">
        <v>15</v>
      </c>
      <c r="J16491" s="10">
        <v>28.392229597813355</v>
      </c>
    </row>
    <row r="16492" spans="1:10" x14ac:dyDescent="0.35">
      <c r="A16492" t="s">
        <v>35</v>
      </c>
      <c r="B16492" t="s">
        <v>87</v>
      </c>
      <c r="C16492" t="s">
        <v>117</v>
      </c>
      <c r="D16492" t="s">
        <v>118</v>
      </c>
      <c r="E16492" s="6">
        <v>2021</v>
      </c>
      <c r="F16492" s="6">
        <v>2021</v>
      </c>
      <c r="G16492" t="s">
        <v>126</v>
      </c>
      <c r="H16492" t="s">
        <v>121</v>
      </c>
      <c r="I16492" t="s">
        <v>15</v>
      </c>
      <c r="J16492" s="10">
        <v>30.591550932651518</v>
      </c>
    </row>
    <row r="16493" spans="1:10" x14ac:dyDescent="0.35">
      <c r="A16493" t="s">
        <v>35</v>
      </c>
      <c r="B16493" t="s">
        <v>88</v>
      </c>
      <c r="C16493" t="s">
        <v>117</v>
      </c>
      <c r="D16493" t="s">
        <v>118</v>
      </c>
      <c r="E16493" s="6">
        <v>2021</v>
      </c>
      <c r="F16493" s="6">
        <v>2021</v>
      </c>
      <c r="G16493" t="s">
        <v>126</v>
      </c>
      <c r="H16493" t="s">
        <v>121</v>
      </c>
      <c r="I16493" t="s">
        <v>15</v>
      </c>
      <c r="J16493" s="10">
        <v>30.261128399404679</v>
      </c>
    </row>
    <row r="16494" spans="1:10" x14ac:dyDescent="0.35">
      <c r="A16494" t="s">
        <v>62</v>
      </c>
      <c r="B16494" t="s">
        <v>89</v>
      </c>
      <c r="C16494" t="s">
        <v>117</v>
      </c>
      <c r="D16494" t="s">
        <v>118</v>
      </c>
      <c r="E16494" s="6">
        <v>2021</v>
      </c>
      <c r="F16494" s="6">
        <v>2021</v>
      </c>
      <c r="G16494" t="s">
        <v>126</v>
      </c>
      <c r="H16494" t="s">
        <v>121</v>
      </c>
      <c r="I16494" t="s">
        <v>15</v>
      </c>
      <c r="J16494" s="10">
        <v>32.663005837538336</v>
      </c>
    </row>
    <row r="16495" spans="1:10" x14ac:dyDescent="0.35">
      <c r="A16495" t="s">
        <v>26</v>
      </c>
      <c r="B16495" t="s">
        <v>90</v>
      </c>
      <c r="C16495" t="s">
        <v>117</v>
      </c>
      <c r="D16495" t="s">
        <v>118</v>
      </c>
      <c r="E16495" s="6">
        <v>2021</v>
      </c>
      <c r="F16495" s="6">
        <v>2021</v>
      </c>
      <c r="G16495" t="s">
        <v>126</v>
      </c>
      <c r="H16495" t="s">
        <v>121</v>
      </c>
      <c r="I16495" t="s">
        <v>15</v>
      </c>
      <c r="J16495" s="10">
        <v>29.619805481874444</v>
      </c>
    </row>
    <row r="16496" spans="1:10" x14ac:dyDescent="0.35">
      <c r="A16496" t="s">
        <v>26</v>
      </c>
      <c r="B16496" t="s">
        <v>91</v>
      </c>
      <c r="C16496" t="s">
        <v>117</v>
      </c>
      <c r="D16496" t="s">
        <v>118</v>
      </c>
      <c r="E16496" s="6">
        <v>2021</v>
      </c>
      <c r="F16496" s="6">
        <v>2021</v>
      </c>
      <c r="G16496" t="s">
        <v>126</v>
      </c>
      <c r="H16496" t="s">
        <v>121</v>
      </c>
      <c r="I16496" t="s">
        <v>15</v>
      </c>
      <c r="J16496" s="10">
        <v>28.024455483377913</v>
      </c>
    </row>
    <row r="16497" spans="1:10" x14ac:dyDescent="0.35">
      <c r="A16497" t="s">
        <v>33</v>
      </c>
      <c r="B16497" t="s">
        <v>92</v>
      </c>
      <c r="C16497" t="s">
        <v>117</v>
      </c>
      <c r="D16497" t="s">
        <v>118</v>
      </c>
      <c r="E16497" s="6">
        <v>2021</v>
      </c>
      <c r="F16497" s="6">
        <v>2021</v>
      </c>
      <c r="G16497" t="s">
        <v>126</v>
      </c>
      <c r="H16497" t="s">
        <v>121</v>
      </c>
      <c r="I16497" t="s">
        <v>15</v>
      </c>
      <c r="J16497" s="10">
        <v>30.943025540275048</v>
      </c>
    </row>
    <row r="16498" spans="1:10" x14ac:dyDescent="0.35">
      <c r="A16498" t="s">
        <v>35</v>
      </c>
      <c r="B16498" t="s">
        <v>93</v>
      </c>
      <c r="C16498" t="s">
        <v>117</v>
      </c>
      <c r="D16498" t="s">
        <v>118</v>
      </c>
      <c r="E16498" s="6">
        <v>2021</v>
      </c>
      <c r="F16498" s="6">
        <v>2021</v>
      </c>
      <c r="G16498" t="s">
        <v>126</v>
      </c>
      <c r="H16498" t="s">
        <v>121</v>
      </c>
      <c r="I16498" t="s">
        <v>15</v>
      </c>
      <c r="J16498" s="10">
        <v>28.148237566393046</v>
      </c>
    </row>
    <row r="16499" spans="1:10" x14ac:dyDescent="0.35">
      <c r="A16499" t="s">
        <v>20</v>
      </c>
      <c r="B16499" t="s">
        <v>94</v>
      </c>
      <c r="C16499" t="s">
        <v>117</v>
      </c>
      <c r="D16499" t="s">
        <v>118</v>
      </c>
      <c r="E16499" s="6">
        <v>2021</v>
      </c>
      <c r="F16499" s="6">
        <v>2021</v>
      </c>
      <c r="G16499" t="s">
        <v>126</v>
      </c>
      <c r="H16499" t="s">
        <v>121</v>
      </c>
      <c r="I16499" t="s">
        <v>15</v>
      </c>
      <c r="J16499" s="10">
        <v>31.374601015122185</v>
      </c>
    </row>
    <row r="16500" spans="1:10" x14ac:dyDescent="0.35">
      <c r="A16500" t="s">
        <v>10</v>
      </c>
      <c r="B16500" t="s">
        <v>11</v>
      </c>
      <c r="C16500" t="s">
        <v>117</v>
      </c>
      <c r="D16500" t="s">
        <v>118</v>
      </c>
      <c r="E16500" s="6">
        <v>2021</v>
      </c>
      <c r="F16500" s="6">
        <v>2021</v>
      </c>
      <c r="G16500" t="s">
        <v>125</v>
      </c>
      <c r="H16500" t="s">
        <v>121</v>
      </c>
      <c r="I16500" t="s">
        <v>15</v>
      </c>
      <c r="J16500" s="10">
        <v>47.03846153846154</v>
      </c>
    </row>
    <row r="16501" spans="1:10" x14ac:dyDescent="0.35">
      <c r="A16501" t="s">
        <v>10</v>
      </c>
      <c r="B16501" t="s">
        <v>16</v>
      </c>
      <c r="C16501" t="s">
        <v>117</v>
      </c>
      <c r="D16501" t="s">
        <v>118</v>
      </c>
      <c r="E16501" s="6">
        <v>2021</v>
      </c>
      <c r="F16501" s="6">
        <v>2021</v>
      </c>
      <c r="G16501" t="s">
        <v>125</v>
      </c>
      <c r="H16501" t="s">
        <v>121</v>
      </c>
      <c r="I16501" t="s">
        <v>15</v>
      </c>
      <c r="J16501" s="10">
        <v>37.21992438275521</v>
      </c>
    </row>
    <row r="16502" spans="1:10" x14ac:dyDescent="0.35">
      <c r="A16502" t="s">
        <v>10</v>
      </c>
      <c r="B16502" t="s">
        <v>17</v>
      </c>
      <c r="C16502" t="s">
        <v>117</v>
      </c>
      <c r="D16502" t="s">
        <v>118</v>
      </c>
      <c r="E16502" s="6">
        <v>2021</v>
      </c>
      <c r="F16502" s="6">
        <v>2021</v>
      </c>
      <c r="G16502" t="s">
        <v>125</v>
      </c>
      <c r="H16502" t="s">
        <v>121</v>
      </c>
      <c r="I16502" t="s">
        <v>15</v>
      </c>
      <c r="J16502" s="10">
        <v>36.729822467551841</v>
      </c>
    </row>
    <row r="16503" spans="1:10" x14ac:dyDescent="0.35">
      <c r="A16503" t="s">
        <v>10</v>
      </c>
      <c r="B16503" t="s">
        <v>18</v>
      </c>
      <c r="C16503" t="s">
        <v>117</v>
      </c>
      <c r="D16503" t="s">
        <v>118</v>
      </c>
      <c r="E16503" s="6">
        <v>2021</v>
      </c>
      <c r="F16503" s="6">
        <v>2021</v>
      </c>
      <c r="G16503" t="s">
        <v>125</v>
      </c>
      <c r="H16503" t="s">
        <v>121</v>
      </c>
      <c r="I16503" t="s">
        <v>15</v>
      </c>
      <c r="J16503" s="10">
        <v>30.937892636298685</v>
      </c>
    </row>
    <row r="16504" spans="1:10" x14ac:dyDescent="0.35">
      <c r="A16504" t="s">
        <v>10</v>
      </c>
      <c r="B16504" t="s">
        <v>19</v>
      </c>
      <c r="C16504" t="s">
        <v>117</v>
      </c>
      <c r="D16504" t="s">
        <v>118</v>
      </c>
      <c r="E16504" s="6">
        <v>2021</v>
      </c>
      <c r="F16504" s="6">
        <v>2021</v>
      </c>
      <c r="G16504" t="s">
        <v>125</v>
      </c>
      <c r="H16504" t="s">
        <v>121</v>
      </c>
      <c r="I16504" t="s">
        <v>15</v>
      </c>
      <c r="J16504" s="10">
        <v>28.924556057581167</v>
      </c>
    </row>
    <row r="16505" spans="1:10" x14ac:dyDescent="0.35">
      <c r="A16505" t="s">
        <v>20</v>
      </c>
      <c r="B16505" t="s">
        <v>21</v>
      </c>
      <c r="C16505" t="s">
        <v>117</v>
      </c>
      <c r="D16505" t="s">
        <v>118</v>
      </c>
      <c r="E16505" s="6">
        <v>2021</v>
      </c>
      <c r="F16505" s="6">
        <v>2021</v>
      </c>
      <c r="G16505" t="s">
        <v>125</v>
      </c>
      <c r="H16505" t="s">
        <v>121</v>
      </c>
      <c r="I16505" t="s">
        <v>15</v>
      </c>
      <c r="J16505" s="10">
        <v>32.437239408694637</v>
      </c>
    </row>
    <row r="16506" spans="1:10" x14ac:dyDescent="0.35">
      <c r="A16506" t="s">
        <v>22</v>
      </c>
      <c r="B16506" t="s">
        <v>23</v>
      </c>
      <c r="C16506" t="s">
        <v>117</v>
      </c>
      <c r="D16506" t="s">
        <v>118</v>
      </c>
      <c r="E16506" s="6">
        <v>2021</v>
      </c>
      <c r="F16506" s="6">
        <v>2021</v>
      </c>
      <c r="G16506" t="s">
        <v>125</v>
      </c>
      <c r="H16506" t="s">
        <v>121</v>
      </c>
      <c r="I16506" t="s">
        <v>15</v>
      </c>
      <c r="J16506" s="10">
        <v>32.86045497325712</v>
      </c>
    </row>
    <row r="16507" spans="1:10" x14ac:dyDescent="0.35">
      <c r="A16507" t="s">
        <v>10</v>
      </c>
      <c r="B16507" t="s">
        <v>24</v>
      </c>
      <c r="C16507" t="s">
        <v>117</v>
      </c>
      <c r="D16507" t="s">
        <v>118</v>
      </c>
      <c r="E16507" s="6">
        <v>2021</v>
      </c>
      <c r="F16507" s="6">
        <v>2021</v>
      </c>
      <c r="G16507" t="s">
        <v>125</v>
      </c>
      <c r="H16507" t="s">
        <v>121</v>
      </c>
      <c r="I16507" t="s">
        <v>15</v>
      </c>
      <c r="J16507" s="10">
        <v>28.534348503201244</v>
      </c>
    </row>
    <row r="16508" spans="1:10" x14ac:dyDescent="0.35">
      <c r="A16508" t="s">
        <v>10</v>
      </c>
      <c r="B16508" t="s">
        <v>25</v>
      </c>
      <c r="C16508" t="s">
        <v>117</v>
      </c>
      <c r="D16508" t="s">
        <v>118</v>
      </c>
      <c r="E16508" s="6">
        <v>2021</v>
      </c>
      <c r="F16508" s="6">
        <v>2021</v>
      </c>
      <c r="G16508" t="s">
        <v>125</v>
      </c>
      <c r="H16508" t="s">
        <v>121</v>
      </c>
      <c r="I16508" t="s">
        <v>15</v>
      </c>
      <c r="J16508" s="10">
        <v>27.620650953984288</v>
      </c>
    </row>
    <row r="16509" spans="1:10" x14ac:dyDescent="0.35">
      <c r="A16509" t="s">
        <v>26</v>
      </c>
      <c r="B16509" t="s">
        <v>27</v>
      </c>
      <c r="C16509" t="s">
        <v>117</v>
      </c>
      <c r="D16509" t="s">
        <v>118</v>
      </c>
      <c r="E16509" s="6">
        <v>2021</v>
      </c>
      <c r="F16509" s="6">
        <v>2021</v>
      </c>
      <c r="G16509" t="s">
        <v>125</v>
      </c>
      <c r="H16509" t="s">
        <v>121</v>
      </c>
      <c r="I16509" t="s">
        <v>15</v>
      </c>
      <c r="J16509" s="10">
        <v>25.362024631208552</v>
      </c>
    </row>
    <row r="16510" spans="1:10" x14ac:dyDescent="0.35">
      <c r="A16510" t="s">
        <v>28</v>
      </c>
      <c r="B16510" t="s">
        <v>29</v>
      </c>
      <c r="C16510" t="s">
        <v>117</v>
      </c>
      <c r="D16510" t="s">
        <v>118</v>
      </c>
      <c r="E16510" s="6">
        <v>2021</v>
      </c>
      <c r="F16510" s="6">
        <v>2021</v>
      </c>
      <c r="G16510" t="s">
        <v>125</v>
      </c>
      <c r="H16510" t="s">
        <v>121</v>
      </c>
      <c r="I16510" t="s">
        <v>15</v>
      </c>
      <c r="J16510" s="10">
        <v>26.695608050966907</v>
      </c>
    </row>
    <row r="16511" spans="1:10" x14ac:dyDescent="0.35">
      <c r="A16511" t="s">
        <v>10</v>
      </c>
      <c r="B16511" t="s">
        <v>30</v>
      </c>
      <c r="C16511" t="s">
        <v>117</v>
      </c>
      <c r="D16511" t="s">
        <v>118</v>
      </c>
      <c r="E16511" s="6">
        <v>2021</v>
      </c>
      <c r="F16511" s="6">
        <v>2021</v>
      </c>
      <c r="G16511" t="s">
        <v>125</v>
      </c>
      <c r="H16511" t="s">
        <v>121</v>
      </c>
      <c r="I16511" t="s">
        <v>15</v>
      </c>
      <c r="J16511" s="10">
        <v>30.701707577374599</v>
      </c>
    </row>
    <row r="16512" spans="1:10" x14ac:dyDescent="0.35">
      <c r="A16512" t="s">
        <v>26</v>
      </c>
      <c r="B16512" t="s">
        <v>31</v>
      </c>
      <c r="C16512" t="s">
        <v>117</v>
      </c>
      <c r="D16512" t="s">
        <v>118</v>
      </c>
      <c r="E16512" s="6">
        <v>2021</v>
      </c>
      <c r="F16512" s="6">
        <v>2021</v>
      </c>
      <c r="G16512" t="s">
        <v>125</v>
      </c>
      <c r="H16512" t="s">
        <v>121</v>
      </c>
      <c r="I16512" t="s">
        <v>15</v>
      </c>
      <c r="J16512" s="10">
        <v>25.926139808852827</v>
      </c>
    </row>
    <row r="16513" spans="1:10" x14ac:dyDescent="0.35">
      <c r="A16513" t="s">
        <v>28</v>
      </c>
      <c r="B16513" t="s">
        <v>32</v>
      </c>
      <c r="C16513" t="s">
        <v>117</v>
      </c>
      <c r="D16513" t="s">
        <v>118</v>
      </c>
      <c r="E16513" s="6">
        <v>2021</v>
      </c>
      <c r="F16513" s="6">
        <v>2021</v>
      </c>
      <c r="G16513" t="s">
        <v>125</v>
      </c>
      <c r="H16513" t="s">
        <v>121</v>
      </c>
      <c r="I16513" t="s">
        <v>15</v>
      </c>
      <c r="J16513" s="10">
        <v>26.811399742378704</v>
      </c>
    </row>
    <row r="16514" spans="1:10" x14ac:dyDescent="0.35">
      <c r="A16514" t="s">
        <v>33</v>
      </c>
      <c r="B16514" t="s">
        <v>34</v>
      </c>
      <c r="C16514" t="s">
        <v>117</v>
      </c>
      <c r="D16514" t="s">
        <v>118</v>
      </c>
      <c r="E16514" s="6">
        <v>2021</v>
      </c>
      <c r="F16514" s="6">
        <v>2021</v>
      </c>
      <c r="G16514" t="s">
        <v>125</v>
      </c>
      <c r="H16514" t="s">
        <v>121</v>
      </c>
      <c r="I16514" t="s">
        <v>15</v>
      </c>
      <c r="J16514" s="10">
        <v>28.942145778205436</v>
      </c>
    </row>
    <row r="16515" spans="1:10" x14ac:dyDescent="0.35">
      <c r="A16515" t="s">
        <v>35</v>
      </c>
      <c r="B16515" t="s">
        <v>36</v>
      </c>
      <c r="C16515" t="s">
        <v>117</v>
      </c>
      <c r="D16515" t="s">
        <v>118</v>
      </c>
      <c r="E16515" s="6">
        <v>2021</v>
      </c>
      <c r="F16515" s="6">
        <v>2021</v>
      </c>
      <c r="G16515" t="s">
        <v>125</v>
      </c>
      <c r="H16515" t="s">
        <v>121</v>
      </c>
      <c r="I16515" t="s">
        <v>15</v>
      </c>
      <c r="J16515" s="10">
        <v>28.538053733489082</v>
      </c>
    </row>
    <row r="16516" spans="1:10" x14ac:dyDescent="0.35">
      <c r="A16516" t="s">
        <v>28</v>
      </c>
      <c r="B16516" t="s">
        <v>37</v>
      </c>
      <c r="C16516" t="s">
        <v>117</v>
      </c>
      <c r="D16516" t="s">
        <v>118</v>
      </c>
      <c r="E16516" s="6">
        <v>2021</v>
      </c>
      <c r="F16516" s="6">
        <v>2021</v>
      </c>
      <c r="G16516" t="s">
        <v>125</v>
      </c>
      <c r="H16516" t="s">
        <v>121</v>
      </c>
      <c r="I16516" t="s">
        <v>15</v>
      </c>
      <c r="J16516" s="10">
        <v>28.093922651933699</v>
      </c>
    </row>
    <row r="16517" spans="1:10" x14ac:dyDescent="0.35">
      <c r="A16517" t="s">
        <v>20</v>
      </c>
      <c r="B16517" t="s">
        <v>38</v>
      </c>
      <c r="C16517" t="s">
        <v>117</v>
      </c>
      <c r="D16517" t="s">
        <v>118</v>
      </c>
      <c r="E16517" s="6">
        <v>2021</v>
      </c>
      <c r="F16517" s="6">
        <v>2021</v>
      </c>
      <c r="G16517" t="s">
        <v>125</v>
      </c>
      <c r="H16517" t="s">
        <v>121</v>
      </c>
      <c r="I16517" t="s">
        <v>15</v>
      </c>
      <c r="J16517" s="10">
        <v>32.825348713199183</v>
      </c>
    </row>
    <row r="16518" spans="1:10" x14ac:dyDescent="0.35">
      <c r="A16518" t="s">
        <v>33</v>
      </c>
      <c r="B16518" t="s">
        <v>39</v>
      </c>
      <c r="C16518" t="s">
        <v>117</v>
      </c>
      <c r="D16518" t="s">
        <v>118</v>
      </c>
      <c r="E16518" s="6">
        <v>2021</v>
      </c>
      <c r="F16518" s="6">
        <v>2021</v>
      </c>
      <c r="G16518" t="s">
        <v>125</v>
      </c>
      <c r="H16518" t="s">
        <v>121</v>
      </c>
      <c r="I16518" t="s">
        <v>15</v>
      </c>
      <c r="J16518" s="10">
        <v>31.034772854739202</v>
      </c>
    </row>
    <row r="16519" spans="1:10" x14ac:dyDescent="0.35">
      <c r="A16519" t="s">
        <v>20</v>
      </c>
      <c r="B16519" t="s">
        <v>40</v>
      </c>
      <c r="C16519" t="s">
        <v>117</v>
      </c>
      <c r="D16519" t="s">
        <v>118</v>
      </c>
      <c r="E16519" s="6">
        <v>2021</v>
      </c>
      <c r="F16519" s="6">
        <v>2021</v>
      </c>
      <c r="G16519" t="s">
        <v>125</v>
      </c>
      <c r="H16519" t="s">
        <v>121</v>
      </c>
      <c r="I16519" t="s">
        <v>15</v>
      </c>
      <c r="J16519" s="10">
        <v>31.046239771398881</v>
      </c>
    </row>
    <row r="16520" spans="1:10" x14ac:dyDescent="0.35">
      <c r="A16520" t="s">
        <v>35</v>
      </c>
      <c r="B16520" t="s">
        <v>41</v>
      </c>
      <c r="C16520" t="s">
        <v>117</v>
      </c>
      <c r="D16520" t="s">
        <v>118</v>
      </c>
      <c r="E16520" s="6">
        <v>2021</v>
      </c>
      <c r="F16520" s="6">
        <v>2021</v>
      </c>
      <c r="G16520" t="s">
        <v>125</v>
      </c>
      <c r="H16520" t="s">
        <v>121</v>
      </c>
      <c r="I16520" t="s">
        <v>15</v>
      </c>
      <c r="J16520" s="10">
        <v>25.284508076358296</v>
      </c>
    </row>
    <row r="16521" spans="1:10" x14ac:dyDescent="0.35">
      <c r="A16521" t="s">
        <v>35</v>
      </c>
      <c r="B16521" t="s">
        <v>42</v>
      </c>
      <c r="C16521" t="s">
        <v>117</v>
      </c>
      <c r="D16521" t="s">
        <v>118</v>
      </c>
      <c r="E16521" s="6">
        <v>2021</v>
      </c>
      <c r="F16521" s="6">
        <v>2021</v>
      </c>
      <c r="G16521" t="s">
        <v>125</v>
      </c>
      <c r="H16521" t="s">
        <v>121</v>
      </c>
      <c r="I16521" t="s">
        <v>15</v>
      </c>
      <c r="J16521" s="10">
        <v>29.163849447825108</v>
      </c>
    </row>
    <row r="16522" spans="1:10" x14ac:dyDescent="0.35">
      <c r="A16522" t="s">
        <v>35</v>
      </c>
      <c r="B16522" t="s">
        <v>43</v>
      </c>
      <c r="C16522" t="s">
        <v>117</v>
      </c>
      <c r="D16522" t="s">
        <v>118</v>
      </c>
      <c r="E16522" s="6">
        <v>2021</v>
      </c>
      <c r="F16522" s="6">
        <v>2021</v>
      </c>
      <c r="G16522" t="s">
        <v>125</v>
      </c>
      <c r="H16522" t="s">
        <v>121</v>
      </c>
      <c r="I16522" t="s">
        <v>15</v>
      </c>
      <c r="J16522" s="10">
        <v>29.875726319886571</v>
      </c>
    </row>
    <row r="16523" spans="1:10" x14ac:dyDescent="0.35">
      <c r="A16523" t="s">
        <v>28</v>
      </c>
      <c r="B16523" t="s">
        <v>44</v>
      </c>
      <c r="C16523" t="s">
        <v>117</v>
      </c>
      <c r="D16523" t="s">
        <v>118</v>
      </c>
      <c r="E16523" s="6">
        <v>2021</v>
      </c>
      <c r="F16523" s="6">
        <v>2021</v>
      </c>
      <c r="G16523" t="s">
        <v>125</v>
      </c>
      <c r="H16523" t="s">
        <v>121</v>
      </c>
      <c r="I16523" t="s">
        <v>15</v>
      </c>
      <c r="J16523" s="10">
        <v>25.564253624942836</v>
      </c>
    </row>
    <row r="16524" spans="1:10" x14ac:dyDescent="0.35">
      <c r="A16524" t="s">
        <v>10</v>
      </c>
      <c r="B16524" t="s">
        <v>45</v>
      </c>
      <c r="C16524" t="s">
        <v>117</v>
      </c>
      <c r="D16524" t="s">
        <v>118</v>
      </c>
      <c r="E16524" s="6">
        <v>2021</v>
      </c>
      <c r="F16524" s="6">
        <v>2021</v>
      </c>
      <c r="G16524" t="s">
        <v>125</v>
      </c>
      <c r="H16524" t="s">
        <v>121</v>
      </c>
      <c r="I16524" t="s">
        <v>15</v>
      </c>
      <c r="J16524" s="10">
        <v>35.760233918128655</v>
      </c>
    </row>
    <row r="16525" spans="1:10" x14ac:dyDescent="0.35">
      <c r="A16525" t="s">
        <v>10</v>
      </c>
      <c r="B16525" t="s">
        <v>46</v>
      </c>
      <c r="C16525" t="s">
        <v>117</v>
      </c>
      <c r="D16525" t="s">
        <v>118</v>
      </c>
      <c r="E16525" s="6">
        <v>2021</v>
      </c>
      <c r="F16525" s="6">
        <v>2021</v>
      </c>
      <c r="G16525" t="s">
        <v>125</v>
      </c>
      <c r="H16525" t="s">
        <v>121</v>
      </c>
      <c r="I16525" t="s">
        <v>15</v>
      </c>
      <c r="J16525" s="10">
        <v>35.226904376012968</v>
      </c>
    </row>
    <row r="16526" spans="1:10" x14ac:dyDescent="0.35">
      <c r="A16526" t="s">
        <v>33</v>
      </c>
      <c r="B16526" t="s">
        <v>47</v>
      </c>
      <c r="C16526" t="s">
        <v>117</v>
      </c>
      <c r="D16526" t="s">
        <v>118</v>
      </c>
      <c r="E16526" s="6">
        <v>2021</v>
      </c>
      <c r="F16526" s="6">
        <v>2021</v>
      </c>
      <c r="G16526" t="s">
        <v>125</v>
      </c>
      <c r="H16526" t="s">
        <v>121</v>
      </c>
      <c r="I16526" t="s">
        <v>15</v>
      </c>
      <c r="J16526" s="10">
        <v>32.482063767515342</v>
      </c>
    </row>
    <row r="16527" spans="1:10" x14ac:dyDescent="0.35">
      <c r="A16527" t="s">
        <v>20</v>
      </c>
      <c r="B16527" t="s">
        <v>48</v>
      </c>
      <c r="C16527" t="s">
        <v>117</v>
      </c>
      <c r="D16527" t="s">
        <v>118</v>
      </c>
      <c r="E16527" s="6">
        <v>2021</v>
      </c>
      <c r="F16527" s="6">
        <v>2021</v>
      </c>
      <c r="G16527" t="s">
        <v>125</v>
      </c>
      <c r="H16527" t="s">
        <v>121</v>
      </c>
      <c r="I16527" t="s">
        <v>15</v>
      </c>
      <c r="J16527" s="10">
        <v>31.091728372289122</v>
      </c>
    </row>
    <row r="16528" spans="1:10" x14ac:dyDescent="0.35">
      <c r="A16528" t="s">
        <v>28</v>
      </c>
      <c r="B16528" t="s">
        <v>49</v>
      </c>
      <c r="C16528" t="s">
        <v>117</v>
      </c>
      <c r="D16528" t="s">
        <v>118</v>
      </c>
      <c r="E16528" s="6">
        <v>2021</v>
      </c>
      <c r="F16528" s="6">
        <v>2021</v>
      </c>
      <c r="G16528" t="s">
        <v>125</v>
      </c>
      <c r="H16528" t="s">
        <v>121</v>
      </c>
      <c r="I16528" t="s">
        <v>15</v>
      </c>
      <c r="J16528" s="10">
        <v>28.520025807732392</v>
      </c>
    </row>
    <row r="16529" spans="1:10" x14ac:dyDescent="0.35">
      <c r="A16529" t="s">
        <v>35</v>
      </c>
      <c r="B16529" t="s">
        <v>50</v>
      </c>
      <c r="C16529" t="s">
        <v>117</v>
      </c>
      <c r="D16529" t="s">
        <v>118</v>
      </c>
      <c r="E16529" s="6">
        <v>2021</v>
      </c>
      <c r="F16529" s="6">
        <v>2021</v>
      </c>
      <c r="G16529" t="s">
        <v>125</v>
      </c>
      <c r="H16529" t="s">
        <v>121</v>
      </c>
      <c r="I16529" t="s">
        <v>15</v>
      </c>
      <c r="J16529" s="10">
        <v>27.281674240889224</v>
      </c>
    </row>
    <row r="16530" spans="1:10" x14ac:dyDescent="0.35">
      <c r="A16530" t="s">
        <v>22</v>
      </c>
      <c r="B16530" t="s">
        <v>51</v>
      </c>
      <c r="C16530" t="s">
        <v>117</v>
      </c>
      <c r="D16530" t="s">
        <v>118</v>
      </c>
      <c r="E16530" s="6">
        <v>2021</v>
      </c>
      <c r="F16530" s="6">
        <v>2021</v>
      </c>
      <c r="G16530" t="s">
        <v>125</v>
      </c>
      <c r="H16530" t="s">
        <v>121</v>
      </c>
      <c r="I16530" t="s">
        <v>15</v>
      </c>
      <c r="J16530" s="10">
        <v>45.436756590374429</v>
      </c>
    </row>
    <row r="16531" spans="1:10" x14ac:dyDescent="0.35">
      <c r="A16531" t="s">
        <v>22</v>
      </c>
      <c r="B16531" t="s">
        <v>52</v>
      </c>
      <c r="C16531" t="s">
        <v>117</v>
      </c>
      <c r="D16531" t="s">
        <v>118</v>
      </c>
      <c r="E16531" s="6">
        <v>2021</v>
      </c>
      <c r="F16531" s="6">
        <v>2021</v>
      </c>
      <c r="G16531" t="s">
        <v>125</v>
      </c>
      <c r="H16531" t="s">
        <v>121</v>
      </c>
      <c r="I16531" t="s">
        <v>15</v>
      </c>
      <c r="J16531" s="10">
        <v>39.741617267749675</v>
      </c>
    </row>
    <row r="16532" spans="1:10" x14ac:dyDescent="0.35">
      <c r="A16532" t="s">
        <v>22</v>
      </c>
      <c r="B16532" t="s">
        <v>53</v>
      </c>
      <c r="C16532" t="s">
        <v>117</v>
      </c>
      <c r="D16532" t="s">
        <v>118</v>
      </c>
      <c r="E16532" s="6">
        <v>2021</v>
      </c>
      <c r="F16532" s="6">
        <v>2021</v>
      </c>
      <c r="G16532" t="s">
        <v>125</v>
      </c>
      <c r="H16532" t="s">
        <v>121</v>
      </c>
      <c r="I16532" t="s">
        <v>15</v>
      </c>
      <c r="J16532" s="10">
        <v>51.586660870645218</v>
      </c>
    </row>
    <row r="16533" spans="1:10" x14ac:dyDescent="0.35">
      <c r="A16533" t="s">
        <v>22</v>
      </c>
      <c r="B16533" t="s">
        <v>54</v>
      </c>
      <c r="C16533" t="s">
        <v>117</v>
      </c>
      <c r="D16533" t="s">
        <v>118</v>
      </c>
      <c r="E16533" s="6">
        <v>2021</v>
      </c>
      <c r="F16533" s="6">
        <v>2021</v>
      </c>
      <c r="G16533" t="s">
        <v>125</v>
      </c>
      <c r="H16533" t="s">
        <v>121</v>
      </c>
      <c r="I16533" t="s">
        <v>15</v>
      </c>
      <c r="J16533" s="10">
        <v>35.722183650903858</v>
      </c>
    </row>
    <row r="16534" spans="1:10" x14ac:dyDescent="0.35">
      <c r="A16534" t="s">
        <v>22</v>
      </c>
      <c r="B16534" t="s">
        <v>55</v>
      </c>
      <c r="C16534" t="s">
        <v>117</v>
      </c>
      <c r="D16534" t="s">
        <v>118</v>
      </c>
      <c r="E16534" s="6">
        <v>2021</v>
      </c>
      <c r="F16534" s="6">
        <v>2021</v>
      </c>
      <c r="G16534" t="s">
        <v>125</v>
      </c>
      <c r="H16534" t="s">
        <v>121</v>
      </c>
      <c r="I16534" t="s">
        <v>15</v>
      </c>
      <c r="J16534" s="10">
        <v>39.522594752186592</v>
      </c>
    </row>
    <row r="16535" spans="1:10" x14ac:dyDescent="0.35">
      <c r="A16535" t="s">
        <v>22</v>
      </c>
      <c r="B16535" t="s">
        <v>56</v>
      </c>
      <c r="C16535" t="s">
        <v>117</v>
      </c>
      <c r="D16535" t="s">
        <v>118</v>
      </c>
      <c r="E16535" s="6">
        <v>2021</v>
      </c>
      <c r="F16535" s="6">
        <v>2021</v>
      </c>
      <c r="G16535" t="s">
        <v>125</v>
      </c>
      <c r="H16535" t="s">
        <v>121</v>
      </c>
      <c r="I16535" t="s">
        <v>15</v>
      </c>
      <c r="J16535" s="10">
        <v>35.424965206123723</v>
      </c>
    </row>
    <row r="16536" spans="1:10" x14ac:dyDescent="0.35">
      <c r="A16536" t="s">
        <v>28</v>
      </c>
      <c r="B16536" t="s">
        <v>58</v>
      </c>
      <c r="C16536" t="s">
        <v>117</v>
      </c>
      <c r="D16536" t="s">
        <v>118</v>
      </c>
      <c r="E16536" s="6">
        <v>2021</v>
      </c>
      <c r="F16536" s="6">
        <v>2021</v>
      </c>
      <c r="G16536" t="s">
        <v>125</v>
      </c>
      <c r="H16536" t="s">
        <v>121</v>
      </c>
      <c r="I16536" t="s">
        <v>15</v>
      </c>
      <c r="J16536" s="10">
        <v>23.790055912944148</v>
      </c>
    </row>
    <row r="16537" spans="1:10" x14ac:dyDescent="0.35">
      <c r="A16537" t="s">
        <v>20</v>
      </c>
      <c r="B16537" t="s">
        <v>59</v>
      </c>
      <c r="C16537" t="s">
        <v>117</v>
      </c>
      <c r="D16537" t="s">
        <v>118</v>
      </c>
      <c r="E16537" s="6">
        <v>2021</v>
      </c>
      <c r="F16537" s="6">
        <v>2021</v>
      </c>
      <c r="G16537" t="s">
        <v>125</v>
      </c>
      <c r="H16537" t="s">
        <v>121</v>
      </c>
      <c r="I16537" t="s">
        <v>15</v>
      </c>
      <c r="J16537" s="10">
        <v>31.108164618287521</v>
      </c>
    </row>
    <row r="16538" spans="1:10" x14ac:dyDescent="0.35">
      <c r="A16538" t="s">
        <v>20</v>
      </c>
      <c r="B16538" t="s">
        <v>60</v>
      </c>
      <c r="C16538" t="s">
        <v>117</v>
      </c>
      <c r="D16538" t="s">
        <v>118</v>
      </c>
      <c r="E16538" s="6">
        <v>2021</v>
      </c>
      <c r="F16538" s="6">
        <v>2021</v>
      </c>
      <c r="G16538" t="s">
        <v>125</v>
      </c>
      <c r="H16538" t="s">
        <v>121</v>
      </c>
      <c r="I16538" t="s">
        <v>15</v>
      </c>
      <c r="J16538" s="10">
        <v>32.177376392095184</v>
      </c>
    </row>
    <row r="16539" spans="1:10" x14ac:dyDescent="0.35">
      <c r="A16539" t="s">
        <v>28</v>
      </c>
      <c r="B16539" t="s">
        <v>61</v>
      </c>
      <c r="C16539" t="s">
        <v>117</v>
      </c>
      <c r="D16539" t="s">
        <v>118</v>
      </c>
      <c r="E16539" s="6">
        <v>2021</v>
      </c>
      <c r="F16539" s="6">
        <v>2021</v>
      </c>
      <c r="G16539" t="s">
        <v>125</v>
      </c>
      <c r="H16539" t="s">
        <v>121</v>
      </c>
      <c r="I16539" t="s">
        <v>15</v>
      </c>
      <c r="J16539" s="10">
        <v>25.390103174828756</v>
      </c>
    </row>
    <row r="16540" spans="1:10" x14ac:dyDescent="0.35">
      <c r="A16540" t="s">
        <v>62</v>
      </c>
      <c r="B16540" t="s">
        <v>63</v>
      </c>
      <c r="C16540" t="s">
        <v>117</v>
      </c>
      <c r="D16540" t="s">
        <v>118</v>
      </c>
      <c r="E16540" s="6">
        <v>2021</v>
      </c>
      <c r="F16540" s="6">
        <v>2021</v>
      </c>
      <c r="G16540" t="s">
        <v>125</v>
      </c>
      <c r="H16540" t="s">
        <v>121</v>
      </c>
      <c r="I16540" t="s">
        <v>15</v>
      </c>
      <c r="J16540" s="10">
        <v>39.257464349376114</v>
      </c>
    </row>
    <row r="16541" spans="1:10" x14ac:dyDescent="0.35">
      <c r="A16541" t="s">
        <v>62</v>
      </c>
      <c r="B16541" t="s">
        <v>64</v>
      </c>
      <c r="C16541" t="s">
        <v>117</v>
      </c>
      <c r="D16541" t="s">
        <v>118</v>
      </c>
      <c r="E16541" s="6">
        <v>2021</v>
      </c>
      <c r="F16541" s="6">
        <v>2021</v>
      </c>
      <c r="G16541" t="s">
        <v>125</v>
      </c>
      <c r="H16541" t="s">
        <v>121</v>
      </c>
      <c r="I16541" t="s">
        <v>15</v>
      </c>
      <c r="J16541" s="10">
        <v>41.876065321383408</v>
      </c>
    </row>
    <row r="16542" spans="1:10" x14ac:dyDescent="0.35">
      <c r="A16542" t="s">
        <v>62</v>
      </c>
      <c r="B16542" t="s">
        <v>65</v>
      </c>
      <c r="C16542" t="s">
        <v>117</v>
      </c>
      <c r="D16542" t="s">
        <v>118</v>
      </c>
      <c r="E16542" s="6">
        <v>2021</v>
      </c>
      <c r="F16542" s="6">
        <v>2021</v>
      </c>
      <c r="G16542" t="s">
        <v>125</v>
      </c>
      <c r="H16542" t="s">
        <v>121</v>
      </c>
      <c r="I16542" t="s">
        <v>15</v>
      </c>
      <c r="J16542" s="10">
        <v>47.23990156143924</v>
      </c>
    </row>
    <row r="16543" spans="1:10" x14ac:dyDescent="0.35">
      <c r="A16543" t="s">
        <v>62</v>
      </c>
      <c r="B16543" t="s">
        <v>66</v>
      </c>
      <c r="C16543" t="s">
        <v>117</v>
      </c>
      <c r="D16543" t="s">
        <v>118</v>
      </c>
      <c r="E16543" s="6">
        <v>2021</v>
      </c>
      <c r="F16543" s="6">
        <v>2021</v>
      </c>
      <c r="G16543" t="s">
        <v>125</v>
      </c>
      <c r="H16543" t="s">
        <v>121</v>
      </c>
      <c r="I16543" t="s">
        <v>15</v>
      </c>
      <c r="J16543" s="10">
        <v>41.64239330857005</v>
      </c>
    </row>
    <row r="16544" spans="1:10" x14ac:dyDescent="0.35">
      <c r="A16544" t="s">
        <v>62</v>
      </c>
      <c r="B16544" t="s">
        <v>67</v>
      </c>
      <c r="C16544" t="s">
        <v>117</v>
      </c>
      <c r="D16544" t="s">
        <v>118</v>
      </c>
      <c r="E16544" s="6">
        <v>2021</v>
      </c>
      <c r="F16544" s="6">
        <v>2021</v>
      </c>
      <c r="G16544" t="s">
        <v>125</v>
      </c>
      <c r="H16544" t="s">
        <v>121</v>
      </c>
      <c r="I16544" t="s">
        <v>15</v>
      </c>
      <c r="J16544" s="10">
        <v>36.986722714922848</v>
      </c>
    </row>
    <row r="16545" spans="1:10" x14ac:dyDescent="0.35">
      <c r="A16545" t="s">
        <v>62</v>
      </c>
      <c r="B16545" t="s">
        <v>68</v>
      </c>
      <c r="C16545" t="s">
        <v>117</v>
      </c>
      <c r="D16545" t="s">
        <v>118</v>
      </c>
      <c r="E16545" s="6">
        <v>2021</v>
      </c>
      <c r="F16545" s="6">
        <v>2021</v>
      </c>
      <c r="G16545" t="s">
        <v>125</v>
      </c>
      <c r="H16545" t="s">
        <v>121</v>
      </c>
      <c r="I16545" t="s">
        <v>15</v>
      </c>
      <c r="J16545" s="10">
        <v>41.593038109431554</v>
      </c>
    </row>
    <row r="16546" spans="1:10" x14ac:dyDescent="0.35">
      <c r="A16546" t="s">
        <v>62</v>
      </c>
      <c r="B16546" t="s">
        <v>69</v>
      </c>
      <c r="C16546" t="s">
        <v>117</v>
      </c>
      <c r="D16546" t="s">
        <v>118</v>
      </c>
      <c r="E16546" s="6">
        <v>2021</v>
      </c>
      <c r="F16546" s="6">
        <v>2021</v>
      </c>
      <c r="G16546" t="s">
        <v>125</v>
      </c>
      <c r="H16546" t="s">
        <v>121</v>
      </c>
      <c r="I16546" t="s">
        <v>15</v>
      </c>
      <c r="J16546" s="10">
        <v>40.635021665157041</v>
      </c>
    </row>
    <row r="16547" spans="1:10" x14ac:dyDescent="0.35">
      <c r="A16547" t="s">
        <v>62</v>
      </c>
      <c r="B16547" t="s">
        <v>70</v>
      </c>
      <c r="C16547" t="s">
        <v>117</v>
      </c>
      <c r="D16547" t="s">
        <v>118</v>
      </c>
      <c r="E16547" s="6">
        <v>2021</v>
      </c>
      <c r="F16547" s="6">
        <v>2021</v>
      </c>
      <c r="G16547" t="s">
        <v>125</v>
      </c>
      <c r="H16547" t="s">
        <v>121</v>
      </c>
      <c r="I16547" t="s">
        <v>15</v>
      </c>
      <c r="J16547" s="10">
        <v>48.246903212261181</v>
      </c>
    </row>
    <row r="16548" spans="1:10" x14ac:dyDescent="0.35">
      <c r="A16548" t="s">
        <v>35</v>
      </c>
      <c r="B16548" t="s">
        <v>71</v>
      </c>
      <c r="C16548" t="s">
        <v>117</v>
      </c>
      <c r="D16548" t="s">
        <v>118</v>
      </c>
      <c r="E16548" s="6">
        <v>2021</v>
      </c>
      <c r="F16548" s="6">
        <v>2021</v>
      </c>
      <c r="G16548" t="s">
        <v>125</v>
      </c>
      <c r="H16548" t="s">
        <v>121</v>
      </c>
      <c r="I16548" t="s">
        <v>15</v>
      </c>
      <c r="J16548" s="10">
        <v>29.725467289719624</v>
      </c>
    </row>
    <row r="16549" spans="1:10" x14ac:dyDescent="0.35">
      <c r="A16549" t="s">
        <v>20</v>
      </c>
      <c r="B16549" t="s">
        <v>72</v>
      </c>
      <c r="C16549" t="s">
        <v>117</v>
      </c>
      <c r="D16549" t="s">
        <v>118</v>
      </c>
      <c r="E16549" s="6">
        <v>2021</v>
      </c>
      <c r="F16549" s="6">
        <v>2021</v>
      </c>
      <c r="G16549" t="s">
        <v>125</v>
      </c>
      <c r="H16549" t="s">
        <v>121</v>
      </c>
      <c r="I16549" t="s">
        <v>15</v>
      </c>
      <c r="J16549" s="10">
        <v>32.192820286415937</v>
      </c>
    </row>
    <row r="16550" spans="1:10" x14ac:dyDescent="0.35">
      <c r="A16550" t="s">
        <v>26</v>
      </c>
      <c r="B16550" t="s">
        <v>73</v>
      </c>
      <c r="C16550" t="s">
        <v>117</v>
      </c>
      <c r="D16550" t="s">
        <v>118</v>
      </c>
      <c r="E16550" s="6">
        <v>2021</v>
      </c>
      <c r="F16550" s="6">
        <v>2021</v>
      </c>
      <c r="G16550" t="s">
        <v>125</v>
      </c>
      <c r="H16550" t="s">
        <v>121</v>
      </c>
      <c r="I16550" t="s">
        <v>15</v>
      </c>
      <c r="J16550" s="10">
        <v>32.597956283413417</v>
      </c>
    </row>
    <row r="16551" spans="1:10" x14ac:dyDescent="0.35">
      <c r="A16551" t="s">
        <v>28</v>
      </c>
      <c r="B16551" t="s">
        <v>74</v>
      </c>
      <c r="C16551" t="s">
        <v>117</v>
      </c>
      <c r="D16551" t="s">
        <v>118</v>
      </c>
      <c r="E16551" s="6">
        <v>2021</v>
      </c>
      <c r="F16551" s="6">
        <v>2021</v>
      </c>
      <c r="G16551" t="s">
        <v>125</v>
      </c>
      <c r="H16551" t="s">
        <v>121</v>
      </c>
      <c r="I16551" t="s">
        <v>15</v>
      </c>
      <c r="J16551" s="10">
        <v>30.830285387275758</v>
      </c>
    </row>
    <row r="16552" spans="1:10" x14ac:dyDescent="0.35">
      <c r="A16552" t="s">
        <v>33</v>
      </c>
      <c r="B16552" t="s">
        <v>75</v>
      </c>
      <c r="C16552" t="s">
        <v>117</v>
      </c>
      <c r="D16552" t="s">
        <v>118</v>
      </c>
      <c r="E16552" s="6">
        <v>2021</v>
      </c>
      <c r="F16552" s="6">
        <v>2021</v>
      </c>
      <c r="G16552" t="s">
        <v>125</v>
      </c>
      <c r="H16552" t="s">
        <v>121</v>
      </c>
      <c r="I16552" t="s">
        <v>15</v>
      </c>
      <c r="J16552" s="10">
        <v>30.299212598425196</v>
      </c>
    </row>
    <row r="16553" spans="1:10" x14ac:dyDescent="0.35">
      <c r="A16553" t="s">
        <v>22</v>
      </c>
      <c r="B16553" t="s">
        <v>76</v>
      </c>
      <c r="C16553" t="s">
        <v>117</v>
      </c>
      <c r="D16553" t="s">
        <v>118</v>
      </c>
      <c r="E16553" s="6">
        <v>2021</v>
      </c>
      <c r="F16553" s="6">
        <v>2021</v>
      </c>
      <c r="G16553" t="s">
        <v>125</v>
      </c>
      <c r="H16553" t="s">
        <v>121</v>
      </c>
      <c r="I16553" t="s">
        <v>15</v>
      </c>
      <c r="J16553" s="10">
        <v>32.963709677419359</v>
      </c>
    </row>
    <row r="16554" spans="1:10" x14ac:dyDescent="0.35">
      <c r="A16554" t="s">
        <v>33</v>
      </c>
      <c r="B16554" t="s">
        <v>77</v>
      </c>
      <c r="C16554" t="s">
        <v>117</v>
      </c>
      <c r="D16554" t="s">
        <v>118</v>
      </c>
      <c r="E16554" s="6">
        <v>2021</v>
      </c>
      <c r="F16554" s="6">
        <v>2021</v>
      </c>
      <c r="G16554" t="s">
        <v>125</v>
      </c>
      <c r="H16554" t="s">
        <v>121</v>
      </c>
      <c r="I16554" t="s">
        <v>15</v>
      </c>
      <c r="J16554" s="10">
        <v>28.31937266084477</v>
      </c>
    </row>
    <row r="16555" spans="1:10" x14ac:dyDescent="0.35">
      <c r="A16555" t="s">
        <v>22</v>
      </c>
      <c r="B16555" t="s">
        <v>78</v>
      </c>
      <c r="C16555" t="s">
        <v>117</v>
      </c>
      <c r="D16555" t="s">
        <v>118</v>
      </c>
      <c r="E16555" s="6">
        <v>2021</v>
      </c>
      <c r="F16555" s="6">
        <v>2021</v>
      </c>
      <c r="G16555" t="s">
        <v>125</v>
      </c>
      <c r="H16555" t="s">
        <v>121</v>
      </c>
      <c r="I16555" t="s">
        <v>15</v>
      </c>
      <c r="J16555" s="10">
        <v>32.523555724754928</v>
      </c>
    </row>
    <row r="16556" spans="1:10" x14ac:dyDescent="0.35">
      <c r="A16556" t="s">
        <v>28</v>
      </c>
      <c r="B16556" t="s">
        <v>79</v>
      </c>
      <c r="C16556" t="s">
        <v>117</v>
      </c>
      <c r="D16556" t="s">
        <v>118</v>
      </c>
      <c r="E16556" s="6">
        <v>2021</v>
      </c>
      <c r="F16556" s="6">
        <v>2021</v>
      </c>
      <c r="G16556" t="s">
        <v>125</v>
      </c>
      <c r="H16556" t="s">
        <v>121</v>
      </c>
      <c r="I16556" t="s">
        <v>15</v>
      </c>
      <c r="J16556" s="10">
        <v>28.766843609636588</v>
      </c>
    </row>
    <row r="16557" spans="1:10" x14ac:dyDescent="0.35">
      <c r="A16557" t="s">
        <v>26</v>
      </c>
      <c r="B16557" t="s">
        <v>80</v>
      </c>
      <c r="C16557" t="s">
        <v>117</v>
      </c>
      <c r="D16557" t="s">
        <v>118</v>
      </c>
      <c r="E16557" s="6">
        <v>2021</v>
      </c>
      <c r="F16557" s="6">
        <v>2021</v>
      </c>
      <c r="G16557" t="s">
        <v>125</v>
      </c>
      <c r="H16557" t="s">
        <v>121</v>
      </c>
      <c r="I16557" t="s">
        <v>15</v>
      </c>
      <c r="J16557" s="10">
        <v>29.872676280062542</v>
      </c>
    </row>
    <row r="16558" spans="1:10" x14ac:dyDescent="0.35">
      <c r="A16558" t="s">
        <v>20</v>
      </c>
      <c r="B16558" t="s">
        <v>81</v>
      </c>
      <c r="C16558" t="s">
        <v>117</v>
      </c>
      <c r="D16558" t="s">
        <v>118</v>
      </c>
      <c r="E16558" s="6">
        <v>2021</v>
      </c>
      <c r="F16558" s="6">
        <v>2021</v>
      </c>
      <c r="G16558" t="s">
        <v>125</v>
      </c>
      <c r="H16558" t="s">
        <v>121</v>
      </c>
      <c r="I16558" t="s">
        <v>15</v>
      </c>
      <c r="J16558" s="10">
        <v>32.979583041534234</v>
      </c>
    </row>
    <row r="16559" spans="1:10" x14ac:dyDescent="0.35">
      <c r="A16559" t="s">
        <v>26</v>
      </c>
      <c r="B16559" t="s">
        <v>57</v>
      </c>
      <c r="C16559" t="s">
        <v>117</v>
      </c>
      <c r="D16559" t="s">
        <v>118</v>
      </c>
      <c r="E16559" s="6">
        <v>2021</v>
      </c>
      <c r="F16559" s="6">
        <v>2021</v>
      </c>
      <c r="G16559" t="s">
        <v>125</v>
      </c>
      <c r="H16559" t="s">
        <v>121</v>
      </c>
      <c r="I16559" t="s">
        <v>15</v>
      </c>
      <c r="J16559" s="10">
        <v>26.302221548259912</v>
      </c>
    </row>
    <row r="16560" spans="1:10" x14ac:dyDescent="0.35">
      <c r="A16560" t="s">
        <v>33</v>
      </c>
      <c r="B16560" t="s">
        <v>82</v>
      </c>
      <c r="C16560" t="s">
        <v>117</v>
      </c>
      <c r="D16560" t="s">
        <v>118</v>
      </c>
      <c r="E16560" s="6">
        <v>2021</v>
      </c>
      <c r="F16560" s="6">
        <v>2021</v>
      </c>
      <c r="G16560" t="s">
        <v>125</v>
      </c>
      <c r="H16560" t="s">
        <v>121</v>
      </c>
      <c r="I16560" t="s">
        <v>15</v>
      </c>
      <c r="J16560" s="10">
        <v>26.750284429891501</v>
      </c>
    </row>
    <row r="16561" spans="1:10" x14ac:dyDescent="0.35">
      <c r="A16561" t="s">
        <v>26</v>
      </c>
      <c r="B16561" t="s">
        <v>83</v>
      </c>
      <c r="C16561" t="s">
        <v>117</v>
      </c>
      <c r="D16561" t="s">
        <v>118</v>
      </c>
      <c r="E16561" s="6">
        <v>2021</v>
      </c>
      <c r="F16561" s="6">
        <v>2021</v>
      </c>
      <c r="G16561" t="s">
        <v>125</v>
      </c>
      <c r="H16561" t="s">
        <v>121</v>
      </c>
      <c r="I16561" t="s">
        <v>15</v>
      </c>
      <c r="J16561" s="10">
        <v>27.659764369867908</v>
      </c>
    </row>
    <row r="16562" spans="1:10" x14ac:dyDescent="0.35">
      <c r="A16562" t="s">
        <v>35</v>
      </c>
      <c r="B16562" t="s">
        <v>84</v>
      </c>
      <c r="C16562" t="s">
        <v>117</v>
      </c>
      <c r="D16562" t="s">
        <v>118</v>
      </c>
      <c r="E16562" s="6">
        <v>2021</v>
      </c>
      <c r="F16562" s="6">
        <v>2021</v>
      </c>
      <c r="G16562" t="s">
        <v>125</v>
      </c>
      <c r="H16562" t="s">
        <v>121</v>
      </c>
      <c r="I16562" t="s">
        <v>15</v>
      </c>
      <c r="J16562" s="10">
        <v>34.391849707701908</v>
      </c>
    </row>
    <row r="16563" spans="1:10" x14ac:dyDescent="0.35">
      <c r="A16563" t="s">
        <v>33</v>
      </c>
      <c r="B16563" t="s">
        <v>85</v>
      </c>
      <c r="C16563" t="s">
        <v>117</v>
      </c>
      <c r="D16563" t="s">
        <v>118</v>
      </c>
      <c r="E16563" s="6">
        <v>2021</v>
      </c>
      <c r="F16563" s="6">
        <v>2021</v>
      </c>
      <c r="G16563" t="s">
        <v>125</v>
      </c>
      <c r="H16563" t="s">
        <v>121</v>
      </c>
      <c r="I16563" t="s">
        <v>15</v>
      </c>
      <c r="J16563" s="10">
        <v>30.019685039370081</v>
      </c>
    </row>
    <row r="16564" spans="1:10" x14ac:dyDescent="0.35">
      <c r="A16564" t="s">
        <v>33</v>
      </c>
      <c r="B16564" t="s">
        <v>86</v>
      </c>
      <c r="C16564" t="s">
        <v>117</v>
      </c>
      <c r="D16564" t="s">
        <v>118</v>
      </c>
      <c r="E16564" s="6">
        <v>2021</v>
      </c>
      <c r="F16564" s="6">
        <v>2021</v>
      </c>
      <c r="G16564" t="s">
        <v>125</v>
      </c>
      <c r="H16564" t="s">
        <v>121</v>
      </c>
      <c r="I16564" t="s">
        <v>15</v>
      </c>
      <c r="J16564" s="10">
        <v>28.189137380191692</v>
      </c>
    </row>
    <row r="16565" spans="1:10" x14ac:dyDescent="0.35">
      <c r="A16565" t="s">
        <v>35</v>
      </c>
      <c r="B16565" t="s">
        <v>87</v>
      </c>
      <c r="C16565" t="s">
        <v>117</v>
      </c>
      <c r="D16565" t="s">
        <v>118</v>
      </c>
      <c r="E16565" s="6">
        <v>2021</v>
      </c>
      <c r="F16565" s="6">
        <v>2021</v>
      </c>
      <c r="G16565" t="s">
        <v>125</v>
      </c>
      <c r="H16565" t="s">
        <v>121</v>
      </c>
      <c r="I16565" t="s">
        <v>15</v>
      </c>
      <c r="J16565" s="10">
        <v>31.150491915210576</v>
      </c>
    </row>
    <row r="16566" spans="1:10" x14ac:dyDescent="0.35">
      <c r="A16566" t="s">
        <v>35</v>
      </c>
      <c r="B16566" t="s">
        <v>88</v>
      </c>
      <c r="C16566" t="s">
        <v>117</v>
      </c>
      <c r="D16566" t="s">
        <v>118</v>
      </c>
      <c r="E16566" s="6">
        <v>2021</v>
      </c>
      <c r="F16566" s="6">
        <v>2021</v>
      </c>
      <c r="G16566" t="s">
        <v>125</v>
      </c>
      <c r="H16566" t="s">
        <v>121</v>
      </c>
      <c r="I16566" t="s">
        <v>15</v>
      </c>
      <c r="J16566" s="10">
        <v>30.836731076050345</v>
      </c>
    </row>
    <row r="16567" spans="1:10" x14ac:dyDescent="0.35">
      <c r="A16567" t="s">
        <v>62</v>
      </c>
      <c r="B16567" t="s">
        <v>89</v>
      </c>
      <c r="C16567" t="s">
        <v>117</v>
      </c>
      <c r="D16567" t="s">
        <v>118</v>
      </c>
      <c r="E16567" s="6">
        <v>2021</v>
      </c>
      <c r="F16567" s="6">
        <v>2021</v>
      </c>
      <c r="G16567" t="s">
        <v>125</v>
      </c>
      <c r="H16567" t="s">
        <v>121</v>
      </c>
      <c r="I16567" t="s">
        <v>15</v>
      </c>
      <c r="J16567" s="10">
        <v>32.485254691689008</v>
      </c>
    </row>
    <row r="16568" spans="1:10" x14ac:dyDescent="0.35">
      <c r="A16568" t="s">
        <v>26</v>
      </c>
      <c r="B16568" t="s">
        <v>90</v>
      </c>
      <c r="C16568" t="s">
        <v>117</v>
      </c>
      <c r="D16568" t="s">
        <v>118</v>
      </c>
      <c r="E16568" s="6">
        <v>2021</v>
      </c>
      <c r="F16568" s="6">
        <v>2021</v>
      </c>
      <c r="G16568" t="s">
        <v>125</v>
      </c>
      <c r="H16568" t="s">
        <v>121</v>
      </c>
      <c r="I16568" t="s">
        <v>15</v>
      </c>
      <c r="J16568" s="10">
        <v>30.490111779879619</v>
      </c>
    </row>
    <row r="16569" spans="1:10" x14ac:dyDescent="0.35">
      <c r="A16569" t="s">
        <v>26</v>
      </c>
      <c r="B16569" t="s">
        <v>91</v>
      </c>
      <c r="C16569" t="s">
        <v>117</v>
      </c>
      <c r="D16569" t="s">
        <v>118</v>
      </c>
      <c r="E16569" s="6">
        <v>2021</v>
      </c>
      <c r="F16569" s="6">
        <v>2021</v>
      </c>
      <c r="G16569" t="s">
        <v>125</v>
      </c>
      <c r="H16569" t="s">
        <v>121</v>
      </c>
      <c r="I16569" t="s">
        <v>15</v>
      </c>
      <c r="J16569" s="10">
        <v>27.032181168057214</v>
      </c>
    </row>
    <row r="16570" spans="1:10" x14ac:dyDescent="0.35">
      <c r="A16570" t="s">
        <v>33</v>
      </c>
      <c r="B16570" t="s">
        <v>92</v>
      </c>
      <c r="C16570" t="s">
        <v>117</v>
      </c>
      <c r="D16570" t="s">
        <v>118</v>
      </c>
      <c r="E16570" s="6">
        <v>2021</v>
      </c>
      <c r="F16570" s="6">
        <v>2021</v>
      </c>
      <c r="G16570" t="s">
        <v>125</v>
      </c>
      <c r="H16570" t="s">
        <v>121</v>
      </c>
      <c r="I16570" t="s">
        <v>15</v>
      </c>
      <c r="J16570" s="10">
        <v>30.66414686825054</v>
      </c>
    </row>
    <row r="16571" spans="1:10" x14ac:dyDescent="0.35">
      <c r="A16571" t="s">
        <v>35</v>
      </c>
      <c r="B16571" t="s">
        <v>93</v>
      </c>
      <c r="C16571" t="s">
        <v>117</v>
      </c>
      <c r="D16571" t="s">
        <v>118</v>
      </c>
      <c r="E16571" s="6">
        <v>2021</v>
      </c>
      <c r="F16571" s="6">
        <v>2021</v>
      </c>
      <c r="G16571" t="s">
        <v>125</v>
      </c>
      <c r="H16571" t="s">
        <v>121</v>
      </c>
      <c r="I16571" t="s">
        <v>15</v>
      </c>
      <c r="J16571" s="10">
        <v>29.048182238905746</v>
      </c>
    </row>
    <row r="16572" spans="1:10" x14ac:dyDescent="0.35">
      <c r="A16572" t="s">
        <v>20</v>
      </c>
      <c r="B16572" t="s">
        <v>94</v>
      </c>
      <c r="C16572" t="s">
        <v>117</v>
      </c>
      <c r="D16572" t="s">
        <v>118</v>
      </c>
      <c r="E16572" s="6">
        <v>2021</v>
      </c>
      <c r="F16572" s="6">
        <v>2021</v>
      </c>
      <c r="G16572" t="s">
        <v>125</v>
      </c>
      <c r="H16572" t="s">
        <v>121</v>
      </c>
      <c r="I16572" t="s">
        <v>15</v>
      </c>
      <c r="J16572" s="10">
        <v>32.234239716743659</v>
      </c>
    </row>
    <row r="16573" spans="1:10" x14ac:dyDescent="0.35">
      <c r="A16573" t="s">
        <v>10</v>
      </c>
      <c r="B16573" t="s">
        <v>11</v>
      </c>
      <c r="C16573" t="s">
        <v>117</v>
      </c>
      <c r="D16573" t="s">
        <v>118</v>
      </c>
      <c r="E16573" s="6">
        <v>2021</v>
      </c>
      <c r="F16573" s="6">
        <v>2021</v>
      </c>
      <c r="G16573" t="s">
        <v>125</v>
      </c>
      <c r="H16573" t="s">
        <v>122</v>
      </c>
      <c r="I16573" t="s">
        <v>15</v>
      </c>
      <c r="J16573" s="10">
        <v>14.786057692307692</v>
      </c>
    </row>
    <row r="16574" spans="1:10" x14ac:dyDescent="0.35">
      <c r="A16574" t="s">
        <v>10</v>
      </c>
      <c r="B16574" t="s">
        <v>16</v>
      </c>
      <c r="C16574" t="s">
        <v>117</v>
      </c>
      <c r="D16574" t="s">
        <v>118</v>
      </c>
      <c r="E16574" s="6">
        <v>2021</v>
      </c>
      <c r="F16574" s="6">
        <v>2021</v>
      </c>
      <c r="G16574" t="s">
        <v>125</v>
      </c>
      <c r="H16574" t="s">
        <v>122</v>
      </c>
      <c r="I16574" t="s">
        <v>15</v>
      </c>
      <c r="J16574" s="10">
        <v>19.010885838260297</v>
      </c>
    </row>
    <row r="16575" spans="1:10" x14ac:dyDescent="0.35">
      <c r="A16575" t="s">
        <v>10</v>
      </c>
      <c r="B16575" t="s">
        <v>17</v>
      </c>
      <c r="C16575" t="s">
        <v>117</v>
      </c>
      <c r="D16575" t="s">
        <v>118</v>
      </c>
      <c r="E16575" s="6">
        <v>2021</v>
      </c>
      <c r="F16575" s="6">
        <v>2021</v>
      </c>
      <c r="G16575" t="s">
        <v>125</v>
      </c>
      <c r="H16575" t="s">
        <v>122</v>
      </c>
      <c r="I16575" t="s">
        <v>15</v>
      </c>
      <c r="J16575" s="10">
        <v>20.175045999303794</v>
      </c>
    </row>
    <row r="16576" spans="1:10" x14ac:dyDescent="0.35">
      <c r="A16576" t="s">
        <v>10</v>
      </c>
      <c r="B16576" t="s">
        <v>18</v>
      </c>
      <c r="C16576" t="s">
        <v>117</v>
      </c>
      <c r="D16576" t="s">
        <v>118</v>
      </c>
      <c r="E16576" s="6">
        <v>2021</v>
      </c>
      <c r="F16576" s="6">
        <v>2021</v>
      </c>
      <c r="G16576" t="s">
        <v>125</v>
      </c>
      <c r="H16576" t="s">
        <v>122</v>
      </c>
      <c r="I16576" t="s">
        <v>15</v>
      </c>
      <c r="J16576" s="10">
        <v>21.48752186445271</v>
      </c>
    </row>
    <row r="16577" spans="1:10" x14ac:dyDescent="0.35">
      <c r="A16577" t="s">
        <v>10</v>
      </c>
      <c r="B16577" t="s">
        <v>19</v>
      </c>
      <c r="C16577" t="s">
        <v>117</v>
      </c>
      <c r="D16577" t="s">
        <v>118</v>
      </c>
      <c r="E16577" s="6">
        <v>2021</v>
      </c>
      <c r="F16577" s="6">
        <v>2021</v>
      </c>
      <c r="G16577" t="s">
        <v>125</v>
      </c>
      <c r="H16577" t="s">
        <v>122</v>
      </c>
      <c r="I16577" t="s">
        <v>15</v>
      </c>
      <c r="J16577" s="10">
        <v>22.333718608805295</v>
      </c>
    </row>
    <row r="16578" spans="1:10" x14ac:dyDescent="0.35">
      <c r="A16578" t="s">
        <v>20</v>
      </c>
      <c r="B16578" t="s">
        <v>21</v>
      </c>
      <c r="C16578" t="s">
        <v>117</v>
      </c>
      <c r="D16578" t="s">
        <v>118</v>
      </c>
      <c r="E16578" s="6">
        <v>2021</v>
      </c>
      <c r="F16578" s="6">
        <v>2021</v>
      </c>
      <c r="G16578" t="s">
        <v>125</v>
      </c>
      <c r="H16578" t="s">
        <v>122</v>
      </c>
      <c r="I16578" t="s">
        <v>15</v>
      </c>
      <c r="J16578" s="10">
        <v>21.526664139720676</v>
      </c>
    </row>
    <row r="16579" spans="1:10" x14ac:dyDescent="0.35">
      <c r="A16579" t="s">
        <v>22</v>
      </c>
      <c r="B16579" t="s">
        <v>23</v>
      </c>
      <c r="C16579" t="s">
        <v>117</v>
      </c>
      <c r="D16579" t="s">
        <v>118</v>
      </c>
      <c r="E16579" s="6">
        <v>2021</v>
      </c>
      <c r="F16579" s="6">
        <v>2021</v>
      </c>
      <c r="G16579" t="s">
        <v>125</v>
      </c>
      <c r="H16579" t="s">
        <v>122</v>
      </c>
      <c r="I16579" t="s">
        <v>15</v>
      </c>
      <c r="J16579" s="10">
        <v>21.192296214677594</v>
      </c>
    </row>
    <row r="16580" spans="1:10" x14ac:dyDescent="0.35">
      <c r="A16580" t="s">
        <v>10</v>
      </c>
      <c r="B16580" t="s">
        <v>24</v>
      </c>
      <c r="C16580" t="s">
        <v>117</v>
      </c>
      <c r="D16580" t="s">
        <v>118</v>
      </c>
      <c r="E16580" s="6">
        <v>2021</v>
      </c>
      <c r="F16580" s="6">
        <v>2021</v>
      </c>
      <c r="G16580" t="s">
        <v>125</v>
      </c>
      <c r="H16580" t="s">
        <v>122</v>
      </c>
      <c r="I16580" t="s">
        <v>15</v>
      </c>
      <c r="J16580" s="10">
        <v>22.939378208455903</v>
      </c>
    </row>
    <row r="16581" spans="1:10" x14ac:dyDescent="0.35">
      <c r="A16581" t="s">
        <v>10</v>
      </c>
      <c r="B16581" t="s">
        <v>25</v>
      </c>
      <c r="C16581" t="s">
        <v>117</v>
      </c>
      <c r="D16581" t="s">
        <v>118</v>
      </c>
      <c r="E16581" s="6">
        <v>2021</v>
      </c>
      <c r="F16581" s="6">
        <v>2021</v>
      </c>
      <c r="G16581" t="s">
        <v>125</v>
      </c>
      <c r="H16581" t="s">
        <v>122</v>
      </c>
      <c r="I16581" t="s">
        <v>15</v>
      </c>
      <c r="J16581" s="10">
        <v>22.312008978675646</v>
      </c>
    </row>
    <row r="16582" spans="1:10" x14ac:dyDescent="0.35">
      <c r="A16582" t="s">
        <v>26</v>
      </c>
      <c r="B16582" t="s">
        <v>27</v>
      </c>
      <c r="C16582" t="s">
        <v>117</v>
      </c>
      <c r="D16582" t="s">
        <v>118</v>
      </c>
      <c r="E16582" s="6">
        <v>2021</v>
      </c>
      <c r="F16582" s="6">
        <v>2021</v>
      </c>
      <c r="G16582" t="s">
        <v>125</v>
      </c>
      <c r="H16582" t="s">
        <v>122</v>
      </c>
      <c r="I16582" t="s">
        <v>15</v>
      </c>
      <c r="J16582" s="10">
        <v>24.22519962105833</v>
      </c>
    </row>
    <row r="16583" spans="1:10" x14ac:dyDescent="0.35">
      <c r="A16583" t="s">
        <v>28</v>
      </c>
      <c r="B16583" t="s">
        <v>29</v>
      </c>
      <c r="C16583" t="s">
        <v>117</v>
      </c>
      <c r="D16583" t="s">
        <v>118</v>
      </c>
      <c r="E16583" s="6">
        <v>2021</v>
      </c>
      <c r="F16583" s="6">
        <v>2021</v>
      </c>
      <c r="G16583" t="s">
        <v>125</v>
      </c>
      <c r="H16583" t="s">
        <v>122</v>
      </c>
      <c r="I16583" t="s">
        <v>15</v>
      </c>
      <c r="J16583" s="10">
        <v>22.495348706094603</v>
      </c>
    </row>
    <row r="16584" spans="1:10" x14ac:dyDescent="0.35">
      <c r="A16584" t="s">
        <v>10</v>
      </c>
      <c r="B16584" t="s">
        <v>30</v>
      </c>
      <c r="C16584" t="s">
        <v>117</v>
      </c>
      <c r="D16584" t="s">
        <v>118</v>
      </c>
      <c r="E16584" s="6">
        <v>2021</v>
      </c>
      <c r="F16584" s="6">
        <v>2021</v>
      </c>
      <c r="G16584" t="s">
        <v>125</v>
      </c>
      <c r="H16584" t="s">
        <v>122</v>
      </c>
      <c r="I16584" t="s">
        <v>15</v>
      </c>
      <c r="J16584" s="10">
        <v>21.491462113127003</v>
      </c>
    </row>
    <row r="16585" spans="1:10" x14ac:dyDescent="0.35">
      <c r="A16585" t="s">
        <v>26</v>
      </c>
      <c r="B16585" t="s">
        <v>31</v>
      </c>
      <c r="C16585" t="s">
        <v>117</v>
      </c>
      <c r="D16585" t="s">
        <v>118</v>
      </c>
      <c r="E16585" s="6">
        <v>2021</v>
      </c>
      <c r="F16585" s="6">
        <v>2021</v>
      </c>
      <c r="G16585" t="s">
        <v>125</v>
      </c>
      <c r="H16585" t="s">
        <v>122</v>
      </c>
      <c r="I16585" t="s">
        <v>15</v>
      </c>
      <c r="J16585" s="10">
        <v>23.763462593480206</v>
      </c>
    </row>
    <row r="16586" spans="1:10" x14ac:dyDescent="0.35">
      <c r="A16586" t="s">
        <v>28</v>
      </c>
      <c r="B16586" t="s">
        <v>32</v>
      </c>
      <c r="C16586" t="s">
        <v>117</v>
      </c>
      <c r="D16586" t="s">
        <v>118</v>
      </c>
      <c r="E16586" s="6">
        <v>2021</v>
      </c>
      <c r="F16586" s="6">
        <v>2021</v>
      </c>
      <c r="G16586" t="s">
        <v>125</v>
      </c>
      <c r="H16586" t="s">
        <v>122</v>
      </c>
      <c r="I16586" t="s">
        <v>15</v>
      </c>
      <c r="J16586" s="10">
        <v>23.293258909403178</v>
      </c>
    </row>
    <row r="16587" spans="1:10" x14ac:dyDescent="0.35">
      <c r="A16587" t="s">
        <v>33</v>
      </c>
      <c r="B16587" t="s">
        <v>34</v>
      </c>
      <c r="C16587" t="s">
        <v>117</v>
      </c>
      <c r="D16587" t="s">
        <v>118</v>
      </c>
      <c r="E16587" s="6">
        <v>2021</v>
      </c>
      <c r="F16587" s="6">
        <v>2021</v>
      </c>
      <c r="G16587" t="s">
        <v>125</v>
      </c>
      <c r="H16587" t="s">
        <v>122</v>
      </c>
      <c r="I16587" t="s">
        <v>15</v>
      </c>
      <c r="J16587" s="10">
        <v>22.41400048111619</v>
      </c>
    </row>
    <row r="16588" spans="1:10" x14ac:dyDescent="0.35">
      <c r="A16588" t="s">
        <v>35</v>
      </c>
      <c r="B16588" t="s">
        <v>36</v>
      </c>
      <c r="C16588" t="s">
        <v>117</v>
      </c>
      <c r="D16588" t="s">
        <v>118</v>
      </c>
      <c r="E16588" s="6">
        <v>2021</v>
      </c>
      <c r="F16588" s="6">
        <v>2021</v>
      </c>
      <c r="G16588" t="s">
        <v>125</v>
      </c>
      <c r="H16588" t="s">
        <v>122</v>
      </c>
      <c r="I16588" t="s">
        <v>15</v>
      </c>
      <c r="J16588" s="10">
        <v>21.951657830892263</v>
      </c>
    </row>
    <row r="16589" spans="1:10" x14ac:dyDescent="0.35">
      <c r="A16589" t="s">
        <v>28</v>
      </c>
      <c r="B16589" t="s">
        <v>37</v>
      </c>
      <c r="C16589" t="s">
        <v>117</v>
      </c>
      <c r="D16589" t="s">
        <v>118</v>
      </c>
      <c r="E16589" s="6">
        <v>2021</v>
      </c>
      <c r="F16589" s="6">
        <v>2021</v>
      </c>
      <c r="G16589" t="s">
        <v>125</v>
      </c>
      <c r="H16589" t="s">
        <v>122</v>
      </c>
      <c r="I16589" t="s">
        <v>15</v>
      </c>
      <c r="J16589" s="10">
        <v>23.585635359116022</v>
      </c>
    </row>
    <row r="16590" spans="1:10" x14ac:dyDescent="0.35">
      <c r="A16590" t="s">
        <v>20</v>
      </c>
      <c r="B16590" t="s">
        <v>38</v>
      </c>
      <c r="C16590" t="s">
        <v>117</v>
      </c>
      <c r="D16590" t="s">
        <v>118</v>
      </c>
      <c r="E16590" s="6">
        <v>2021</v>
      </c>
      <c r="F16590" s="6">
        <v>2021</v>
      </c>
      <c r="G16590" t="s">
        <v>125</v>
      </c>
      <c r="H16590" t="s">
        <v>122</v>
      </c>
      <c r="I16590" t="s">
        <v>15</v>
      </c>
      <c r="J16590" s="10">
        <v>21.397098032612053</v>
      </c>
    </row>
    <row r="16591" spans="1:10" x14ac:dyDescent="0.35">
      <c r="A16591" t="s">
        <v>33</v>
      </c>
      <c r="B16591" t="s">
        <v>39</v>
      </c>
      <c r="C16591" t="s">
        <v>117</v>
      </c>
      <c r="D16591" t="s">
        <v>118</v>
      </c>
      <c r="E16591" s="6">
        <v>2021</v>
      </c>
      <c r="F16591" s="6">
        <v>2021</v>
      </c>
      <c r="G16591" t="s">
        <v>125</v>
      </c>
      <c r="H16591" t="s">
        <v>122</v>
      </c>
      <c r="I16591" t="s">
        <v>15</v>
      </c>
      <c r="J16591" s="10">
        <v>21.761076836791922</v>
      </c>
    </row>
    <row r="16592" spans="1:10" x14ac:dyDescent="0.35">
      <c r="A16592" t="s">
        <v>20</v>
      </c>
      <c r="B16592" t="s">
        <v>40</v>
      </c>
      <c r="C16592" t="s">
        <v>117</v>
      </c>
      <c r="D16592" t="s">
        <v>118</v>
      </c>
      <c r="E16592" s="6">
        <v>2021</v>
      </c>
      <c r="F16592" s="6">
        <v>2021</v>
      </c>
      <c r="G16592" t="s">
        <v>125</v>
      </c>
      <c r="H16592" t="s">
        <v>122</v>
      </c>
      <c r="I16592" t="s">
        <v>15</v>
      </c>
      <c r="J16592" s="10">
        <v>21.275490323418627</v>
      </c>
    </row>
    <row r="16593" spans="1:10" x14ac:dyDescent="0.35">
      <c r="A16593" t="s">
        <v>35</v>
      </c>
      <c r="B16593" t="s">
        <v>41</v>
      </c>
      <c r="C16593" t="s">
        <v>117</v>
      </c>
      <c r="D16593" t="s">
        <v>118</v>
      </c>
      <c r="E16593" s="6">
        <v>2021</v>
      </c>
      <c r="F16593" s="6">
        <v>2021</v>
      </c>
      <c r="G16593" t="s">
        <v>125</v>
      </c>
      <c r="H16593" t="s">
        <v>122</v>
      </c>
      <c r="I16593" t="s">
        <v>15</v>
      </c>
      <c r="J16593" s="10">
        <v>23.996573666177191</v>
      </c>
    </row>
    <row r="16594" spans="1:10" x14ac:dyDescent="0.35">
      <c r="A16594" t="s">
        <v>35</v>
      </c>
      <c r="B16594" t="s">
        <v>42</v>
      </c>
      <c r="C16594" t="s">
        <v>117</v>
      </c>
      <c r="D16594" t="s">
        <v>118</v>
      </c>
      <c r="E16594" s="6">
        <v>2021</v>
      </c>
      <c r="F16594" s="6">
        <v>2021</v>
      </c>
      <c r="G16594" t="s">
        <v>125</v>
      </c>
      <c r="H16594" t="s">
        <v>122</v>
      </c>
      <c r="I16594" t="s">
        <v>15</v>
      </c>
      <c r="J16594" s="10">
        <v>21.25953829807785</v>
      </c>
    </row>
    <row r="16595" spans="1:10" x14ac:dyDescent="0.35">
      <c r="A16595" t="s">
        <v>35</v>
      </c>
      <c r="B16595" t="s">
        <v>43</v>
      </c>
      <c r="C16595" t="s">
        <v>117</v>
      </c>
      <c r="D16595" t="s">
        <v>118</v>
      </c>
      <c r="E16595" s="6">
        <v>2021</v>
      </c>
      <c r="F16595" s="6">
        <v>2021</v>
      </c>
      <c r="G16595" t="s">
        <v>125</v>
      </c>
      <c r="H16595" t="s">
        <v>122</v>
      </c>
      <c r="I16595" t="s">
        <v>15</v>
      </c>
      <c r="J16595" s="10">
        <v>21.841029775640134</v>
      </c>
    </row>
    <row r="16596" spans="1:10" x14ac:dyDescent="0.35">
      <c r="A16596" t="s">
        <v>28</v>
      </c>
      <c r="B16596" t="s">
        <v>44</v>
      </c>
      <c r="C16596" t="s">
        <v>117</v>
      </c>
      <c r="D16596" t="s">
        <v>118</v>
      </c>
      <c r="E16596" s="6">
        <v>2021</v>
      </c>
      <c r="F16596" s="6">
        <v>2021</v>
      </c>
      <c r="G16596" t="s">
        <v>125</v>
      </c>
      <c r="H16596" t="s">
        <v>122</v>
      </c>
      <c r="I16596" t="s">
        <v>15</v>
      </c>
      <c r="J16596" s="10">
        <v>23.791461544669517</v>
      </c>
    </row>
    <row r="16597" spans="1:10" x14ac:dyDescent="0.35">
      <c r="A16597" t="s">
        <v>10</v>
      </c>
      <c r="B16597" t="s">
        <v>45</v>
      </c>
      <c r="C16597" t="s">
        <v>117</v>
      </c>
      <c r="D16597" t="s">
        <v>118</v>
      </c>
      <c r="E16597" s="6">
        <v>2021</v>
      </c>
      <c r="F16597" s="6">
        <v>2021</v>
      </c>
      <c r="G16597" t="s">
        <v>125</v>
      </c>
      <c r="H16597" t="s">
        <v>122</v>
      </c>
      <c r="I16597" t="s">
        <v>15</v>
      </c>
      <c r="J16597" s="10">
        <v>19.561403508771928</v>
      </c>
    </row>
    <row r="16598" spans="1:10" x14ac:dyDescent="0.35">
      <c r="A16598" t="s">
        <v>10</v>
      </c>
      <c r="B16598" t="s">
        <v>46</v>
      </c>
      <c r="C16598" t="s">
        <v>117</v>
      </c>
      <c r="D16598" t="s">
        <v>118</v>
      </c>
      <c r="E16598" s="6">
        <v>2021</v>
      </c>
      <c r="F16598" s="6">
        <v>2021</v>
      </c>
      <c r="G16598" t="s">
        <v>125</v>
      </c>
      <c r="H16598" t="s">
        <v>122</v>
      </c>
      <c r="I16598" t="s">
        <v>15</v>
      </c>
      <c r="J16598" s="10">
        <v>17.501350621285791</v>
      </c>
    </row>
    <row r="16599" spans="1:10" x14ac:dyDescent="0.35">
      <c r="A16599" t="s">
        <v>33</v>
      </c>
      <c r="B16599" t="s">
        <v>47</v>
      </c>
      <c r="C16599" t="s">
        <v>117</v>
      </c>
      <c r="D16599" t="s">
        <v>118</v>
      </c>
      <c r="E16599" s="6">
        <v>2021</v>
      </c>
      <c r="F16599" s="6">
        <v>2021</v>
      </c>
      <c r="G16599" t="s">
        <v>125</v>
      </c>
      <c r="H16599" t="s">
        <v>122</v>
      </c>
      <c r="I16599" t="s">
        <v>15</v>
      </c>
      <c r="J16599" s="10">
        <v>21.259291874951437</v>
      </c>
    </row>
    <row r="16600" spans="1:10" x14ac:dyDescent="0.35">
      <c r="A16600" t="s">
        <v>20</v>
      </c>
      <c r="B16600" t="s">
        <v>48</v>
      </c>
      <c r="C16600" t="s">
        <v>117</v>
      </c>
      <c r="D16600" t="s">
        <v>118</v>
      </c>
      <c r="E16600" s="6">
        <v>2021</v>
      </c>
      <c r="F16600" s="6">
        <v>2021</v>
      </c>
      <c r="G16600" t="s">
        <v>125</v>
      </c>
      <c r="H16600" t="s">
        <v>122</v>
      </c>
      <c r="I16600" t="s">
        <v>15</v>
      </c>
      <c r="J16600" s="10">
        <v>23.112598487443677</v>
      </c>
    </row>
    <row r="16601" spans="1:10" x14ac:dyDescent="0.35">
      <c r="A16601" t="s">
        <v>28</v>
      </c>
      <c r="B16601" t="s">
        <v>49</v>
      </c>
      <c r="C16601" t="s">
        <v>117</v>
      </c>
      <c r="D16601" t="s">
        <v>118</v>
      </c>
      <c r="E16601" s="6">
        <v>2021</v>
      </c>
      <c r="F16601" s="6">
        <v>2021</v>
      </c>
      <c r="G16601" t="s">
        <v>125</v>
      </c>
      <c r="H16601" t="s">
        <v>122</v>
      </c>
      <c r="I16601" t="s">
        <v>15</v>
      </c>
      <c r="J16601" s="10">
        <v>22.82247257928433</v>
      </c>
    </row>
    <row r="16602" spans="1:10" x14ac:dyDescent="0.35">
      <c r="A16602" t="s">
        <v>35</v>
      </c>
      <c r="B16602" t="s">
        <v>50</v>
      </c>
      <c r="C16602" t="s">
        <v>117</v>
      </c>
      <c r="D16602" t="s">
        <v>118</v>
      </c>
      <c r="E16602" s="6">
        <v>2021</v>
      </c>
      <c r="F16602" s="6">
        <v>2021</v>
      </c>
      <c r="G16602" t="s">
        <v>125</v>
      </c>
      <c r="H16602" t="s">
        <v>122</v>
      </c>
      <c r="I16602" t="s">
        <v>15</v>
      </c>
      <c r="J16602" s="10">
        <v>20.16383477581266</v>
      </c>
    </row>
    <row r="16603" spans="1:10" x14ac:dyDescent="0.35">
      <c r="A16603" t="s">
        <v>22</v>
      </c>
      <c r="B16603" t="s">
        <v>51</v>
      </c>
      <c r="C16603" t="s">
        <v>117</v>
      </c>
      <c r="D16603" t="s">
        <v>118</v>
      </c>
      <c r="E16603" s="6">
        <v>2021</v>
      </c>
      <c r="F16603" s="6">
        <v>2021</v>
      </c>
      <c r="G16603" t="s">
        <v>125</v>
      </c>
      <c r="H16603" t="s">
        <v>122</v>
      </c>
      <c r="I16603" t="s">
        <v>15</v>
      </c>
      <c r="J16603" s="10">
        <v>14.53510102675725</v>
      </c>
    </row>
    <row r="16604" spans="1:10" x14ac:dyDescent="0.35">
      <c r="A16604" t="s">
        <v>22</v>
      </c>
      <c r="B16604" t="s">
        <v>52</v>
      </c>
      <c r="C16604" t="s">
        <v>117</v>
      </c>
      <c r="D16604" t="s">
        <v>118</v>
      </c>
      <c r="E16604" s="6">
        <v>2021</v>
      </c>
      <c r="F16604" s="6">
        <v>2021</v>
      </c>
      <c r="G16604" t="s">
        <v>125</v>
      </c>
      <c r="H16604" t="s">
        <v>122</v>
      </c>
      <c r="I16604" t="s">
        <v>15</v>
      </c>
      <c r="J16604" s="10">
        <v>18.435223313272093</v>
      </c>
    </row>
    <row r="16605" spans="1:10" x14ac:dyDescent="0.35">
      <c r="A16605" t="s">
        <v>22</v>
      </c>
      <c r="B16605" t="s">
        <v>53</v>
      </c>
      <c r="C16605" t="s">
        <v>117</v>
      </c>
      <c r="D16605" t="s">
        <v>118</v>
      </c>
      <c r="E16605" s="6">
        <v>2021</v>
      </c>
      <c r="F16605" s="6">
        <v>2021</v>
      </c>
      <c r="G16605" t="s">
        <v>125</v>
      </c>
      <c r="H16605" t="s">
        <v>122</v>
      </c>
      <c r="I16605" t="s">
        <v>15</v>
      </c>
      <c r="J16605" s="10">
        <v>16.307520337825249</v>
      </c>
    </row>
    <row r="16606" spans="1:10" x14ac:dyDescent="0.35">
      <c r="A16606" t="s">
        <v>22</v>
      </c>
      <c r="B16606" t="s">
        <v>54</v>
      </c>
      <c r="C16606" t="s">
        <v>117</v>
      </c>
      <c r="D16606" t="s">
        <v>118</v>
      </c>
      <c r="E16606" s="6">
        <v>2021</v>
      </c>
      <c r="F16606" s="6">
        <v>2021</v>
      </c>
      <c r="G16606" t="s">
        <v>125</v>
      </c>
      <c r="H16606" t="s">
        <v>122</v>
      </c>
      <c r="I16606" t="s">
        <v>15</v>
      </c>
      <c r="J16606" s="10">
        <v>17.948520147085294</v>
      </c>
    </row>
    <row r="16607" spans="1:10" x14ac:dyDescent="0.35">
      <c r="A16607" t="s">
        <v>22</v>
      </c>
      <c r="B16607" t="s">
        <v>55</v>
      </c>
      <c r="C16607" t="s">
        <v>117</v>
      </c>
      <c r="D16607" t="s">
        <v>118</v>
      </c>
      <c r="E16607" s="6">
        <v>2021</v>
      </c>
      <c r="F16607" s="6">
        <v>2021</v>
      </c>
      <c r="G16607" t="s">
        <v>125</v>
      </c>
      <c r="H16607" t="s">
        <v>122</v>
      </c>
      <c r="I16607" t="s">
        <v>15</v>
      </c>
      <c r="J16607" s="10">
        <v>16.90441482715535</v>
      </c>
    </row>
    <row r="16608" spans="1:10" x14ac:dyDescent="0.35">
      <c r="A16608" t="s">
        <v>22</v>
      </c>
      <c r="B16608" t="s">
        <v>56</v>
      </c>
      <c r="C16608" t="s">
        <v>117</v>
      </c>
      <c r="D16608" t="s">
        <v>118</v>
      </c>
      <c r="E16608" s="6">
        <v>2021</v>
      </c>
      <c r="F16608" s="6">
        <v>2021</v>
      </c>
      <c r="G16608" t="s">
        <v>125</v>
      </c>
      <c r="H16608" t="s">
        <v>122</v>
      </c>
      <c r="I16608" t="s">
        <v>15</v>
      </c>
      <c r="J16608" s="10">
        <v>19.750923837404617</v>
      </c>
    </row>
    <row r="16609" spans="1:10" x14ac:dyDescent="0.35">
      <c r="A16609" t="s">
        <v>28</v>
      </c>
      <c r="B16609" t="s">
        <v>58</v>
      </c>
      <c r="C16609" t="s">
        <v>117</v>
      </c>
      <c r="D16609" t="s">
        <v>118</v>
      </c>
      <c r="E16609" s="6">
        <v>2021</v>
      </c>
      <c r="F16609" s="6">
        <v>2021</v>
      </c>
      <c r="G16609" t="s">
        <v>125</v>
      </c>
      <c r="H16609" t="s">
        <v>122</v>
      </c>
      <c r="I16609" t="s">
        <v>15</v>
      </c>
      <c r="J16609" s="10">
        <v>24.658810797811579</v>
      </c>
    </row>
    <row r="16610" spans="1:10" x14ac:dyDescent="0.35">
      <c r="A16610" t="s">
        <v>20</v>
      </c>
      <c r="B16610" t="s">
        <v>59</v>
      </c>
      <c r="C16610" t="s">
        <v>117</v>
      </c>
      <c r="D16610" t="s">
        <v>118</v>
      </c>
      <c r="E16610" s="6">
        <v>2021</v>
      </c>
      <c r="F16610" s="6">
        <v>2021</v>
      </c>
      <c r="G16610" t="s">
        <v>125</v>
      </c>
      <c r="H16610" t="s">
        <v>122</v>
      </c>
      <c r="I16610" t="s">
        <v>15</v>
      </c>
      <c r="J16610" s="10">
        <v>22.117395073690652</v>
      </c>
    </row>
    <row r="16611" spans="1:10" x14ac:dyDescent="0.35">
      <c r="A16611" t="s">
        <v>20</v>
      </c>
      <c r="B16611" t="s">
        <v>60</v>
      </c>
      <c r="C16611" t="s">
        <v>117</v>
      </c>
      <c r="D16611" t="s">
        <v>118</v>
      </c>
      <c r="E16611" s="6">
        <v>2021</v>
      </c>
      <c r="F16611" s="6">
        <v>2021</v>
      </c>
      <c r="G16611" t="s">
        <v>125</v>
      </c>
      <c r="H16611" t="s">
        <v>122</v>
      </c>
      <c r="I16611" t="s">
        <v>15</v>
      </c>
      <c r="J16611" s="10">
        <v>22.090869885080799</v>
      </c>
    </row>
    <row r="16612" spans="1:10" x14ac:dyDescent="0.35">
      <c r="A16612" t="s">
        <v>28</v>
      </c>
      <c r="B16612" t="s">
        <v>61</v>
      </c>
      <c r="C16612" t="s">
        <v>117</v>
      </c>
      <c r="D16612" t="s">
        <v>118</v>
      </c>
      <c r="E16612" s="6">
        <v>2021</v>
      </c>
      <c r="F16612" s="6">
        <v>2021</v>
      </c>
      <c r="G16612" t="s">
        <v>125</v>
      </c>
      <c r="H16612" t="s">
        <v>122</v>
      </c>
      <c r="I16612" t="s">
        <v>15</v>
      </c>
      <c r="J16612" s="10">
        <v>23.195861637722764</v>
      </c>
    </row>
    <row r="16613" spans="1:10" x14ac:dyDescent="0.35">
      <c r="A16613" t="s">
        <v>62</v>
      </c>
      <c r="B16613" t="s">
        <v>63</v>
      </c>
      <c r="C16613" t="s">
        <v>117</v>
      </c>
      <c r="D16613" t="s">
        <v>118</v>
      </c>
      <c r="E16613" s="6">
        <v>2021</v>
      </c>
      <c r="F16613" s="6">
        <v>2021</v>
      </c>
      <c r="G16613" t="s">
        <v>125</v>
      </c>
      <c r="H16613" t="s">
        <v>122</v>
      </c>
      <c r="I16613" t="s">
        <v>15</v>
      </c>
      <c r="J16613" s="10">
        <v>19.15942513368984</v>
      </c>
    </row>
    <row r="16614" spans="1:10" x14ac:dyDescent="0.35">
      <c r="A16614" t="s">
        <v>62</v>
      </c>
      <c r="B16614" t="s">
        <v>64</v>
      </c>
      <c r="C16614" t="s">
        <v>117</v>
      </c>
      <c r="D16614" t="s">
        <v>118</v>
      </c>
      <c r="E16614" s="6">
        <v>2021</v>
      </c>
      <c r="F16614" s="6">
        <v>2021</v>
      </c>
      <c r="G16614" t="s">
        <v>125</v>
      </c>
      <c r="H16614" t="s">
        <v>122</v>
      </c>
      <c r="I16614" t="s">
        <v>15</v>
      </c>
      <c r="J16614" s="10">
        <v>18.557211194809479</v>
      </c>
    </row>
    <row r="16615" spans="1:10" x14ac:dyDescent="0.35">
      <c r="A16615" t="s">
        <v>62</v>
      </c>
      <c r="B16615" t="s">
        <v>65</v>
      </c>
      <c r="C16615" t="s">
        <v>117</v>
      </c>
      <c r="D16615" t="s">
        <v>118</v>
      </c>
      <c r="E16615" s="6">
        <v>2021</v>
      </c>
      <c r="F16615" s="6">
        <v>2021</v>
      </c>
      <c r="G16615" t="s">
        <v>125</v>
      </c>
      <c r="H16615" t="s">
        <v>122</v>
      </c>
      <c r="I16615" t="s">
        <v>15</v>
      </c>
      <c r="J16615" s="10">
        <v>12.364222674813306</v>
      </c>
    </row>
    <row r="16616" spans="1:10" x14ac:dyDescent="0.35">
      <c r="A16616" t="s">
        <v>62</v>
      </c>
      <c r="B16616" t="s">
        <v>66</v>
      </c>
      <c r="C16616" t="s">
        <v>117</v>
      </c>
      <c r="D16616" t="s">
        <v>118</v>
      </c>
      <c r="E16616" s="6">
        <v>2021</v>
      </c>
      <c r="F16616" s="6">
        <v>2021</v>
      </c>
      <c r="G16616" t="s">
        <v>125</v>
      </c>
      <c r="H16616" t="s">
        <v>122</v>
      </c>
      <c r="I16616" t="s">
        <v>15</v>
      </c>
      <c r="J16616" s="10">
        <v>17.631811015205365</v>
      </c>
    </row>
    <row r="16617" spans="1:10" x14ac:dyDescent="0.35">
      <c r="A16617" t="s">
        <v>62</v>
      </c>
      <c r="B16617" t="s">
        <v>67</v>
      </c>
      <c r="C16617" t="s">
        <v>117</v>
      </c>
      <c r="D16617" t="s">
        <v>118</v>
      </c>
      <c r="E16617" s="6">
        <v>2021</v>
      </c>
      <c r="F16617" s="6">
        <v>2021</v>
      </c>
      <c r="G16617" t="s">
        <v>125</v>
      </c>
      <c r="H16617" t="s">
        <v>122</v>
      </c>
      <c r="I16617" t="s">
        <v>15</v>
      </c>
      <c r="J16617" s="10">
        <v>19.398164761367713</v>
      </c>
    </row>
    <row r="16618" spans="1:10" x14ac:dyDescent="0.35">
      <c r="A16618" t="s">
        <v>62</v>
      </c>
      <c r="B16618" t="s">
        <v>68</v>
      </c>
      <c r="C16618" t="s">
        <v>117</v>
      </c>
      <c r="D16618" t="s">
        <v>118</v>
      </c>
      <c r="E16618" s="6">
        <v>2021</v>
      </c>
      <c r="F16618" s="6">
        <v>2021</v>
      </c>
      <c r="G16618" t="s">
        <v>125</v>
      </c>
      <c r="H16618" t="s">
        <v>122</v>
      </c>
      <c r="I16618" t="s">
        <v>15</v>
      </c>
      <c r="J16618" s="10">
        <v>17.588354268682139</v>
      </c>
    </row>
    <row r="16619" spans="1:10" x14ac:dyDescent="0.35">
      <c r="A16619" t="s">
        <v>62</v>
      </c>
      <c r="B16619" t="s">
        <v>69</v>
      </c>
      <c r="C16619" t="s">
        <v>117</v>
      </c>
      <c r="D16619" t="s">
        <v>118</v>
      </c>
      <c r="E16619" s="6">
        <v>2021</v>
      </c>
      <c r="F16619" s="6">
        <v>2021</v>
      </c>
      <c r="G16619" t="s">
        <v>125</v>
      </c>
      <c r="H16619" t="s">
        <v>122</v>
      </c>
      <c r="I16619" t="s">
        <v>15</v>
      </c>
      <c r="J16619" s="10">
        <v>17.77522093564102</v>
      </c>
    </row>
    <row r="16620" spans="1:10" x14ac:dyDescent="0.35">
      <c r="A16620" t="s">
        <v>62</v>
      </c>
      <c r="B16620" t="s">
        <v>70</v>
      </c>
      <c r="C16620" t="s">
        <v>117</v>
      </c>
      <c r="D16620" t="s">
        <v>118</v>
      </c>
      <c r="E16620" s="6">
        <v>2021</v>
      </c>
      <c r="F16620" s="6">
        <v>2021</v>
      </c>
      <c r="G16620" t="s">
        <v>125</v>
      </c>
      <c r="H16620" t="s">
        <v>122</v>
      </c>
      <c r="I16620" t="s">
        <v>15</v>
      </c>
      <c r="J16620" s="10">
        <v>16.016691161032963</v>
      </c>
    </row>
    <row r="16621" spans="1:10" x14ac:dyDescent="0.35">
      <c r="A16621" t="s">
        <v>35</v>
      </c>
      <c r="B16621" t="s">
        <v>71</v>
      </c>
      <c r="C16621" t="s">
        <v>117</v>
      </c>
      <c r="D16621" t="s">
        <v>118</v>
      </c>
      <c r="E16621" s="6">
        <v>2021</v>
      </c>
      <c r="F16621" s="6">
        <v>2021</v>
      </c>
      <c r="G16621" t="s">
        <v>125</v>
      </c>
      <c r="H16621" t="s">
        <v>122</v>
      </c>
      <c r="I16621" t="s">
        <v>15</v>
      </c>
      <c r="J16621" s="10">
        <v>23.323598130841123</v>
      </c>
    </row>
    <row r="16622" spans="1:10" x14ac:dyDescent="0.35">
      <c r="A16622" t="s">
        <v>20</v>
      </c>
      <c r="B16622" t="s">
        <v>72</v>
      </c>
      <c r="C16622" t="s">
        <v>117</v>
      </c>
      <c r="D16622" t="s">
        <v>118</v>
      </c>
      <c r="E16622" s="6">
        <v>2021</v>
      </c>
      <c r="F16622" s="6">
        <v>2021</v>
      </c>
      <c r="G16622" t="s">
        <v>125</v>
      </c>
      <c r="H16622" t="s">
        <v>122</v>
      </c>
      <c r="I16622" t="s">
        <v>15</v>
      </c>
      <c r="J16622" s="10">
        <v>21.530862834910735</v>
      </c>
    </row>
    <row r="16623" spans="1:10" x14ac:dyDescent="0.35">
      <c r="A16623" t="s">
        <v>26</v>
      </c>
      <c r="B16623" t="s">
        <v>73</v>
      </c>
      <c r="C16623" t="s">
        <v>117</v>
      </c>
      <c r="D16623" t="s">
        <v>118</v>
      </c>
      <c r="E16623" s="6">
        <v>2021</v>
      </c>
      <c r="F16623" s="6">
        <v>2021</v>
      </c>
      <c r="G16623" t="s">
        <v>125</v>
      </c>
      <c r="H16623" t="s">
        <v>122</v>
      </c>
      <c r="I16623" t="s">
        <v>15</v>
      </c>
      <c r="J16623" s="10">
        <v>20.989826532223503</v>
      </c>
    </row>
    <row r="16624" spans="1:10" x14ac:dyDescent="0.35">
      <c r="A16624" t="s">
        <v>28</v>
      </c>
      <c r="B16624" t="s">
        <v>74</v>
      </c>
      <c r="C16624" t="s">
        <v>117</v>
      </c>
      <c r="D16624" t="s">
        <v>118</v>
      </c>
      <c r="E16624" s="6">
        <v>2021</v>
      </c>
      <c r="F16624" s="6">
        <v>2021</v>
      </c>
      <c r="G16624" t="s">
        <v>125</v>
      </c>
      <c r="H16624" t="s">
        <v>122</v>
      </c>
      <c r="I16624" t="s">
        <v>15</v>
      </c>
      <c r="J16624" s="10">
        <v>21.950187853001914</v>
      </c>
    </row>
    <row r="16625" spans="1:10" x14ac:dyDescent="0.35">
      <c r="A16625" t="s">
        <v>33</v>
      </c>
      <c r="B16625" t="s">
        <v>75</v>
      </c>
      <c r="C16625" t="s">
        <v>117</v>
      </c>
      <c r="D16625" t="s">
        <v>118</v>
      </c>
      <c r="E16625" s="6">
        <v>2021</v>
      </c>
      <c r="F16625" s="6">
        <v>2021</v>
      </c>
      <c r="G16625" t="s">
        <v>125</v>
      </c>
      <c r="H16625" t="s">
        <v>122</v>
      </c>
      <c r="I16625" t="s">
        <v>15</v>
      </c>
      <c r="J16625" s="10">
        <v>21.097112860892388</v>
      </c>
    </row>
    <row r="16626" spans="1:10" x14ac:dyDescent="0.35">
      <c r="A16626" t="s">
        <v>22</v>
      </c>
      <c r="B16626" t="s">
        <v>76</v>
      </c>
      <c r="C16626" t="s">
        <v>117</v>
      </c>
      <c r="D16626" t="s">
        <v>118</v>
      </c>
      <c r="E16626" s="6">
        <v>2021</v>
      </c>
      <c r="F16626" s="6">
        <v>2021</v>
      </c>
      <c r="G16626" t="s">
        <v>125</v>
      </c>
      <c r="H16626" t="s">
        <v>122</v>
      </c>
      <c r="I16626" t="s">
        <v>15</v>
      </c>
      <c r="J16626" s="10">
        <v>20.95724126344086</v>
      </c>
    </row>
    <row r="16627" spans="1:10" x14ac:dyDescent="0.35">
      <c r="A16627" t="s">
        <v>33</v>
      </c>
      <c r="B16627" t="s">
        <v>77</v>
      </c>
      <c r="C16627" t="s">
        <v>117</v>
      </c>
      <c r="D16627" t="s">
        <v>118</v>
      </c>
      <c r="E16627" s="6">
        <v>2021</v>
      </c>
      <c r="F16627" s="6">
        <v>2021</v>
      </c>
      <c r="G16627" t="s">
        <v>125</v>
      </c>
      <c r="H16627" t="s">
        <v>122</v>
      </c>
      <c r="I16627" t="s">
        <v>15</v>
      </c>
      <c r="J16627" s="10">
        <v>22.690548327689658</v>
      </c>
    </row>
    <row r="16628" spans="1:10" x14ac:dyDescent="0.35">
      <c r="A16628" t="s">
        <v>22</v>
      </c>
      <c r="B16628" t="s">
        <v>78</v>
      </c>
      <c r="C16628" t="s">
        <v>117</v>
      </c>
      <c r="D16628" t="s">
        <v>118</v>
      </c>
      <c r="E16628" s="6">
        <v>2021</v>
      </c>
      <c r="F16628" s="6">
        <v>2021</v>
      </c>
      <c r="G16628" t="s">
        <v>125</v>
      </c>
      <c r="H16628" t="s">
        <v>122</v>
      </c>
      <c r="I16628" t="s">
        <v>15</v>
      </c>
      <c r="J16628" s="10">
        <v>20.191301037403637</v>
      </c>
    </row>
    <row r="16629" spans="1:10" x14ac:dyDescent="0.35">
      <c r="A16629" t="s">
        <v>28</v>
      </c>
      <c r="B16629" t="s">
        <v>79</v>
      </c>
      <c r="C16629" t="s">
        <v>117</v>
      </c>
      <c r="D16629" t="s">
        <v>118</v>
      </c>
      <c r="E16629" s="6">
        <v>2021</v>
      </c>
      <c r="F16629" s="6">
        <v>2021</v>
      </c>
      <c r="G16629" t="s">
        <v>125</v>
      </c>
      <c r="H16629" t="s">
        <v>122</v>
      </c>
      <c r="I16629" t="s">
        <v>15</v>
      </c>
      <c r="J16629" s="10">
        <v>22.024295630869741</v>
      </c>
    </row>
    <row r="16630" spans="1:10" x14ac:dyDescent="0.35">
      <c r="A16630" t="s">
        <v>26</v>
      </c>
      <c r="B16630" t="s">
        <v>80</v>
      </c>
      <c r="C16630" t="s">
        <v>117</v>
      </c>
      <c r="D16630" t="s">
        <v>118</v>
      </c>
      <c r="E16630" s="6">
        <v>2021</v>
      </c>
      <c r="F16630" s="6">
        <v>2021</v>
      </c>
      <c r="G16630" t="s">
        <v>125</v>
      </c>
      <c r="H16630" t="s">
        <v>122</v>
      </c>
      <c r="I16630" t="s">
        <v>15</v>
      </c>
      <c r="J16630" s="10">
        <v>21.932937876945225</v>
      </c>
    </row>
    <row r="16631" spans="1:10" x14ac:dyDescent="0.35">
      <c r="A16631" t="s">
        <v>20</v>
      </c>
      <c r="B16631" t="s">
        <v>81</v>
      </c>
      <c r="C16631" t="s">
        <v>117</v>
      </c>
      <c r="D16631" t="s">
        <v>118</v>
      </c>
      <c r="E16631" s="6">
        <v>2021</v>
      </c>
      <c r="F16631" s="6">
        <v>2021</v>
      </c>
      <c r="G16631" t="s">
        <v>125</v>
      </c>
      <c r="H16631" t="s">
        <v>122</v>
      </c>
      <c r="I16631" t="s">
        <v>15</v>
      </c>
      <c r="J16631" s="10">
        <v>21.284275171039162</v>
      </c>
    </row>
    <row r="16632" spans="1:10" x14ac:dyDescent="0.35">
      <c r="A16632" t="s">
        <v>26</v>
      </c>
      <c r="B16632" t="s">
        <v>57</v>
      </c>
      <c r="C16632" t="s">
        <v>117</v>
      </c>
      <c r="D16632" t="s">
        <v>118</v>
      </c>
      <c r="E16632" s="6">
        <v>2021</v>
      </c>
      <c r="F16632" s="6">
        <v>2021</v>
      </c>
      <c r="G16632" t="s">
        <v>125</v>
      </c>
      <c r="H16632" t="s">
        <v>122</v>
      </c>
      <c r="I16632" t="s">
        <v>15</v>
      </c>
      <c r="J16632" s="10">
        <v>24.505269542800821</v>
      </c>
    </row>
    <row r="16633" spans="1:10" x14ac:dyDescent="0.35">
      <c r="A16633" t="s">
        <v>33</v>
      </c>
      <c r="B16633" t="s">
        <v>82</v>
      </c>
      <c r="C16633" t="s">
        <v>117</v>
      </c>
      <c r="D16633" t="s">
        <v>118</v>
      </c>
      <c r="E16633" s="6">
        <v>2021</v>
      </c>
      <c r="F16633" s="6">
        <v>2021</v>
      </c>
      <c r="G16633" t="s">
        <v>125</v>
      </c>
      <c r="H16633" t="s">
        <v>122</v>
      </c>
      <c r="I16633" t="s">
        <v>15</v>
      </c>
      <c r="J16633" s="10">
        <v>20.68984654660488</v>
      </c>
    </row>
    <row r="16634" spans="1:10" x14ac:dyDescent="0.35">
      <c r="A16634" t="s">
        <v>26</v>
      </c>
      <c r="B16634" t="s">
        <v>83</v>
      </c>
      <c r="C16634" t="s">
        <v>117</v>
      </c>
      <c r="D16634" t="s">
        <v>118</v>
      </c>
      <c r="E16634" s="6">
        <v>2021</v>
      </c>
      <c r="F16634" s="6">
        <v>2021</v>
      </c>
      <c r="G16634" t="s">
        <v>125</v>
      </c>
      <c r="H16634" t="s">
        <v>122</v>
      </c>
      <c r="I16634" t="s">
        <v>15</v>
      </c>
      <c r="J16634" s="10">
        <v>23.714744734023562</v>
      </c>
    </row>
    <row r="16635" spans="1:10" x14ac:dyDescent="0.35">
      <c r="A16635" t="s">
        <v>35</v>
      </c>
      <c r="B16635" t="s">
        <v>84</v>
      </c>
      <c r="C16635" t="s">
        <v>117</v>
      </c>
      <c r="D16635" t="s">
        <v>118</v>
      </c>
      <c r="E16635" s="6">
        <v>2021</v>
      </c>
      <c r="F16635" s="6">
        <v>2021</v>
      </c>
      <c r="G16635" t="s">
        <v>125</v>
      </c>
      <c r="H16635" t="s">
        <v>122</v>
      </c>
      <c r="I16635" t="s">
        <v>15</v>
      </c>
      <c r="J16635" s="10">
        <v>21.92803223792497</v>
      </c>
    </row>
    <row r="16636" spans="1:10" x14ac:dyDescent="0.35">
      <c r="A16636" t="s">
        <v>33</v>
      </c>
      <c r="B16636" t="s">
        <v>85</v>
      </c>
      <c r="C16636" t="s">
        <v>117</v>
      </c>
      <c r="D16636" t="s">
        <v>118</v>
      </c>
      <c r="E16636" s="6">
        <v>2021</v>
      </c>
      <c r="F16636" s="6">
        <v>2021</v>
      </c>
      <c r="G16636" t="s">
        <v>125</v>
      </c>
      <c r="H16636" t="s">
        <v>122</v>
      </c>
      <c r="I16636" t="s">
        <v>15</v>
      </c>
      <c r="J16636" s="10">
        <v>22.049978127734033</v>
      </c>
    </row>
    <row r="16637" spans="1:10" x14ac:dyDescent="0.35">
      <c r="A16637" t="s">
        <v>33</v>
      </c>
      <c r="B16637" t="s">
        <v>86</v>
      </c>
      <c r="C16637" t="s">
        <v>117</v>
      </c>
      <c r="D16637" t="s">
        <v>118</v>
      </c>
      <c r="E16637" s="6">
        <v>2021</v>
      </c>
      <c r="F16637" s="6">
        <v>2021</v>
      </c>
      <c r="G16637" t="s">
        <v>125</v>
      </c>
      <c r="H16637" t="s">
        <v>122</v>
      </c>
      <c r="I16637" t="s">
        <v>15</v>
      </c>
      <c r="J16637" s="10">
        <v>22.149520766773161</v>
      </c>
    </row>
    <row r="16638" spans="1:10" x14ac:dyDescent="0.35">
      <c r="A16638" t="s">
        <v>35</v>
      </c>
      <c r="B16638" t="s">
        <v>87</v>
      </c>
      <c r="C16638" t="s">
        <v>117</v>
      </c>
      <c r="D16638" t="s">
        <v>118</v>
      </c>
      <c r="E16638" s="6">
        <v>2021</v>
      </c>
      <c r="F16638" s="6">
        <v>2021</v>
      </c>
      <c r="G16638" t="s">
        <v>125</v>
      </c>
      <c r="H16638" t="s">
        <v>122</v>
      </c>
      <c r="I16638" t="s">
        <v>15</v>
      </c>
      <c r="J16638" s="10">
        <v>21.548058719468667</v>
      </c>
    </row>
    <row r="16639" spans="1:10" x14ac:dyDescent="0.35">
      <c r="A16639" t="s">
        <v>35</v>
      </c>
      <c r="B16639" t="s">
        <v>88</v>
      </c>
      <c r="C16639" t="s">
        <v>117</v>
      </c>
      <c r="D16639" t="s">
        <v>118</v>
      </c>
      <c r="E16639" s="6">
        <v>2021</v>
      </c>
      <c r="F16639" s="6">
        <v>2021</v>
      </c>
      <c r="G16639" t="s">
        <v>125</v>
      </c>
      <c r="H16639" t="s">
        <v>122</v>
      </c>
      <c r="I16639" t="s">
        <v>15</v>
      </c>
      <c r="J16639" s="10">
        <v>22.410329137859716</v>
      </c>
    </row>
    <row r="16640" spans="1:10" x14ac:dyDescent="0.35">
      <c r="A16640" t="s">
        <v>62</v>
      </c>
      <c r="B16640" t="s">
        <v>89</v>
      </c>
      <c r="C16640" t="s">
        <v>117</v>
      </c>
      <c r="D16640" t="s">
        <v>118</v>
      </c>
      <c r="E16640" s="6">
        <v>2021</v>
      </c>
      <c r="F16640" s="6">
        <v>2021</v>
      </c>
      <c r="G16640" t="s">
        <v>125</v>
      </c>
      <c r="H16640" t="s">
        <v>122</v>
      </c>
      <c r="I16640" t="s">
        <v>15</v>
      </c>
      <c r="J16640" s="10">
        <v>20.887399463806972</v>
      </c>
    </row>
    <row r="16641" spans="1:10" x14ac:dyDescent="0.35">
      <c r="A16641" t="s">
        <v>26</v>
      </c>
      <c r="B16641" t="s">
        <v>90</v>
      </c>
      <c r="C16641" t="s">
        <v>117</v>
      </c>
      <c r="D16641" t="s">
        <v>118</v>
      </c>
      <c r="E16641" s="6">
        <v>2021</v>
      </c>
      <c r="F16641" s="6">
        <v>2021</v>
      </c>
      <c r="G16641" t="s">
        <v>125</v>
      </c>
      <c r="H16641" t="s">
        <v>122</v>
      </c>
      <c r="I16641" t="s">
        <v>15</v>
      </c>
      <c r="J16641" s="10">
        <v>21.306964746345656</v>
      </c>
    </row>
    <row r="16642" spans="1:10" x14ac:dyDescent="0.35">
      <c r="A16642" t="s">
        <v>26</v>
      </c>
      <c r="B16642" t="s">
        <v>91</v>
      </c>
      <c r="C16642" t="s">
        <v>117</v>
      </c>
      <c r="D16642" t="s">
        <v>118</v>
      </c>
      <c r="E16642" s="6">
        <v>2021</v>
      </c>
      <c r="F16642" s="6">
        <v>2021</v>
      </c>
      <c r="G16642" t="s">
        <v>125</v>
      </c>
      <c r="H16642" t="s">
        <v>122</v>
      </c>
      <c r="I16642" t="s">
        <v>15</v>
      </c>
      <c r="J16642" s="10">
        <v>23.83525360879354</v>
      </c>
    </row>
    <row r="16643" spans="1:10" x14ac:dyDescent="0.35">
      <c r="A16643" t="s">
        <v>33</v>
      </c>
      <c r="B16643" t="s">
        <v>92</v>
      </c>
      <c r="C16643" t="s">
        <v>117</v>
      </c>
      <c r="D16643" t="s">
        <v>118</v>
      </c>
      <c r="E16643" s="6">
        <v>2021</v>
      </c>
      <c r="F16643" s="6">
        <v>2021</v>
      </c>
      <c r="G16643" t="s">
        <v>125</v>
      </c>
      <c r="H16643" t="s">
        <v>122</v>
      </c>
      <c r="I16643" t="s">
        <v>15</v>
      </c>
      <c r="J16643" s="10">
        <v>21.73326133909287</v>
      </c>
    </row>
    <row r="16644" spans="1:10" x14ac:dyDescent="0.35">
      <c r="A16644" t="s">
        <v>35</v>
      </c>
      <c r="B16644" t="s">
        <v>93</v>
      </c>
      <c r="C16644" t="s">
        <v>117</v>
      </c>
      <c r="D16644" t="s">
        <v>118</v>
      </c>
      <c r="E16644" s="6">
        <v>2021</v>
      </c>
      <c r="F16644" s="6">
        <v>2021</v>
      </c>
      <c r="G16644" t="s">
        <v>125</v>
      </c>
      <c r="H16644" t="s">
        <v>122</v>
      </c>
      <c r="I16644" t="s">
        <v>15</v>
      </c>
      <c r="J16644" s="10">
        <v>21.473749164395535</v>
      </c>
    </row>
    <row r="16645" spans="1:10" x14ac:dyDescent="0.35">
      <c r="A16645" t="s">
        <v>20</v>
      </c>
      <c r="B16645" t="s">
        <v>94</v>
      </c>
      <c r="C16645" t="s">
        <v>117</v>
      </c>
      <c r="D16645" t="s">
        <v>118</v>
      </c>
      <c r="E16645" s="6">
        <v>2021</v>
      </c>
      <c r="F16645" s="6">
        <v>2021</v>
      </c>
      <c r="G16645" t="s">
        <v>125</v>
      </c>
      <c r="H16645" t="s">
        <v>122</v>
      </c>
      <c r="I16645" t="s">
        <v>15</v>
      </c>
      <c r="J16645" s="10">
        <v>21.672982766728445</v>
      </c>
    </row>
    <row r="16646" spans="1:10" x14ac:dyDescent="0.35">
      <c r="A16646" t="s">
        <v>10</v>
      </c>
      <c r="B16646" t="s">
        <v>11</v>
      </c>
      <c r="C16646" t="s">
        <v>117</v>
      </c>
      <c r="D16646" t="s">
        <v>118</v>
      </c>
      <c r="E16646" s="6">
        <v>2021</v>
      </c>
      <c r="F16646" s="6">
        <v>2021</v>
      </c>
      <c r="G16646" t="s">
        <v>126</v>
      </c>
      <c r="H16646" t="s">
        <v>122</v>
      </c>
      <c r="I16646" t="s">
        <v>15</v>
      </c>
      <c r="J16646" s="10">
        <v>14.516460905349795</v>
      </c>
    </row>
    <row r="16647" spans="1:10" x14ac:dyDescent="0.35">
      <c r="A16647" t="s">
        <v>10</v>
      </c>
      <c r="B16647" t="s">
        <v>16</v>
      </c>
      <c r="C16647" t="s">
        <v>117</v>
      </c>
      <c r="D16647" t="s">
        <v>118</v>
      </c>
      <c r="E16647" s="6">
        <v>2021</v>
      </c>
      <c r="F16647" s="6">
        <v>2021</v>
      </c>
      <c r="G16647" t="s">
        <v>126</v>
      </c>
      <c r="H16647" t="s">
        <v>122</v>
      </c>
      <c r="I16647" t="s">
        <v>15</v>
      </c>
      <c r="J16647" s="10">
        <v>19.811525391048662</v>
      </c>
    </row>
    <row r="16648" spans="1:10" x14ac:dyDescent="0.35">
      <c r="A16648" t="s">
        <v>10</v>
      </c>
      <c r="B16648" t="s">
        <v>17</v>
      </c>
      <c r="C16648" t="s">
        <v>117</v>
      </c>
      <c r="D16648" t="s">
        <v>118</v>
      </c>
      <c r="E16648" s="6">
        <v>2021</v>
      </c>
      <c r="F16648" s="6">
        <v>2021</v>
      </c>
      <c r="G16648" t="s">
        <v>126</v>
      </c>
      <c r="H16648" t="s">
        <v>122</v>
      </c>
      <c r="I16648" t="s">
        <v>15</v>
      </c>
      <c r="J16648" s="10">
        <v>20.573625638821223</v>
      </c>
    </row>
    <row r="16649" spans="1:10" x14ac:dyDescent="0.35">
      <c r="A16649" t="s">
        <v>10</v>
      </c>
      <c r="B16649" t="s">
        <v>18</v>
      </c>
      <c r="C16649" t="s">
        <v>117</v>
      </c>
      <c r="D16649" t="s">
        <v>118</v>
      </c>
      <c r="E16649" s="6">
        <v>2021</v>
      </c>
      <c r="F16649" s="6">
        <v>2021</v>
      </c>
      <c r="G16649" t="s">
        <v>126</v>
      </c>
      <c r="H16649" t="s">
        <v>122</v>
      </c>
      <c r="I16649" t="s">
        <v>15</v>
      </c>
      <c r="J16649" s="10">
        <v>22.253732790382006</v>
      </c>
    </row>
    <row r="16650" spans="1:10" x14ac:dyDescent="0.35">
      <c r="A16650" t="s">
        <v>10</v>
      </c>
      <c r="B16650" t="s">
        <v>19</v>
      </c>
      <c r="C16650" t="s">
        <v>117</v>
      </c>
      <c r="D16650" t="s">
        <v>118</v>
      </c>
      <c r="E16650" s="6">
        <v>2021</v>
      </c>
      <c r="F16650" s="6">
        <v>2021</v>
      </c>
      <c r="G16650" t="s">
        <v>126</v>
      </c>
      <c r="H16650" t="s">
        <v>122</v>
      </c>
      <c r="I16650" t="s">
        <v>15</v>
      </c>
      <c r="J16650" s="10">
        <v>22.256144890038808</v>
      </c>
    </row>
    <row r="16651" spans="1:10" x14ac:dyDescent="0.35">
      <c r="A16651" t="s">
        <v>20</v>
      </c>
      <c r="B16651" t="s">
        <v>21</v>
      </c>
      <c r="C16651" t="s">
        <v>117</v>
      </c>
      <c r="D16651" t="s">
        <v>118</v>
      </c>
      <c r="E16651" s="6">
        <v>2021</v>
      </c>
      <c r="F16651" s="6">
        <v>2021</v>
      </c>
      <c r="G16651" t="s">
        <v>126</v>
      </c>
      <c r="H16651" t="s">
        <v>122</v>
      </c>
      <c r="I16651" t="s">
        <v>15</v>
      </c>
      <c r="J16651" s="10">
        <v>21.816520872550104</v>
      </c>
    </row>
    <row r="16652" spans="1:10" x14ac:dyDescent="0.35">
      <c r="A16652" t="s">
        <v>22</v>
      </c>
      <c r="B16652" t="s">
        <v>23</v>
      </c>
      <c r="C16652" t="s">
        <v>117</v>
      </c>
      <c r="D16652" t="s">
        <v>118</v>
      </c>
      <c r="E16652" s="6">
        <v>2021</v>
      </c>
      <c r="F16652" s="6">
        <v>2021</v>
      </c>
      <c r="G16652" t="s">
        <v>126</v>
      </c>
      <c r="H16652" t="s">
        <v>122</v>
      </c>
      <c r="I16652" t="s">
        <v>15</v>
      </c>
      <c r="J16652" s="10">
        <v>21.868332147937412</v>
      </c>
    </row>
    <row r="16653" spans="1:10" x14ac:dyDescent="0.35">
      <c r="A16653" t="s">
        <v>10</v>
      </c>
      <c r="B16653" t="s">
        <v>24</v>
      </c>
      <c r="C16653" t="s">
        <v>117</v>
      </c>
      <c r="D16653" t="s">
        <v>118</v>
      </c>
      <c r="E16653" s="6">
        <v>2021</v>
      </c>
      <c r="F16653" s="6">
        <v>2021</v>
      </c>
      <c r="G16653" t="s">
        <v>126</v>
      </c>
      <c r="H16653" t="s">
        <v>122</v>
      </c>
      <c r="I16653" t="s">
        <v>15</v>
      </c>
      <c r="J16653" s="10">
        <v>22.624081905185843</v>
      </c>
    </row>
    <row r="16654" spans="1:10" x14ac:dyDescent="0.35">
      <c r="A16654" t="s">
        <v>10</v>
      </c>
      <c r="B16654" t="s">
        <v>25</v>
      </c>
      <c r="C16654" t="s">
        <v>117</v>
      </c>
      <c r="D16654" t="s">
        <v>118</v>
      </c>
      <c r="E16654" s="6">
        <v>2021</v>
      </c>
      <c r="F16654" s="6">
        <v>2021</v>
      </c>
      <c r="G16654" t="s">
        <v>126</v>
      </c>
      <c r="H16654" t="s">
        <v>122</v>
      </c>
      <c r="I16654" t="s">
        <v>15</v>
      </c>
      <c r="J16654" s="10">
        <v>22.362813352039602</v>
      </c>
    </row>
    <row r="16655" spans="1:10" x14ac:dyDescent="0.35">
      <c r="A16655" t="s">
        <v>26</v>
      </c>
      <c r="B16655" t="s">
        <v>27</v>
      </c>
      <c r="C16655" t="s">
        <v>117</v>
      </c>
      <c r="D16655" t="s">
        <v>118</v>
      </c>
      <c r="E16655" s="6">
        <v>2021</v>
      </c>
      <c r="F16655" s="6">
        <v>2021</v>
      </c>
      <c r="G16655" t="s">
        <v>126</v>
      </c>
      <c r="H16655" t="s">
        <v>122</v>
      </c>
      <c r="I16655" t="s">
        <v>15</v>
      </c>
      <c r="J16655" s="10">
        <v>24.969185857930587</v>
      </c>
    </row>
    <row r="16656" spans="1:10" x14ac:dyDescent="0.35">
      <c r="A16656" t="s">
        <v>28</v>
      </c>
      <c r="B16656" t="s">
        <v>29</v>
      </c>
      <c r="C16656" t="s">
        <v>117</v>
      </c>
      <c r="D16656" t="s">
        <v>118</v>
      </c>
      <c r="E16656" s="6">
        <v>2021</v>
      </c>
      <c r="F16656" s="6">
        <v>2021</v>
      </c>
      <c r="G16656" t="s">
        <v>126</v>
      </c>
      <c r="H16656" t="s">
        <v>122</v>
      </c>
      <c r="I16656" t="s">
        <v>15</v>
      </c>
      <c r="J16656" s="10">
        <v>23.196731775820247</v>
      </c>
    </row>
    <row r="16657" spans="1:10" x14ac:dyDescent="0.35">
      <c r="A16657" t="s">
        <v>10</v>
      </c>
      <c r="B16657" t="s">
        <v>30</v>
      </c>
      <c r="C16657" t="s">
        <v>117</v>
      </c>
      <c r="D16657" t="s">
        <v>118</v>
      </c>
      <c r="E16657" s="6">
        <v>2021</v>
      </c>
      <c r="F16657" s="6">
        <v>2021</v>
      </c>
      <c r="G16657" t="s">
        <v>126</v>
      </c>
      <c r="H16657" t="s">
        <v>122</v>
      </c>
      <c r="I16657" t="s">
        <v>15</v>
      </c>
      <c r="J16657" s="10">
        <v>22.108341676766614</v>
      </c>
    </row>
    <row r="16658" spans="1:10" x14ac:dyDescent="0.35">
      <c r="A16658" t="s">
        <v>26</v>
      </c>
      <c r="B16658" t="s">
        <v>31</v>
      </c>
      <c r="C16658" t="s">
        <v>117</v>
      </c>
      <c r="D16658" t="s">
        <v>118</v>
      </c>
      <c r="E16658" s="6">
        <v>2021</v>
      </c>
      <c r="F16658" s="6">
        <v>2021</v>
      </c>
      <c r="G16658" t="s">
        <v>126</v>
      </c>
      <c r="H16658" t="s">
        <v>122</v>
      </c>
      <c r="I16658" t="s">
        <v>15</v>
      </c>
      <c r="J16658" s="10">
        <v>23.999663044393902</v>
      </c>
    </row>
    <row r="16659" spans="1:10" x14ac:dyDescent="0.35">
      <c r="A16659" t="s">
        <v>28</v>
      </c>
      <c r="B16659" t="s">
        <v>32</v>
      </c>
      <c r="C16659" t="s">
        <v>117</v>
      </c>
      <c r="D16659" t="s">
        <v>118</v>
      </c>
      <c r="E16659" s="6">
        <v>2021</v>
      </c>
      <c r="F16659" s="6">
        <v>2021</v>
      </c>
      <c r="G16659" t="s">
        <v>126</v>
      </c>
      <c r="H16659" t="s">
        <v>122</v>
      </c>
      <c r="I16659" t="s">
        <v>15</v>
      </c>
      <c r="J16659" s="10">
        <v>24.471898116373065</v>
      </c>
    </row>
    <row r="16660" spans="1:10" x14ac:dyDescent="0.35">
      <c r="A16660" t="s">
        <v>33</v>
      </c>
      <c r="B16660" t="s">
        <v>34</v>
      </c>
      <c r="C16660" t="s">
        <v>117</v>
      </c>
      <c r="D16660" t="s">
        <v>118</v>
      </c>
      <c r="E16660" s="6">
        <v>2021</v>
      </c>
      <c r="F16660" s="6">
        <v>2021</v>
      </c>
      <c r="G16660" t="s">
        <v>126</v>
      </c>
      <c r="H16660" t="s">
        <v>122</v>
      </c>
      <c r="I16660" t="s">
        <v>15</v>
      </c>
      <c r="J16660" s="10">
        <v>22.175254198560491</v>
      </c>
    </row>
    <row r="16661" spans="1:10" x14ac:dyDescent="0.35">
      <c r="A16661" t="s">
        <v>35</v>
      </c>
      <c r="B16661" t="s">
        <v>36</v>
      </c>
      <c r="C16661" t="s">
        <v>117</v>
      </c>
      <c r="D16661" t="s">
        <v>118</v>
      </c>
      <c r="E16661" s="6">
        <v>2021</v>
      </c>
      <c r="F16661" s="6">
        <v>2021</v>
      </c>
      <c r="G16661" t="s">
        <v>126</v>
      </c>
      <c r="H16661" t="s">
        <v>122</v>
      </c>
      <c r="I16661" t="s">
        <v>15</v>
      </c>
      <c r="J16661" s="10">
        <v>23.231007923754639</v>
      </c>
    </row>
    <row r="16662" spans="1:10" x14ac:dyDescent="0.35">
      <c r="A16662" t="s">
        <v>28</v>
      </c>
      <c r="B16662" t="s">
        <v>37</v>
      </c>
      <c r="C16662" t="s">
        <v>117</v>
      </c>
      <c r="D16662" t="s">
        <v>118</v>
      </c>
      <c r="E16662" s="6">
        <v>2021</v>
      </c>
      <c r="F16662" s="6">
        <v>2021</v>
      </c>
      <c r="G16662" t="s">
        <v>126</v>
      </c>
      <c r="H16662" t="s">
        <v>122</v>
      </c>
      <c r="I16662" t="s">
        <v>15</v>
      </c>
      <c r="J16662" s="10">
        <v>23.946131165829946</v>
      </c>
    </row>
    <row r="16663" spans="1:10" x14ac:dyDescent="0.35">
      <c r="A16663" t="s">
        <v>20</v>
      </c>
      <c r="B16663" t="s">
        <v>38</v>
      </c>
      <c r="C16663" t="s">
        <v>117</v>
      </c>
      <c r="D16663" t="s">
        <v>118</v>
      </c>
      <c r="E16663" s="6">
        <v>2021</v>
      </c>
      <c r="F16663" s="6">
        <v>2021</v>
      </c>
      <c r="G16663" t="s">
        <v>126</v>
      </c>
      <c r="H16663" t="s">
        <v>122</v>
      </c>
      <c r="I16663" t="s">
        <v>15</v>
      </c>
      <c r="J16663" s="10">
        <v>21.476387218241726</v>
      </c>
    </row>
    <row r="16664" spans="1:10" x14ac:dyDescent="0.35">
      <c r="A16664" t="s">
        <v>33</v>
      </c>
      <c r="B16664" t="s">
        <v>39</v>
      </c>
      <c r="C16664" t="s">
        <v>117</v>
      </c>
      <c r="D16664" t="s">
        <v>118</v>
      </c>
      <c r="E16664" s="6">
        <v>2021</v>
      </c>
      <c r="F16664" s="6">
        <v>2021</v>
      </c>
      <c r="G16664" t="s">
        <v>126</v>
      </c>
      <c r="H16664" t="s">
        <v>122</v>
      </c>
      <c r="I16664" t="s">
        <v>15</v>
      </c>
      <c r="J16664" s="10">
        <v>21.954509888568115</v>
      </c>
    </row>
    <row r="16665" spans="1:10" x14ac:dyDescent="0.35">
      <c r="A16665" t="s">
        <v>20</v>
      </c>
      <c r="B16665" t="s">
        <v>40</v>
      </c>
      <c r="C16665" t="s">
        <v>117</v>
      </c>
      <c r="D16665" t="s">
        <v>118</v>
      </c>
      <c r="E16665" s="6">
        <v>2021</v>
      </c>
      <c r="F16665" s="6">
        <v>2021</v>
      </c>
      <c r="G16665" t="s">
        <v>126</v>
      </c>
      <c r="H16665" t="s">
        <v>122</v>
      </c>
      <c r="I16665" t="s">
        <v>15</v>
      </c>
      <c r="J16665" s="10">
        <v>22.187912219690613</v>
      </c>
    </row>
    <row r="16666" spans="1:10" x14ac:dyDescent="0.35">
      <c r="A16666" t="s">
        <v>35</v>
      </c>
      <c r="B16666" t="s">
        <v>41</v>
      </c>
      <c r="C16666" t="s">
        <v>117</v>
      </c>
      <c r="D16666" t="s">
        <v>118</v>
      </c>
      <c r="E16666" s="6">
        <v>2021</v>
      </c>
      <c r="F16666" s="6">
        <v>2021</v>
      </c>
      <c r="G16666" t="s">
        <v>126</v>
      </c>
      <c r="H16666" t="s">
        <v>122</v>
      </c>
      <c r="I16666" t="s">
        <v>15</v>
      </c>
      <c r="J16666" s="10">
        <v>24.266644464796158</v>
      </c>
    </row>
    <row r="16667" spans="1:10" x14ac:dyDescent="0.35">
      <c r="A16667" t="s">
        <v>35</v>
      </c>
      <c r="B16667" t="s">
        <v>42</v>
      </c>
      <c r="C16667" t="s">
        <v>117</v>
      </c>
      <c r="D16667" t="s">
        <v>118</v>
      </c>
      <c r="E16667" s="6">
        <v>2021</v>
      </c>
      <c r="F16667" s="6">
        <v>2021</v>
      </c>
      <c r="G16667" t="s">
        <v>126</v>
      </c>
      <c r="H16667" t="s">
        <v>122</v>
      </c>
      <c r="I16667" t="s">
        <v>15</v>
      </c>
      <c r="J16667" s="10">
        <v>22.409988385598144</v>
      </c>
    </row>
    <row r="16668" spans="1:10" x14ac:dyDescent="0.35">
      <c r="A16668" t="s">
        <v>35</v>
      </c>
      <c r="B16668" t="s">
        <v>43</v>
      </c>
      <c r="C16668" t="s">
        <v>117</v>
      </c>
      <c r="D16668" t="s">
        <v>118</v>
      </c>
      <c r="E16668" s="6">
        <v>2021</v>
      </c>
      <c r="F16668" s="6">
        <v>2021</v>
      </c>
      <c r="G16668" t="s">
        <v>126</v>
      </c>
      <c r="H16668" t="s">
        <v>122</v>
      </c>
      <c r="I16668" t="s">
        <v>15</v>
      </c>
      <c r="J16668" s="10">
        <v>23.729597388465724</v>
      </c>
    </row>
    <row r="16669" spans="1:10" x14ac:dyDescent="0.35">
      <c r="A16669" t="s">
        <v>28</v>
      </c>
      <c r="B16669" t="s">
        <v>44</v>
      </c>
      <c r="C16669" t="s">
        <v>117</v>
      </c>
      <c r="D16669" t="s">
        <v>118</v>
      </c>
      <c r="E16669" s="6">
        <v>2021</v>
      </c>
      <c r="F16669" s="6">
        <v>2021</v>
      </c>
      <c r="G16669" t="s">
        <v>126</v>
      </c>
      <c r="H16669" t="s">
        <v>122</v>
      </c>
      <c r="I16669" t="s">
        <v>15</v>
      </c>
      <c r="J16669" s="10">
        <v>24.205686692523052</v>
      </c>
    </row>
    <row r="16670" spans="1:10" x14ac:dyDescent="0.35">
      <c r="A16670" t="s">
        <v>10</v>
      </c>
      <c r="B16670" t="s">
        <v>45</v>
      </c>
      <c r="C16670" t="s">
        <v>117</v>
      </c>
      <c r="D16670" t="s">
        <v>118</v>
      </c>
      <c r="E16670" s="6">
        <v>2021</v>
      </c>
      <c r="F16670" s="6">
        <v>2021</v>
      </c>
      <c r="G16670" t="s">
        <v>126</v>
      </c>
      <c r="H16670" t="s">
        <v>122</v>
      </c>
      <c r="I16670" t="s">
        <v>15</v>
      </c>
      <c r="J16670" s="10">
        <v>19.607044967298979</v>
      </c>
    </row>
    <row r="16671" spans="1:10" x14ac:dyDescent="0.35">
      <c r="A16671" t="s">
        <v>10</v>
      </c>
      <c r="B16671" t="s">
        <v>46</v>
      </c>
      <c r="C16671" t="s">
        <v>117</v>
      </c>
      <c r="D16671" t="s">
        <v>118</v>
      </c>
      <c r="E16671" s="6">
        <v>2021</v>
      </c>
      <c r="F16671" s="6">
        <v>2021</v>
      </c>
      <c r="G16671" t="s">
        <v>126</v>
      </c>
      <c r="H16671" t="s">
        <v>122</v>
      </c>
      <c r="I16671" t="s">
        <v>15</v>
      </c>
      <c r="J16671" s="10">
        <v>17.901187864114398</v>
      </c>
    </row>
    <row r="16672" spans="1:10" x14ac:dyDescent="0.35">
      <c r="A16672" t="s">
        <v>33</v>
      </c>
      <c r="B16672" t="s">
        <v>47</v>
      </c>
      <c r="C16672" t="s">
        <v>117</v>
      </c>
      <c r="D16672" t="s">
        <v>118</v>
      </c>
      <c r="E16672" s="6">
        <v>2021</v>
      </c>
      <c r="F16672" s="6">
        <v>2021</v>
      </c>
      <c r="G16672" t="s">
        <v>126</v>
      </c>
      <c r="H16672" t="s">
        <v>122</v>
      </c>
      <c r="I16672" t="s">
        <v>15</v>
      </c>
      <c r="J16672" s="10">
        <v>21.115744281872239</v>
      </c>
    </row>
    <row r="16673" spans="1:10" x14ac:dyDescent="0.35">
      <c r="A16673" t="s">
        <v>20</v>
      </c>
      <c r="B16673" t="s">
        <v>48</v>
      </c>
      <c r="C16673" t="s">
        <v>117</v>
      </c>
      <c r="D16673" t="s">
        <v>118</v>
      </c>
      <c r="E16673" s="6">
        <v>2021</v>
      </c>
      <c r="F16673" s="6">
        <v>2021</v>
      </c>
      <c r="G16673" t="s">
        <v>126</v>
      </c>
      <c r="H16673" t="s">
        <v>122</v>
      </c>
      <c r="I16673" t="s">
        <v>15</v>
      </c>
      <c r="J16673" s="10">
        <v>23.52532446584113</v>
      </c>
    </row>
    <row r="16674" spans="1:10" x14ac:dyDescent="0.35">
      <c r="A16674" t="s">
        <v>28</v>
      </c>
      <c r="B16674" t="s">
        <v>49</v>
      </c>
      <c r="C16674" t="s">
        <v>117</v>
      </c>
      <c r="D16674" t="s">
        <v>118</v>
      </c>
      <c r="E16674" s="6">
        <v>2021</v>
      </c>
      <c r="F16674" s="6">
        <v>2021</v>
      </c>
      <c r="G16674" t="s">
        <v>126</v>
      </c>
      <c r="H16674" t="s">
        <v>122</v>
      </c>
      <c r="I16674" t="s">
        <v>15</v>
      </c>
      <c r="J16674" s="10">
        <v>22.839905690906569</v>
      </c>
    </row>
    <row r="16675" spans="1:10" x14ac:dyDescent="0.35">
      <c r="A16675" t="s">
        <v>35</v>
      </c>
      <c r="B16675" t="s">
        <v>50</v>
      </c>
      <c r="C16675" t="s">
        <v>117</v>
      </c>
      <c r="D16675" t="s">
        <v>118</v>
      </c>
      <c r="E16675" s="6">
        <v>2021</v>
      </c>
      <c r="F16675" s="6">
        <v>2021</v>
      </c>
      <c r="G16675" t="s">
        <v>126</v>
      </c>
      <c r="H16675" t="s">
        <v>122</v>
      </c>
      <c r="I16675" t="s">
        <v>15</v>
      </c>
      <c r="J16675" s="10">
        <v>20.716790235807391</v>
      </c>
    </row>
    <row r="16676" spans="1:10" x14ac:dyDescent="0.35">
      <c r="A16676" t="s">
        <v>22</v>
      </c>
      <c r="B16676" t="s">
        <v>51</v>
      </c>
      <c r="C16676" t="s">
        <v>117</v>
      </c>
      <c r="D16676" t="s">
        <v>118</v>
      </c>
      <c r="E16676" s="6">
        <v>2021</v>
      </c>
      <c r="F16676" s="6">
        <v>2021</v>
      </c>
      <c r="G16676" t="s">
        <v>126</v>
      </c>
      <c r="H16676" t="s">
        <v>122</v>
      </c>
      <c r="I16676" t="s">
        <v>15</v>
      </c>
      <c r="J16676" s="10">
        <v>12.571546647380927</v>
      </c>
    </row>
    <row r="16677" spans="1:10" x14ac:dyDescent="0.35">
      <c r="A16677" t="s">
        <v>22</v>
      </c>
      <c r="B16677" t="s">
        <v>52</v>
      </c>
      <c r="C16677" t="s">
        <v>117</v>
      </c>
      <c r="D16677" t="s">
        <v>118</v>
      </c>
      <c r="E16677" s="6">
        <v>2021</v>
      </c>
      <c r="F16677" s="6">
        <v>2021</v>
      </c>
      <c r="G16677" t="s">
        <v>126</v>
      </c>
      <c r="H16677" t="s">
        <v>122</v>
      </c>
      <c r="I16677" t="s">
        <v>15</v>
      </c>
      <c r="J16677" s="10">
        <v>18.332178914006256</v>
      </c>
    </row>
    <row r="16678" spans="1:10" x14ac:dyDescent="0.35">
      <c r="A16678" t="s">
        <v>22</v>
      </c>
      <c r="B16678" t="s">
        <v>53</v>
      </c>
      <c r="C16678" t="s">
        <v>117</v>
      </c>
      <c r="D16678" t="s">
        <v>118</v>
      </c>
      <c r="E16678" s="6">
        <v>2021</v>
      </c>
      <c r="F16678" s="6">
        <v>2021</v>
      </c>
      <c r="G16678" t="s">
        <v>126</v>
      </c>
      <c r="H16678" t="s">
        <v>122</v>
      </c>
      <c r="I16678" t="s">
        <v>15</v>
      </c>
      <c r="J16678" s="10">
        <v>15.512293812836763</v>
      </c>
    </row>
    <row r="16679" spans="1:10" x14ac:dyDescent="0.35">
      <c r="A16679" t="s">
        <v>22</v>
      </c>
      <c r="B16679" t="s">
        <v>54</v>
      </c>
      <c r="C16679" t="s">
        <v>117</v>
      </c>
      <c r="D16679" t="s">
        <v>118</v>
      </c>
      <c r="E16679" s="6">
        <v>2021</v>
      </c>
      <c r="F16679" s="6">
        <v>2021</v>
      </c>
      <c r="G16679" t="s">
        <v>126</v>
      </c>
      <c r="H16679" t="s">
        <v>122</v>
      </c>
      <c r="I16679" t="s">
        <v>15</v>
      </c>
      <c r="J16679" s="10">
        <v>19.043197936814956</v>
      </c>
    </row>
    <row r="16680" spans="1:10" x14ac:dyDescent="0.35">
      <c r="A16680" t="s">
        <v>22</v>
      </c>
      <c r="B16680" t="s">
        <v>55</v>
      </c>
      <c r="C16680" t="s">
        <v>117</v>
      </c>
      <c r="D16680" t="s">
        <v>118</v>
      </c>
      <c r="E16680" s="6">
        <v>2021</v>
      </c>
      <c r="F16680" s="6">
        <v>2021</v>
      </c>
      <c r="G16680" t="s">
        <v>126</v>
      </c>
      <c r="H16680" t="s">
        <v>122</v>
      </c>
      <c r="I16680" t="s">
        <v>15</v>
      </c>
      <c r="J16680" s="10">
        <v>16.478734402423484</v>
      </c>
    </row>
    <row r="16681" spans="1:10" x14ac:dyDescent="0.35">
      <c r="A16681" t="s">
        <v>22</v>
      </c>
      <c r="B16681" t="s">
        <v>56</v>
      </c>
      <c r="C16681" t="s">
        <v>117</v>
      </c>
      <c r="D16681" t="s">
        <v>118</v>
      </c>
      <c r="E16681" s="6">
        <v>2021</v>
      </c>
      <c r="F16681" s="6">
        <v>2021</v>
      </c>
      <c r="G16681" t="s">
        <v>126</v>
      </c>
      <c r="H16681" t="s">
        <v>122</v>
      </c>
      <c r="I16681" t="s">
        <v>15</v>
      </c>
      <c r="J16681" s="10">
        <v>19.842798280186315</v>
      </c>
    </row>
    <row r="16682" spans="1:10" x14ac:dyDescent="0.35">
      <c r="A16682" t="s">
        <v>28</v>
      </c>
      <c r="B16682" t="s">
        <v>58</v>
      </c>
      <c r="C16682" t="s">
        <v>117</v>
      </c>
      <c r="D16682" t="s">
        <v>118</v>
      </c>
      <c r="E16682" s="6">
        <v>2021</v>
      </c>
      <c r="F16682" s="6">
        <v>2021</v>
      </c>
      <c r="G16682" t="s">
        <v>126</v>
      </c>
      <c r="H16682" t="s">
        <v>122</v>
      </c>
      <c r="I16682" t="s">
        <v>15</v>
      </c>
      <c r="J16682" s="10">
        <v>24.579018330990561</v>
      </c>
    </row>
    <row r="16683" spans="1:10" x14ac:dyDescent="0.35">
      <c r="A16683" t="s">
        <v>20</v>
      </c>
      <c r="B16683" t="s">
        <v>59</v>
      </c>
      <c r="C16683" t="s">
        <v>117</v>
      </c>
      <c r="D16683" t="s">
        <v>118</v>
      </c>
      <c r="E16683" s="6">
        <v>2021</v>
      </c>
      <c r="F16683" s="6">
        <v>2021</v>
      </c>
      <c r="G16683" t="s">
        <v>126</v>
      </c>
      <c r="H16683" t="s">
        <v>122</v>
      </c>
      <c r="I16683" t="s">
        <v>15</v>
      </c>
      <c r="J16683" s="10">
        <v>21.993301043398635</v>
      </c>
    </row>
    <row r="16684" spans="1:10" x14ac:dyDescent="0.35">
      <c r="A16684" t="s">
        <v>20</v>
      </c>
      <c r="B16684" t="s">
        <v>60</v>
      </c>
      <c r="C16684" t="s">
        <v>117</v>
      </c>
      <c r="D16684" t="s">
        <v>118</v>
      </c>
      <c r="E16684" s="6">
        <v>2021</v>
      </c>
      <c r="F16684" s="6">
        <v>2021</v>
      </c>
      <c r="G16684" t="s">
        <v>126</v>
      </c>
      <c r="H16684" t="s">
        <v>122</v>
      </c>
      <c r="I16684" t="s">
        <v>15</v>
      </c>
      <c r="J16684" s="10">
        <v>21.785326890839169</v>
      </c>
    </row>
    <row r="16685" spans="1:10" x14ac:dyDescent="0.35">
      <c r="A16685" t="s">
        <v>28</v>
      </c>
      <c r="B16685" t="s">
        <v>61</v>
      </c>
      <c r="C16685" t="s">
        <v>117</v>
      </c>
      <c r="D16685" t="s">
        <v>118</v>
      </c>
      <c r="E16685" s="6">
        <v>2021</v>
      </c>
      <c r="F16685" s="6">
        <v>2021</v>
      </c>
      <c r="G16685" t="s">
        <v>126</v>
      </c>
      <c r="H16685" t="s">
        <v>122</v>
      </c>
      <c r="I16685" t="s">
        <v>15</v>
      </c>
      <c r="J16685" s="10">
        <v>23.67136876349964</v>
      </c>
    </row>
    <row r="16686" spans="1:10" x14ac:dyDescent="0.35">
      <c r="A16686" t="s">
        <v>62</v>
      </c>
      <c r="B16686" t="s">
        <v>63</v>
      </c>
      <c r="C16686" t="s">
        <v>117</v>
      </c>
      <c r="D16686" t="s">
        <v>118</v>
      </c>
      <c r="E16686" s="6">
        <v>2021</v>
      </c>
      <c r="F16686" s="6">
        <v>2021</v>
      </c>
      <c r="G16686" t="s">
        <v>126</v>
      </c>
      <c r="H16686" t="s">
        <v>122</v>
      </c>
      <c r="I16686" t="s">
        <v>15</v>
      </c>
      <c r="J16686" s="10">
        <v>20.274650943155422</v>
      </c>
    </row>
    <row r="16687" spans="1:10" x14ac:dyDescent="0.35">
      <c r="A16687" t="s">
        <v>62</v>
      </c>
      <c r="B16687" t="s">
        <v>64</v>
      </c>
      <c r="C16687" t="s">
        <v>117</v>
      </c>
      <c r="D16687" t="s">
        <v>118</v>
      </c>
      <c r="E16687" s="6">
        <v>2021</v>
      </c>
      <c r="F16687" s="6">
        <v>2021</v>
      </c>
      <c r="G16687" t="s">
        <v>126</v>
      </c>
      <c r="H16687" t="s">
        <v>122</v>
      </c>
      <c r="I16687" t="s">
        <v>15</v>
      </c>
      <c r="J16687" s="10">
        <v>19.757262750161395</v>
      </c>
    </row>
    <row r="16688" spans="1:10" x14ac:dyDescent="0.35">
      <c r="A16688" t="s">
        <v>62</v>
      </c>
      <c r="B16688" t="s">
        <v>65</v>
      </c>
      <c r="C16688" t="s">
        <v>117</v>
      </c>
      <c r="D16688" t="s">
        <v>118</v>
      </c>
      <c r="E16688" s="6">
        <v>2021</v>
      </c>
      <c r="F16688" s="6">
        <v>2021</v>
      </c>
      <c r="G16688" t="s">
        <v>126</v>
      </c>
      <c r="H16688" t="s">
        <v>122</v>
      </c>
      <c r="I16688" t="s">
        <v>15</v>
      </c>
      <c r="J16688" s="10">
        <v>11.699882766705745</v>
      </c>
    </row>
    <row r="16689" spans="1:10" x14ac:dyDescent="0.35">
      <c r="A16689" t="s">
        <v>62</v>
      </c>
      <c r="B16689" t="s">
        <v>66</v>
      </c>
      <c r="C16689" t="s">
        <v>117</v>
      </c>
      <c r="D16689" t="s">
        <v>118</v>
      </c>
      <c r="E16689" s="6">
        <v>2021</v>
      </c>
      <c r="F16689" s="6">
        <v>2021</v>
      </c>
      <c r="G16689" t="s">
        <v>126</v>
      </c>
      <c r="H16689" t="s">
        <v>122</v>
      </c>
      <c r="I16689" t="s">
        <v>15</v>
      </c>
      <c r="J16689" s="10">
        <v>20.531878442845468</v>
      </c>
    </row>
    <row r="16690" spans="1:10" x14ac:dyDescent="0.35">
      <c r="A16690" t="s">
        <v>62</v>
      </c>
      <c r="B16690" t="s">
        <v>67</v>
      </c>
      <c r="C16690" t="s">
        <v>117</v>
      </c>
      <c r="D16690" t="s">
        <v>118</v>
      </c>
      <c r="E16690" s="6">
        <v>2021</v>
      </c>
      <c r="F16690" s="6">
        <v>2021</v>
      </c>
      <c r="G16690" t="s">
        <v>126</v>
      </c>
      <c r="H16690" t="s">
        <v>122</v>
      </c>
      <c r="I16690" t="s">
        <v>15</v>
      </c>
      <c r="J16690" s="10">
        <v>21.657311875538579</v>
      </c>
    </row>
    <row r="16691" spans="1:10" x14ac:dyDescent="0.35">
      <c r="A16691" t="s">
        <v>62</v>
      </c>
      <c r="B16691" t="s">
        <v>68</v>
      </c>
      <c r="C16691" t="s">
        <v>117</v>
      </c>
      <c r="D16691" t="s">
        <v>118</v>
      </c>
      <c r="E16691" s="6">
        <v>2021</v>
      </c>
      <c r="F16691" s="6">
        <v>2021</v>
      </c>
      <c r="G16691" t="s">
        <v>126</v>
      </c>
      <c r="H16691" t="s">
        <v>122</v>
      </c>
      <c r="I16691" t="s">
        <v>15</v>
      </c>
      <c r="J16691" s="10">
        <v>19.949513698121613</v>
      </c>
    </row>
    <row r="16692" spans="1:10" x14ac:dyDescent="0.35">
      <c r="A16692" t="s">
        <v>62</v>
      </c>
      <c r="B16692" t="s">
        <v>69</v>
      </c>
      <c r="C16692" t="s">
        <v>117</v>
      </c>
      <c r="D16692" t="s">
        <v>118</v>
      </c>
      <c r="E16692" s="6">
        <v>2021</v>
      </c>
      <c r="F16692" s="6">
        <v>2021</v>
      </c>
      <c r="G16692" t="s">
        <v>126</v>
      </c>
      <c r="H16692" t="s">
        <v>122</v>
      </c>
      <c r="I16692" t="s">
        <v>15</v>
      </c>
      <c r="J16692" s="10">
        <v>19.680096211665663</v>
      </c>
    </row>
    <row r="16693" spans="1:10" x14ac:dyDescent="0.35">
      <c r="A16693" t="s">
        <v>62</v>
      </c>
      <c r="B16693" t="s">
        <v>70</v>
      </c>
      <c r="C16693" t="s">
        <v>117</v>
      </c>
      <c r="D16693" t="s">
        <v>118</v>
      </c>
      <c r="E16693" s="6">
        <v>2021</v>
      </c>
      <c r="F16693" s="6">
        <v>2021</v>
      </c>
      <c r="G16693" t="s">
        <v>126</v>
      </c>
      <c r="H16693" t="s">
        <v>122</v>
      </c>
      <c r="I16693" t="s">
        <v>15</v>
      </c>
      <c r="J16693" s="10">
        <v>16.461867426942266</v>
      </c>
    </row>
    <row r="16694" spans="1:10" x14ac:dyDescent="0.35">
      <c r="A16694" t="s">
        <v>35</v>
      </c>
      <c r="B16694" t="s">
        <v>71</v>
      </c>
      <c r="C16694" t="s">
        <v>117</v>
      </c>
      <c r="D16694" t="s">
        <v>118</v>
      </c>
      <c r="E16694" s="6">
        <v>2021</v>
      </c>
      <c r="F16694" s="6">
        <v>2021</v>
      </c>
      <c r="G16694" t="s">
        <v>126</v>
      </c>
      <c r="H16694" t="s">
        <v>122</v>
      </c>
      <c r="I16694" t="s">
        <v>15</v>
      </c>
      <c r="J16694" s="10">
        <v>24.191900177486151</v>
      </c>
    </row>
    <row r="16695" spans="1:10" x14ac:dyDescent="0.35">
      <c r="A16695" t="s">
        <v>20</v>
      </c>
      <c r="B16695" t="s">
        <v>72</v>
      </c>
      <c r="C16695" t="s">
        <v>117</v>
      </c>
      <c r="D16695" t="s">
        <v>118</v>
      </c>
      <c r="E16695" s="6">
        <v>2021</v>
      </c>
      <c r="F16695" s="6">
        <v>2021</v>
      </c>
      <c r="G16695" t="s">
        <v>126</v>
      </c>
      <c r="H16695" t="s">
        <v>122</v>
      </c>
      <c r="I16695" t="s">
        <v>15</v>
      </c>
      <c r="J16695" s="10">
        <v>21.762311971976096</v>
      </c>
    </row>
    <row r="16696" spans="1:10" x14ac:dyDescent="0.35">
      <c r="A16696" t="s">
        <v>26</v>
      </c>
      <c r="B16696" t="s">
        <v>73</v>
      </c>
      <c r="C16696" t="s">
        <v>117</v>
      </c>
      <c r="D16696" t="s">
        <v>118</v>
      </c>
      <c r="E16696" s="6">
        <v>2021</v>
      </c>
      <c r="F16696" s="6">
        <v>2021</v>
      </c>
      <c r="G16696" t="s">
        <v>126</v>
      </c>
      <c r="H16696" t="s">
        <v>122</v>
      </c>
      <c r="I16696" t="s">
        <v>15</v>
      </c>
      <c r="J16696" s="10">
        <v>21.634067092720503</v>
      </c>
    </row>
    <row r="16697" spans="1:10" x14ac:dyDescent="0.35">
      <c r="A16697" t="s">
        <v>28</v>
      </c>
      <c r="B16697" t="s">
        <v>74</v>
      </c>
      <c r="C16697" t="s">
        <v>117</v>
      </c>
      <c r="D16697" t="s">
        <v>118</v>
      </c>
      <c r="E16697" s="6">
        <v>2021</v>
      </c>
      <c r="F16697" s="6">
        <v>2021</v>
      </c>
      <c r="G16697" t="s">
        <v>126</v>
      </c>
      <c r="H16697" t="s">
        <v>122</v>
      </c>
      <c r="I16697" t="s">
        <v>15</v>
      </c>
      <c r="J16697" s="10">
        <v>22.357506331761044</v>
      </c>
    </row>
    <row r="16698" spans="1:10" x14ac:dyDescent="0.35">
      <c r="A16698" t="s">
        <v>33</v>
      </c>
      <c r="B16698" t="s">
        <v>75</v>
      </c>
      <c r="C16698" t="s">
        <v>117</v>
      </c>
      <c r="D16698" t="s">
        <v>118</v>
      </c>
      <c r="E16698" s="6">
        <v>2021</v>
      </c>
      <c r="F16698" s="6">
        <v>2021</v>
      </c>
      <c r="G16698" t="s">
        <v>126</v>
      </c>
      <c r="H16698" t="s">
        <v>122</v>
      </c>
      <c r="I16698" t="s">
        <v>15</v>
      </c>
      <c r="J16698" s="10">
        <v>21.627935571129964</v>
      </c>
    </row>
    <row r="16699" spans="1:10" x14ac:dyDescent="0.35">
      <c r="A16699" t="s">
        <v>22</v>
      </c>
      <c r="B16699" t="s">
        <v>76</v>
      </c>
      <c r="C16699" t="s">
        <v>117</v>
      </c>
      <c r="D16699" t="s">
        <v>118</v>
      </c>
      <c r="E16699" s="6">
        <v>2021</v>
      </c>
      <c r="F16699" s="6">
        <v>2021</v>
      </c>
      <c r="G16699" t="s">
        <v>126</v>
      </c>
      <c r="H16699" t="s">
        <v>122</v>
      </c>
      <c r="I16699" t="s">
        <v>15</v>
      </c>
      <c r="J16699" s="10">
        <v>20.905098261450341</v>
      </c>
    </row>
    <row r="16700" spans="1:10" x14ac:dyDescent="0.35">
      <c r="A16700" t="s">
        <v>33</v>
      </c>
      <c r="B16700" t="s">
        <v>77</v>
      </c>
      <c r="C16700" t="s">
        <v>117</v>
      </c>
      <c r="D16700" t="s">
        <v>118</v>
      </c>
      <c r="E16700" s="6">
        <v>2021</v>
      </c>
      <c r="F16700" s="6">
        <v>2021</v>
      </c>
      <c r="G16700" t="s">
        <v>126</v>
      </c>
      <c r="H16700" t="s">
        <v>122</v>
      </c>
      <c r="I16700" t="s">
        <v>15</v>
      </c>
      <c r="J16700" s="10">
        <v>22.649847565239281</v>
      </c>
    </row>
    <row r="16701" spans="1:10" x14ac:dyDescent="0.35">
      <c r="A16701" t="s">
        <v>22</v>
      </c>
      <c r="B16701" t="s">
        <v>78</v>
      </c>
      <c r="C16701" t="s">
        <v>117</v>
      </c>
      <c r="D16701" t="s">
        <v>118</v>
      </c>
      <c r="E16701" s="6">
        <v>2021</v>
      </c>
      <c r="F16701" s="6">
        <v>2021</v>
      </c>
      <c r="G16701" t="s">
        <v>126</v>
      </c>
      <c r="H16701" t="s">
        <v>122</v>
      </c>
      <c r="I16701" t="s">
        <v>15</v>
      </c>
      <c r="J16701" s="10">
        <v>21.192052980132452</v>
      </c>
    </row>
    <row r="16702" spans="1:10" x14ac:dyDescent="0.35">
      <c r="A16702" t="s">
        <v>28</v>
      </c>
      <c r="B16702" t="s">
        <v>79</v>
      </c>
      <c r="C16702" t="s">
        <v>117</v>
      </c>
      <c r="D16702" t="s">
        <v>118</v>
      </c>
      <c r="E16702" s="6">
        <v>2021</v>
      </c>
      <c r="F16702" s="6">
        <v>2021</v>
      </c>
      <c r="G16702" t="s">
        <v>126</v>
      </c>
      <c r="H16702" t="s">
        <v>122</v>
      </c>
      <c r="I16702" t="s">
        <v>15</v>
      </c>
      <c r="J16702" s="10">
        <v>21.962135899092889</v>
      </c>
    </row>
    <row r="16703" spans="1:10" x14ac:dyDescent="0.35">
      <c r="A16703" t="s">
        <v>26</v>
      </c>
      <c r="B16703" t="s">
        <v>80</v>
      </c>
      <c r="C16703" t="s">
        <v>117</v>
      </c>
      <c r="D16703" t="s">
        <v>118</v>
      </c>
      <c r="E16703" s="6">
        <v>2021</v>
      </c>
      <c r="F16703" s="6">
        <v>2021</v>
      </c>
      <c r="G16703" t="s">
        <v>126</v>
      </c>
      <c r="H16703" t="s">
        <v>122</v>
      </c>
      <c r="I16703" t="s">
        <v>15</v>
      </c>
      <c r="J16703" s="10">
        <v>22.123222284777128</v>
      </c>
    </row>
    <row r="16704" spans="1:10" x14ac:dyDescent="0.35">
      <c r="A16704" t="s">
        <v>20</v>
      </c>
      <c r="B16704" t="s">
        <v>81</v>
      </c>
      <c r="C16704" t="s">
        <v>117</v>
      </c>
      <c r="D16704" t="s">
        <v>118</v>
      </c>
      <c r="E16704" s="6">
        <v>2021</v>
      </c>
      <c r="F16704" s="6">
        <v>2021</v>
      </c>
      <c r="G16704" t="s">
        <v>126</v>
      </c>
      <c r="H16704" t="s">
        <v>122</v>
      </c>
      <c r="I16704" t="s">
        <v>15</v>
      </c>
      <c r="J16704" s="10">
        <v>21.28880838796908</v>
      </c>
    </row>
    <row r="16705" spans="1:10" x14ac:dyDescent="0.35">
      <c r="A16705" t="s">
        <v>26</v>
      </c>
      <c r="B16705" t="s">
        <v>57</v>
      </c>
      <c r="C16705" t="s">
        <v>117</v>
      </c>
      <c r="D16705" t="s">
        <v>118</v>
      </c>
      <c r="E16705" s="6">
        <v>2021</v>
      </c>
      <c r="F16705" s="6">
        <v>2021</v>
      </c>
      <c r="G16705" t="s">
        <v>126</v>
      </c>
      <c r="H16705" t="s">
        <v>122</v>
      </c>
      <c r="I16705" t="s">
        <v>15</v>
      </c>
      <c r="J16705" s="10">
        <v>23.277079771020741</v>
      </c>
    </row>
    <row r="16706" spans="1:10" x14ac:dyDescent="0.35">
      <c r="A16706" t="s">
        <v>33</v>
      </c>
      <c r="B16706" t="s">
        <v>82</v>
      </c>
      <c r="C16706" t="s">
        <v>117</v>
      </c>
      <c r="D16706" t="s">
        <v>118</v>
      </c>
      <c r="E16706" s="6">
        <v>2021</v>
      </c>
      <c r="F16706" s="6">
        <v>2021</v>
      </c>
      <c r="G16706" t="s">
        <v>126</v>
      </c>
      <c r="H16706" t="s">
        <v>122</v>
      </c>
      <c r="I16706" t="s">
        <v>15</v>
      </c>
      <c r="J16706" s="10">
        <v>21.036017387704408</v>
      </c>
    </row>
    <row r="16707" spans="1:10" x14ac:dyDescent="0.35">
      <c r="A16707" t="s">
        <v>26</v>
      </c>
      <c r="B16707" t="s">
        <v>83</v>
      </c>
      <c r="C16707" t="s">
        <v>117</v>
      </c>
      <c r="D16707" t="s">
        <v>118</v>
      </c>
      <c r="E16707" s="6">
        <v>2021</v>
      </c>
      <c r="F16707" s="6">
        <v>2021</v>
      </c>
      <c r="G16707" t="s">
        <v>126</v>
      </c>
      <c r="H16707" t="s">
        <v>122</v>
      </c>
      <c r="I16707" t="s">
        <v>15</v>
      </c>
      <c r="J16707" s="10">
        <v>23.112208892025407</v>
      </c>
    </row>
    <row r="16708" spans="1:10" x14ac:dyDescent="0.35">
      <c r="A16708" t="s">
        <v>35</v>
      </c>
      <c r="B16708" t="s">
        <v>84</v>
      </c>
      <c r="C16708" t="s">
        <v>117</v>
      </c>
      <c r="D16708" t="s">
        <v>118</v>
      </c>
      <c r="E16708" s="6">
        <v>2021</v>
      </c>
      <c r="F16708" s="6">
        <v>2021</v>
      </c>
      <c r="G16708" t="s">
        <v>126</v>
      </c>
      <c r="H16708" t="s">
        <v>122</v>
      </c>
      <c r="I16708" t="s">
        <v>15</v>
      </c>
      <c r="J16708" s="10">
        <v>22.626854439905397</v>
      </c>
    </row>
    <row r="16709" spans="1:10" x14ac:dyDescent="0.35">
      <c r="A16709" t="s">
        <v>33</v>
      </c>
      <c r="B16709" t="s">
        <v>85</v>
      </c>
      <c r="C16709" t="s">
        <v>117</v>
      </c>
      <c r="D16709" t="s">
        <v>118</v>
      </c>
      <c r="E16709" s="6">
        <v>2021</v>
      </c>
      <c r="F16709" s="6">
        <v>2021</v>
      </c>
      <c r="G16709" t="s">
        <v>126</v>
      </c>
      <c r="H16709" t="s">
        <v>122</v>
      </c>
      <c r="I16709" t="s">
        <v>15</v>
      </c>
      <c r="J16709" s="10">
        <v>22.613308916597099</v>
      </c>
    </row>
    <row r="16710" spans="1:10" x14ac:dyDescent="0.35">
      <c r="A16710" t="s">
        <v>33</v>
      </c>
      <c r="B16710" t="s">
        <v>86</v>
      </c>
      <c r="C16710" t="s">
        <v>117</v>
      </c>
      <c r="D16710" t="s">
        <v>118</v>
      </c>
      <c r="E16710" s="6">
        <v>2021</v>
      </c>
      <c r="F16710" s="6">
        <v>2021</v>
      </c>
      <c r="G16710" t="s">
        <v>126</v>
      </c>
      <c r="H16710" t="s">
        <v>122</v>
      </c>
      <c r="I16710" t="s">
        <v>15</v>
      </c>
      <c r="J16710" s="10">
        <v>22.984185864896524</v>
      </c>
    </row>
    <row r="16711" spans="1:10" x14ac:dyDescent="0.35">
      <c r="A16711" t="s">
        <v>35</v>
      </c>
      <c r="B16711" t="s">
        <v>87</v>
      </c>
      <c r="C16711" t="s">
        <v>117</v>
      </c>
      <c r="D16711" t="s">
        <v>118</v>
      </c>
      <c r="E16711" s="6">
        <v>2021</v>
      </c>
      <c r="F16711" s="6">
        <v>2021</v>
      </c>
      <c r="G16711" t="s">
        <v>126</v>
      </c>
      <c r="H16711" t="s">
        <v>122</v>
      </c>
      <c r="I16711" t="s">
        <v>15</v>
      </c>
      <c r="J16711" s="10">
        <v>22.154105409959904</v>
      </c>
    </row>
    <row r="16712" spans="1:10" x14ac:dyDescent="0.35">
      <c r="A16712" t="s">
        <v>35</v>
      </c>
      <c r="B16712" t="s">
        <v>88</v>
      </c>
      <c r="C16712" t="s">
        <v>117</v>
      </c>
      <c r="D16712" t="s">
        <v>118</v>
      </c>
      <c r="E16712" s="6">
        <v>2021</v>
      </c>
      <c r="F16712" s="6">
        <v>2021</v>
      </c>
      <c r="G16712" t="s">
        <v>126</v>
      </c>
      <c r="H16712" t="s">
        <v>122</v>
      </c>
      <c r="I16712" t="s">
        <v>15</v>
      </c>
      <c r="J16712" s="10">
        <v>22.976593153835744</v>
      </c>
    </row>
    <row r="16713" spans="1:10" x14ac:dyDescent="0.35">
      <c r="A16713" t="s">
        <v>62</v>
      </c>
      <c r="B16713" t="s">
        <v>89</v>
      </c>
      <c r="C16713" t="s">
        <v>117</v>
      </c>
      <c r="D16713" t="s">
        <v>118</v>
      </c>
      <c r="E16713" s="6">
        <v>2021</v>
      </c>
      <c r="F16713" s="6">
        <v>2021</v>
      </c>
      <c r="G16713" t="s">
        <v>126</v>
      </c>
      <c r="H16713" t="s">
        <v>122</v>
      </c>
      <c r="I16713" t="s">
        <v>15</v>
      </c>
      <c r="J16713" s="10">
        <v>21.611259523102799</v>
      </c>
    </row>
    <row r="16714" spans="1:10" x14ac:dyDescent="0.35">
      <c r="A16714" t="s">
        <v>26</v>
      </c>
      <c r="B16714" t="s">
        <v>90</v>
      </c>
      <c r="C16714" t="s">
        <v>117</v>
      </c>
      <c r="D16714" t="s">
        <v>118</v>
      </c>
      <c r="E16714" s="6">
        <v>2021</v>
      </c>
      <c r="F16714" s="6">
        <v>2021</v>
      </c>
      <c r="G16714" t="s">
        <v>126</v>
      </c>
      <c r="H16714" t="s">
        <v>122</v>
      </c>
      <c r="I16714" t="s">
        <v>15</v>
      </c>
      <c r="J16714" s="10">
        <v>21.706454465075154</v>
      </c>
    </row>
    <row r="16715" spans="1:10" x14ac:dyDescent="0.35">
      <c r="A16715" t="s">
        <v>26</v>
      </c>
      <c r="B16715" t="s">
        <v>91</v>
      </c>
      <c r="C16715" t="s">
        <v>117</v>
      </c>
      <c r="D16715" t="s">
        <v>118</v>
      </c>
      <c r="E16715" s="6">
        <v>2021</v>
      </c>
      <c r="F16715" s="6">
        <v>2021</v>
      </c>
      <c r="G16715" t="s">
        <v>126</v>
      </c>
      <c r="H16715" t="s">
        <v>122</v>
      </c>
      <c r="I16715" t="s">
        <v>15</v>
      </c>
      <c r="J16715" s="10">
        <v>24.312826391542476</v>
      </c>
    </row>
    <row r="16716" spans="1:10" x14ac:dyDescent="0.35">
      <c r="A16716" t="s">
        <v>33</v>
      </c>
      <c r="B16716" t="s">
        <v>92</v>
      </c>
      <c r="C16716" t="s">
        <v>117</v>
      </c>
      <c r="D16716" t="s">
        <v>118</v>
      </c>
      <c r="E16716" s="6">
        <v>2021</v>
      </c>
      <c r="F16716" s="6">
        <v>2021</v>
      </c>
      <c r="G16716" t="s">
        <v>126</v>
      </c>
      <c r="H16716" t="s">
        <v>122</v>
      </c>
      <c r="I16716" t="s">
        <v>15</v>
      </c>
      <c r="J16716" s="10">
        <v>21.729383910130473</v>
      </c>
    </row>
    <row r="16717" spans="1:10" x14ac:dyDescent="0.35">
      <c r="A16717" t="s">
        <v>35</v>
      </c>
      <c r="B16717" t="s">
        <v>93</v>
      </c>
      <c r="C16717" t="s">
        <v>117</v>
      </c>
      <c r="D16717" t="s">
        <v>118</v>
      </c>
      <c r="E16717" s="6">
        <v>2021</v>
      </c>
      <c r="F16717" s="6">
        <v>2021</v>
      </c>
      <c r="G16717" t="s">
        <v>126</v>
      </c>
      <c r="H16717" t="s">
        <v>122</v>
      </c>
      <c r="I16717" t="s">
        <v>15</v>
      </c>
      <c r="J16717" s="10">
        <v>22.723322066634477</v>
      </c>
    </row>
    <row r="16718" spans="1:10" x14ac:dyDescent="0.35">
      <c r="A16718" t="s">
        <v>20</v>
      </c>
      <c r="B16718" t="s">
        <v>94</v>
      </c>
      <c r="C16718" t="s">
        <v>117</v>
      </c>
      <c r="D16718" t="s">
        <v>118</v>
      </c>
      <c r="E16718" s="6">
        <v>2021</v>
      </c>
      <c r="F16718" s="6">
        <v>2021</v>
      </c>
      <c r="G16718" t="s">
        <v>126</v>
      </c>
      <c r="H16718" t="s">
        <v>122</v>
      </c>
      <c r="I16718" t="s">
        <v>15</v>
      </c>
      <c r="J16718" s="10">
        <v>22.34576945214798</v>
      </c>
    </row>
    <row r="16719" spans="1:10" x14ac:dyDescent="0.35">
      <c r="A16719" t="s">
        <v>10</v>
      </c>
      <c r="B16719" t="s">
        <v>11</v>
      </c>
      <c r="C16719" t="s">
        <v>117</v>
      </c>
      <c r="D16719" t="s">
        <v>118</v>
      </c>
      <c r="E16719" s="6">
        <v>2021</v>
      </c>
      <c r="F16719" s="6">
        <v>2021</v>
      </c>
      <c r="G16719" t="s">
        <v>14</v>
      </c>
      <c r="H16719" t="s">
        <v>122</v>
      </c>
      <c r="I16719" t="s">
        <v>15</v>
      </c>
      <c r="J16719" s="10">
        <v>14.655815109343937</v>
      </c>
    </row>
    <row r="16720" spans="1:10" x14ac:dyDescent="0.35">
      <c r="A16720" t="s">
        <v>10</v>
      </c>
      <c r="B16720" t="s">
        <v>16</v>
      </c>
      <c r="C16720" t="s">
        <v>117</v>
      </c>
      <c r="D16720" t="s">
        <v>118</v>
      </c>
      <c r="E16720" s="6">
        <v>2021</v>
      </c>
      <c r="F16720" s="6">
        <v>2021</v>
      </c>
      <c r="G16720" t="s">
        <v>14</v>
      </c>
      <c r="H16720" t="s">
        <v>122</v>
      </c>
      <c r="I16720" t="s">
        <v>15</v>
      </c>
      <c r="J16720" s="10">
        <v>19.421508034610628</v>
      </c>
    </row>
    <row r="16721" spans="1:10" x14ac:dyDescent="0.35">
      <c r="A16721" t="s">
        <v>10</v>
      </c>
      <c r="B16721" t="s">
        <v>17</v>
      </c>
      <c r="C16721" t="s">
        <v>117</v>
      </c>
      <c r="D16721" t="s">
        <v>118</v>
      </c>
      <c r="E16721" s="6">
        <v>2021</v>
      </c>
      <c r="F16721" s="6">
        <v>2021</v>
      </c>
      <c r="G16721" t="s">
        <v>14</v>
      </c>
      <c r="H16721" t="s">
        <v>122</v>
      </c>
      <c r="I16721" t="s">
        <v>15</v>
      </c>
      <c r="J16721" s="10">
        <v>20.378355990839545</v>
      </c>
    </row>
    <row r="16722" spans="1:10" x14ac:dyDescent="0.35">
      <c r="A16722" t="s">
        <v>10</v>
      </c>
      <c r="B16722" t="s">
        <v>18</v>
      </c>
      <c r="C16722" t="s">
        <v>117</v>
      </c>
      <c r="D16722" t="s">
        <v>118</v>
      </c>
      <c r="E16722" s="6">
        <v>2021</v>
      </c>
      <c r="F16722" s="6">
        <v>2021</v>
      </c>
      <c r="G16722" t="s">
        <v>14</v>
      </c>
      <c r="H16722" t="s">
        <v>122</v>
      </c>
      <c r="I16722" t="s">
        <v>15</v>
      </c>
      <c r="J16722" s="10">
        <v>21.87374002712378</v>
      </c>
    </row>
    <row r="16723" spans="1:10" x14ac:dyDescent="0.35">
      <c r="A16723" t="s">
        <v>10</v>
      </c>
      <c r="B16723" t="s">
        <v>19</v>
      </c>
      <c r="C16723" t="s">
        <v>117</v>
      </c>
      <c r="D16723" t="s">
        <v>118</v>
      </c>
      <c r="E16723" s="6">
        <v>2021</v>
      </c>
      <c r="F16723" s="6">
        <v>2021</v>
      </c>
      <c r="G16723" t="s">
        <v>14</v>
      </c>
      <c r="H16723" t="s">
        <v>122</v>
      </c>
      <c r="I16723" t="s">
        <v>15</v>
      </c>
      <c r="J16723" s="10">
        <v>22.294637503584553</v>
      </c>
    </row>
    <row r="16724" spans="1:10" x14ac:dyDescent="0.35">
      <c r="A16724" t="s">
        <v>20</v>
      </c>
      <c r="B16724" t="s">
        <v>21</v>
      </c>
      <c r="C16724" t="s">
        <v>117</v>
      </c>
      <c r="D16724" t="s">
        <v>118</v>
      </c>
      <c r="E16724" s="6">
        <v>2021</v>
      </c>
      <c r="F16724" s="6">
        <v>2021</v>
      </c>
      <c r="G16724" t="s">
        <v>14</v>
      </c>
      <c r="H16724" t="s">
        <v>122</v>
      </c>
      <c r="I16724" t="s">
        <v>15</v>
      </c>
      <c r="J16724" s="10">
        <v>21.675352522684996</v>
      </c>
    </row>
    <row r="16725" spans="1:10" x14ac:dyDescent="0.35">
      <c r="A16725" t="s">
        <v>22</v>
      </c>
      <c r="B16725" t="s">
        <v>23</v>
      </c>
      <c r="C16725" t="s">
        <v>117</v>
      </c>
      <c r="D16725" t="s">
        <v>118</v>
      </c>
      <c r="E16725" s="6">
        <v>2021</v>
      </c>
      <c r="F16725" s="6">
        <v>2021</v>
      </c>
      <c r="G16725" t="s">
        <v>14</v>
      </c>
      <c r="H16725" t="s">
        <v>122</v>
      </c>
      <c r="I16725" t="s">
        <v>15</v>
      </c>
      <c r="J16725" s="10">
        <v>21.535768731296933</v>
      </c>
    </row>
    <row r="16726" spans="1:10" x14ac:dyDescent="0.35">
      <c r="A16726" t="s">
        <v>10</v>
      </c>
      <c r="B16726" t="s">
        <v>24</v>
      </c>
      <c r="C16726" t="s">
        <v>117</v>
      </c>
      <c r="D16726" t="s">
        <v>118</v>
      </c>
      <c r="E16726" s="6">
        <v>2021</v>
      </c>
      <c r="F16726" s="6">
        <v>2021</v>
      </c>
      <c r="G16726" t="s">
        <v>14</v>
      </c>
      <c r="H16726" t="s">
        <v>122</v>
      </c>
      <c r="I16726" t="s">
        <v>15</v>
      </c>
      <c r="J16726" s="10">
        <v>22.778894899317454</v>
      </c>
    </row>
    <row r="16727" spans="1:10" x14ac:dyDescent="0.35">
      <c r="A16727" t="s">
        <v>10</v>
      </c>
      <c r="B16727" t="s">
        <v>25</v>
      </c>
      <c r="C16727" t="s">
        <v>117</v>
      </c>
      <c r="D16727" t="s">
        <v>118</v>
      </c>
      <c r="E16727" s="6">
        <v>2021</v>
      </c>
      <c r="F16727" s="6">
        <v>2021</v>
      </c>
      <c r="G16727" t="s">
        <v>14</v>
      </c>
      <c r="H16727" t="s">
        <v>122</v>
      </c>
      <c r="I16727" t="s">
        <v>15</v>
      </c>
      <c r="J16727" s="10">
        <v>22.338150564583135</v>
      </c>
    </row>
    <row r="16728" spans="1:10" x14ac:dyDescent="0.35">
      <c r="A16728" t="s">
        <v>26</v>
      </c>
      <c r="B16728" t="s">
        <v>27</v>
      </c>
      <c r="C16728" t="s">
        <v>117</v>
      </c>
      <c r="D16728" t="s">
        <v>118</v>
      </c>
      <c r="E16728" s="6">
        <v>2021</v>
      </c>
      <c r="F16728" s="6">
        <v>2021</v>
      </c>
      <c r="G16728" t="s">
        <v>14</v>
      </c>
      <c r="H16728" t="s">
        <v>122</v>
      </c>
      <c r="I16728" t="s">
        <v>15</v>
      </c>
      <c r="J16728" s="10">
        <v>24.605040903520685</v>
      </c>
    </row>
    <row r="16729" spans="1:10" x14ac:dyDescent="0.35">
      <c r="A16729" t="s">
        <v>28</v>
      </c>
      <c r="B16729" t="s">
        <v>29</v>
      </c>
      <c r="C16729" t="s">
        <v>117</v>
      </c>
      <c r="D16729" t="s">
        <v>118</v>
      </c>
      <c r="E16729" s="6">
        <v>2021</v>
      </c>
      <c r="F16729" s="6">
        <v>2021</v>
      </c>
      <c r="G16729" t="s">
        <v>14</v>
      </c>
      <c r="H16729" t="s">
        <v>122</v>
      </c>
      <c r="I16729" t="s">
        <v>15</v>
      </c>
      <c r="J16729" s="10">
        <v>22.86338241401948</v>
      </c>
    </row>
    <row r="16730" spans="1:10" x14ac:dyDescent="0.35">
      <c r="A16730" t="s">
        <v>10</v>
      </c>
      <c r="B16730" t="s">
        <v>30</v>
      </c>
      <c r="C16730" t="s">
        <v>117</v>
      </c>
      <c r="D16730" t="s">
        <v>118</v>
      </c>
      <c r="E16730" s="6">
        <v>2021</v>
      </c>
      <c r="F16730" s="6">
        <v>2021</v>
      </c>
      <c r="G16730" t="s">
        <v>14</v>
      </c>
      <c r="H16730" t="s">
        <v>122</v>
      </c>
      <c r="I16730" t="s">
        <v>15</v>
      </c>
      <c r="J16730" s="10">
        <v>21.801840019089536</v>
      </c>
    </row>
    <row r="16731" spans="1:10" x14ac:dyDescent="0.35">
      <c r="A16731" t="s">
        <v>26</v>
      </c>
      <c r="B16731" t="s">
        <v>31</v>
      </c>
      <c r="C16731" t="s">
        <v>117</v>
      </c>
      <c r="D16731" t="s">
        <v>118</v>
      </c>
      <c r="E16731" s="6">
        <v>2021</v>
      </c>
      <c r="F16731" s="6">
        <v>2021</v>
      </c>
      <c r="G16731" t="s">
        <v>14</v>
      </c>
      <c r="H16731" t="s">
        <v>122</v>
      </c>
      <c r="I16731" t="s">
        <v>15</v>
      </c>
      <c r="J16731" s="10">
        <v>23.883210431910715</v>
      </c>
    </row>
    <row r="16732" spans="1:10" x14ac:dyDescent="0.35">
      <c r="A16732" t="s">
        <v>28</v>
      </c>
      <c r="B16732" t="s">
        <v>32</v>
      </c>
      <c r="C16732" t="s">
        <v>117</v>
      </c>
      <c r="D16732" t="s">
        <v>118</v>
      </c>
      <c r="E16732" s="6">
        <v>2021</v>
      </c>
      <c r="F16732" s="6">
        <v>2021</v>
      </c>
      <c r="G16732" t="s">
        <v>14</v>
      </c>
      <c r="H16732" t="s">
        <v>122</v>
      </c>
      <c r="I16732" t="s">
        <v>15</v>
      </c>
      <c r="J16732" s="10">
        <v>23.898541832565304</v>
      </c>
    </row>
    <row r="16733" spans="1:10" x14ac:dyDescent="0.35">
      <c r="A16733" t="s">
        <v>33</v>
      </c>
      <c r="B16733" t="s">
        <v>34</v>
      </c>
      <c r="C16733" t="s">
        <v>117</v>
      </c>
      <c r="D16733" t="s">
        <v>118</v>
      </c>
      <c r="E16733" s="6">
        <v>2021</v>
      </c>
      <c r="F16733" s="6">
        <v>2021</v>
      </c>
      <c r="G16733" t="s">
        <v>14</v>
      </c>
      <c r="H16733" t="s">
        <v>122</v>
      </c>
      <c r="I16733" t="s">
        <v>15</v>
      </c>
      <c r="J16733" s="10">
        <v>22.291556805531144</v>
      </c>
    </row>
    <row r="16734" spans="1:10" x14ac:dyDescent="0.35">
      <c r="A16734" t="s">
        <v>35</v>
      </c>
      <c r="B16734" t="s">
        <v>36</v>
      </c>
      <c r="C16734" t="s">
        <v>117</v>
      </c>
      <c r="D16734" t="s">
        <v>118</v>
      </c>
      <c r="E16734" s="6">
        <v>2021</v>
      </c>
      <c r="F16734" s="6">
        <v>2021</v>
      </c>
      <c r="G16734" t="s">
        <v>14</v>
      </c>
      <c r="H16734" t="s">
        <v>122</v>
      </c>
      <c r="I16734" t="s">
        <v>15</v>
      </c>
      <c r="J16734" s="10">
        <v>22.616254803471453</v>
      </c>
    </row>
    <row r="16735" spans="1:10" x14ac:dyDescent="0.35">
      <c r="A16735" t="s">
        <v>28</v>
      </c>
      <c r="B16735" t="s">
        <v>37</v>
      </c>
      <c r="C16735" t="s">
        <v>117</v>
      </c>
      <c r="D16735" t="s">
        <v>118</v>
      </c>
      <c r="E16735" s="6">
        <v>2021</v>
      </c>
      <c r="F16735" s="6">
        <v>2021</v>
      </c>
      <c r="G16735" t="s">
        <v>14</v>
      </c>
      <c r="H16735" t="s">
        <v>122</v>
      </c>
      <c r="I16735" t="s">
        <v>15</v>
      </c>
      <c r="J16735" s="10">
        <v>23.769415142118163</v>
      </c>
    </row>
    <row r="16736" spans="1:10" x14ac:dyDescent="0.35">
      <c r="A16736" t="s">
        <v>20</v>
      </c>
      <c r="B16736" t="s">
        <v>38</v>
      </c>
      <c r="C16736" t="s">
        <v>117</v>
      </c>
      <c r="D16736" t="s">
        <v>118</v>
      </c>
      <c r="E16736" s="6">
        <v>2021</v>
      </c>
      <c r="F16736" s="6">
        <v>2021</v>
      </c>
      <c r="G16736" t="s">
        <v>14</v>
      </c>
      <c r="H16736" t="s">
        <v>122</v>
      </c>
      <c r="I16736" t="s">
        <v>15</v>
      </c>
      <c r="J16736" s="10">
        <v>21.438143841457638</v>
      </c>
    </row>
    <row r="16737" spans="1:10" x14ac:dyDescent="0.35">
      <c r="A16737" t="s">
        <v>33</v>
      </c>
      <c r="B16737" t="s">
        <v>39</v>
      </c>
      <c r="C16737" t="s">
        <v>117</v>
      </c>
      <c r="D16737" t="s">
        <v>118</v>
      </c>
      <c r="E16737" s="6">
        <v>2021</v>
      </c>
      <c r="F16737" s="6">
        <v>2021</v>
      </c>
      <c r="G16737" t="s">
        <v>14</v>
      </c>
      <c r="H16737" t="s">
        <v>122</v>
      </c>
      <c r="I16737" t="s">
        <v>15</v>
      </c>
      <c r="J16737" s="10">
        <v>21.859659254981231</v>
      </c>
    </row>
    <row r="16738" spans="1:10" x14ac:dyDescent="0.35">
      <c r="A16738" t="s">
        <v>20</v>
      </c>
      <c r="B16738" t="s">
        <v>40</v>
      </c>
      <c r="C16738" t="s">
        <v>117</v>
      </c>
      <c r="D16738" t="s">
        <v>118</v>
      </c>
      <c r="E16738" s="6">
        <v>2021</v>
      </c>
      <c r="F16738" s="6">
        <v>2021</v>
      </c>
      <c r="G16738" t="s">
        <v>14</v>
      </c>
      <c r="H16738" t="s">
        <v>122</v>
      </c>
      <c r="I16738" t="s">
        <v>15</v>
      </c>
      <c r="J16738" s="10">
        <v>21.749906472128693</v>
      </c>
    </row>
    <row r="16739" spans="1:10" x14ac:dyDescent="0.35">
      <c r="A16739" t="s">
        <v>35</v>
      </c>
      <c r="B16739" t="s">
        <v>41</v>
      </c>
      <c r="C16739" t="s">
        <v>117</v>
      </c>
      <c r="D16739" t="s">
        <v>118</v>
      </c>
      <c r="E16739" s="6">
        <v>2021</v>
      </c>
      <c r="F16739" s="6">
        <v>2021</v>
      </c>
      <c r="G16739" t="s">
        <v>14</v>
      </c>
      <c r="H16739" t="s">
        <v>122</v>
      </c>
      <c r="I16739" t="s">
        <v>15</v>
      </c>
      <c r="J16739" s="10">
        <v>24.138181924011583</v>
      </c>
    </row>
    <row r="16740" spans="1:10" x14ac:dyDescent="0.35">
      <c r="A16740" t="s">
        <v>35</v>
      </c>
      <c r="B16740" t="s">
        <v>42</v>
      </c>
      <c r="C16740" t="s">
        <v>117</v>
      </c>
      <c r="D16740" t="s">
        <v>118</v>
      </c>
      <c r="E16740" s="6">
        <v>2021</v>
      </c>
      <c r="F16740" s="6">
        <v>2021</v>
      </c>
      <c r="G16740" t="s">
        <v>14</v>
      </c>
      <c r="H16740" t="s">
        <v>122</v>
      </c>
      <c r="I16740" t="s">
        <v>15</v>
      </c>
      <c r="J16740" s="10">
        <v>21.864455945892303</v>
      </c>
    </row>
    <row r="16741" spans="1:10" x14ac:dyDescent="0.35">
      <c r="A16741" t="s">
        <v>35</v>
      </c>
      <c r="B16741" t="s">
        <v>43</v>
      </c>
      <c r="C16741" t="s">
        <v>117</v>
      </c>
      <c r="D16741" t="s">
        <v>118</v>
      </c>
      <c r="E16741" s="6">
        <v>2021</v>
      </c>
      <c r="F16741" s="6">
        <v>2021</v>
      </c>
      <c r="G16741" t="s">
        <v>14</v>
      </c>
      <c r="H16741" t="s">
        <v>122</v>
      </c>
      <c r="I16741" t="s">
        <v>15</v>
      </c>
      <c r="J16741" s="10">
        <v>22.795583604889384</v>
      </c>
    </row>
    <row r="16742" spans="1:10" x14ac:dyDescent="0.35">
      <c r="A16742" t="s">
        <v>28</v>
      </c>
      <c r="B16742" t="s">
        <v>44</v>
      </c>
      <c r="C16742" t="s">
        <v>117</v>
      </c>
      <c r="D16742" t="s">
        <v>118</v>
      </c>
      <c r="E16742" s="6">
        <v>2021</v>
      </c>
      <c r="F16742" s="6">
        <v>2021</v>
      </c>
      <c r="G16742" t="s">
        <v>14</v>
      </c>
      <c r="H16742" t="s">
        <v>122</v>
      </c>
      <c r="I16742" t="s">
        <v>15</v>
      </c>
      <c r="J16742" s="10">
        <v>24.003363729535121</v>
      </c>
    </row>
    <row r="16743" spans="1:10" x14ac:dyDescent="0.35">
      <c r="A16743" t="s">
        <v>10</v>
      </c>
      <c r="B16743" t="s">
        <v>45</v>
      </c>
      <c r="C16743" t="s">
        <v>117</v>
      </c>
      <c r="D16743" t="s">
        <v>118</v>
      </c>
      <c r="E16743" s="6">
        <v>2021</v>
      </c>
      <c r="F16743" s="6">
        <v>2021</v>
      </c>
      <c r="G16743" t="s">
        <v>14</v>
      </c>
      <c r="H16743" t="s">
        <v>122</v>
      </c>
      <c r="I16743" t="s">
        <v>15</v>
      </c>
      <c r="J16743" s="10">
        <v>19.585075089023068</v>
      </c>
    </row>
    <row r="16744" spans="1:10" x14ac:dyDescent="0.35">
      <c r="A16744" t="s">
        <v>10</v>
      </c>
      <c r="B16744" t="s">
        <v>46</v>
      </c>
      <c r="C16744" t="s">
        <v>117</v>
      </c>
      <c r="D16744" t="s">
        <v>118</v>
      </c>
      <c r="E16744" s="6">
        <v>2021</v>
      </c>
      <c r="F16744" s="6">
        <v>2021</v>
      </c>
      <c r="G16744" t="s">
        <v>14</v>
      </c>
      <c r="H16744" t="s">
        <v>122</v>
      </c>
      <c r="I16744" t="s">
        <v>15</v>
      </c>
      <c r="J16744" s="10">
        <v>17.708129540504235</v>
      </c>
    </row>
    <row r="16745" spans="1:10" x14ac:dyDescent="0.35">
      <c r="A16745" t="s">
        <v>33</v>
      </c>
      <c r="B16745" t="s">
        <v>47</v>
      </c>
      <c r="C16745" t="s">
        <v>117</v>
      </c>
      <c r="D16745" t="s">
        <v>118</v>
      </c>
      <c r="E16745" s="6">
        <v>2021</v>
      </c>
      <c r="F16745" s="6">
        <v>2021</v>
      </c>
      <c r="G16745" t="s">
        <v>14</v>
      </c>
      <c r="H16745" t="s">
        <v>122</v>
      </c>
      <c r="I16745" t="s">
        <v>15</v>
      </c>
      <c r="J16745" s="10">
        <v>21.185776744421137</v>
      </c>
    </row>
    <row r="16746" spans="1:10" x14ac:dyDescent="0.35">
      <c r="A16746" t="s">
        <v>20</v>
      </c>
      <c r="B16746" t="s">
        <v>48</v>
      </c>
      <c r="C16746" t="s">
        <v>117</v>
      </c>
      <c r="D16746" t="s">
        <v>118</v>
      </c>
      <c r="E16746" s="6">
        <v>2021</v>
      </c>
      <c r="F16746" s="6">
        <v>2021</v>
      </c>
      <c r="G16746" t="s">
        <v>14</v>
      </c>
      <c r="H16746" t="s">
        <v>122</v>
      </c>
      <c r="I16746" t="s">
        <v>15</v>
      </c>
      <c r="J16746" s="10">
        <v>23.325154001482503</v>
      </c>
    </row>
    <row r="16747" spans="1:10" x14ac:dyDescent="0.35">
      <c r="A16747" t="s">
        <v>28</v>
      </c>
      <c r="B16747" t="s">
        <v>49</v>
      </c>
      <c r="C16747" t="s">
        <v>117</v>
      </c>
      <c r="D16747" t="s">
        <v>118</v>
      </c>
      <c r="E16747" s="6">
        <v>2021</v>
      </c>
      <c r="F16747" s="6">
        <v>2021</v>
      </c>
      <c r="G16747" t="s">
        <v>14</v>
      </c>
      <c r="H16747" t="s">
        <v>122</v>
      </c>
      <c r="I16747" t="s">
        <v>15</v>
      </c>
      <c r="J16747" s="10">
        <v>22.831498324557202</v>
      </c>
    </row>
    <row r="16748" spans="1:10" x14ac:dyDescent="0.35">
      <c r="A16748" t="s">
        <v>35</v>
      </c>
      <c r="B16748" t="s">
        <v>50</v>
      </c>
      <c r="C16748" t="s">
        <v>117</v>
      </c>
      <c r="D16748" t="s">
        <v>118</v>
      </c>
      <c r="E16748" s="6">
        <v>2021</v>
      </c>
      <c r="F16748" s="6">
        <v>2021</v>
      </c>
      <c r="G16748" t="s">
        <v>14</v>
      </c>
      <c r="H16748" t="s">
        <v>122</v>
      </c>
      <c r="I16748" t="s">
        <v>15</v>
      </c>
      <c r="J16748" s="10">
        <v>20.451132002002559</v>
      </c>
    </row>
    <row r="16749" spans="1:10" x14ac:dyDescent="0.35">
      <c r="A16749" t="s">
        <v>22</v>
      </c>
      <c r="B16749" t="s">
        <v>51</v>
      </c>
      <c r="C16749" t="s">
        <v>117</v>
      </c>
      <c r="D16749" t="s">
        <v>118</v>
      </c>
      <c r="E16749" s="6">
        <v>2021</v>
      </c>
      <c r="F16749" s="6">
        <v>2021</v>
      </c>
      <c r="G16749" t="s">
        <v>14</v>
      </c>
      <c r="H16749" t="s">
        <v>122</v>
      </c>
      <c r="I16749" t="s">
        <v>15</v>
      </c>
      <c r="J16749" s="10">
        <v>13.522870108012528</v>
      </c>
    </row>
    <row r="16750" spans="1:10" x14ac:dyDescent="0.35">
      <c r="A16750" t="s">
        <v>22</v>
      </c>
      <c r="B16750" t="s">
        <v>52</v>
      </c>
      <c r="C16750" t="s">
        <v>117</v>
      </c>
      <c r="D16750" t="s">
        <v>118</v>
      </c>
      <c r="E16750" s="6">
        <v>2021</v>
      </c>
      <c r="F16750" s="6">
        <v>2021</v>
      </c>
      <c r="G16750" t="s">
        <v>14</v>
      </c>
      <c r="H16750" t="s">
        <v>122</v>
      </c>
      <c r="I16750" t="s">
        <v>15</v>
      </c>
      <c r="J16750" s="10">
        <v>18.381768491196741</v>
      </c>
    </row>
    <row r="16751" spans="1:10" x14ac:dyDescent="0.35">
      <c r="A16751" t="s">
        <v>22</v>
      </c>
      <c r="B16751" t="s">
        <v>53</v>
      </c>
      <c r="C16751" t="s">
        <v>117</v>
      </c>
      <c r="D16751" t="s">
        <v>118</v>
      </c>
      <c r="E16751" s="6">
        <v>2021</v>
      </c>
      <c r="F16751" s="6">
        <v>2021</v>
      </c>
      <c r="G16751" t="s">
        <v>14</v>
      </c>
      <c r="H16751" t="s">
        <v>122</v>
      </c>
      <c r="I16751" t="s">
        <v>15</v>
      </c>
      <c r="J16751" s="10">
        <v>15.909372803572166</v>
      </c>
    </row>
    <row r="16752" spans="1:10" x14ac:dyDescent="0.35">
      <c r="A16752" t="s">
        <v>22</v>
      </c>
      <c r="B16752" t="s">
        <v>54</v>
      </c>
      <c r="C16752" t="s">
        <v>117</v>
      </c>
      <c r="D16752" t="s">
        <v>118</v>
      </c>
      <c r="E16752" s="6">
        <v>2021</v>
      </c>
      <c r="F16752" s="6">
        <v>2021</v>
      </c>
      <c r="G16752" t="s">
        <v>14</v>
      </c>
      <c r="H16752" t="s">
        <v>122</v>
      </c>
      <c r="I16752" t="s">
        <v>15</v>
      </c>
      <c r="J16752" s="10">
        <v>18.49505562422744</v>
      </c>
    </row>
    <row r="16753" spans="1:10" x14ac:dyDescent="0.35">
      <c r="A16753" t="s">
        <v>22</v>
      </c>
      <c r="B16753" t="s">
        <v>55</v>
      </c>
      <c r="C16753" t="s">
        <v>117</v>
      </c>
      <c r="D16753" t="s">
        <v>118</v>
      </c>
      <c r="E16753" s="6">
        <v>2021</v>
      </c>
      <c r="F16753" s="6">
        <v>2021</v>
      </c>
      <c r="G16753" t="s">
        <v>14</v>
      </c>
      <c r="H16753" t="s">
        <v>122</v>
      </c>
      <c r="I16753" t="s">
        <v>15</v>
      </c>
      <c r="J16753" s="10">
        <v>16.68312314864578</v>
      </c>
    </row>
    <row r="16754" spans="1:10" x14ac:dyDescent="0.35">
      <c r="A16754" t="s">
        <v>22</v>
      </c>
      <c r="B16754" t="s">
        <v>56</v>
      </c>
      <c r="C16754" t="s">
        <v>117</v>
      </c>
      <c r="D16754" t="s">
        <v>118</v>
      </c>
      <c r="E16754" s="6">
        <v>2021</v>
      </c>
      <c r="F16754" s="6">
        <v>2021</v>
      </c>
      <c r="G16754" t="s">
        <v>14</v>
      </c>
      <c r="H16754" t="s">
        <v>122</v>
      </c>
      <c r="I16754" t="s">
        <v>15</v>
      </c>
      <c r="J16754" s="10">
        <v>19.79844781651801</v>
      </c>
    </row>
    <row r="16755" spans="1:10" x14ac:dyDescent="0.35">
      <c r="A16755" t="s">
        <v>28</v>
      </c>
      <c r="B16755" t="s">
        <v>58</v>
      </c>
      <c r="C16755" t="s">
        <v>117</v>
      </c>
      <c r="D16755" t="s">
        <v>118</v>
      </c>
      <c r="E16755" s="6">
        <v>2021</v>
      </c>
      <c r="F16755" s="6">
        <v>2021</v>
      </c>
      <c r="G16755" t="s">
        <v>14</v>
      </c>
      <c r="H16755" t="s">
        <v>122</v>
      </c>
      <c r="I16755" t="s">
        <v>15</v>
      </c>
      <c r="J16755" s="10">
        <v>24.617981651376148</v>
      </c>
    </row>
    <row r="16756" spans="1:10" x14ac:dyDescent="0.35">
      <c r="A16756" t="s">
        <v>20</v>
      </c>
      <c r="B16756" t="s">
        <v>59</v>
      </c>
      <c r="C16756" t="s">
        <v>117</v>
      </c>
      <c r="D16756" t="s">
        <v>118</v>
      </c>
      <c r="E16756" s="6">
        <v>2021</v>
      </c>
      <c r="F16756" s="6">
        <v>2021</v>
      </c>
      <c r="G16756" t="s">
        <v>14</v>
      </c>
      <c r="H16756" t="s">
        <v>122</v>
      </c>
      <c r="I16756" t="s">
        <v>15</v>
      </c>
      <c r="J16756" s="10">
        <v>22.053594657878762</v>
      </c>
    </row>
    <row r="16757" spans="1:10" x14ac:dyDescent="0.35">
      <c r="A16757" t="s">
        <v>20</v>
      </c>
      <c r="B16757" t="s">
        <v>60</v>
      </c>
      <c r="C16757" t="s">
        <v>117</v>
      </c>
      <c r="D16757" t="s">
        <v>118</v>
      </c>
      <c r="E16757" s="6">
        <v>2021</v>
      </c>
      <c r="F16757" s="6">
        <v>2021</v>
      </c>
      <c r="G16757" t="s">
        <v>14</v>
      </c>
      <c r="H16757" t="s">
        <v>122</v>
      </c>
      <c r="I16757" t="s">
        <v>15</v>
      </c>
      <c r="J16757" s="10">
        <v>21.935911381168498</v>
      </c>
    </row>
    <row r="16758" spans="1:10" x14ac:dyDescent="0.35">
      <c r="A16758" t="s">
        <v>28</v>
      </c>
      <c r="B16758" t="s">
        <v>61</v>
      </c>
      <c r="C16758" t="s">
        <v>117</v>
      </c>
      <c r="D16758" t="s">
        <v>118</v>
      </c>
      <c r="E16758" s="6">
        <v>2021</v>
      </c>
      <c r="F16758" s="6">
        <v>2021</v>
      </c>
      <c r="G16758" t="s">
        <v>14</v>
      </c>
      <c r="H16758" t="s">
        <v>122</v>
      </c>
      <c r="I16758" t="s">
        <v>15</v>
      </c>
      <c r="J16758" s="10">
        <v>23.441197512519949</v>
      </c>
    </row>
    <row r="16759" spans="1:10" x14ac:dyDescent="0.35">
      <c r="A16759" t="s">
        <v>62</v>
      </c>
      <c r="B16759" t="s">
        <v>63</v>
      </c>
      <c r="C16759" t="s">
        <v>117</v>
      </c>
      <c r="D16759" t="s">
        <v>118</v>
      </c>
      <c r="E16759" s="6">
        <v>2021</v>
      </c>
      <c r="F16759" s="6">
        <v>2021</v>
      </c>
      <c r="G16759" t="s">
        <v>14</v>
      </c>
      <c r="H16759" t="s">
        <v>122</v>
      </c>
      <c r="I16759" t="s">
        <v>15</v>
      </c>
      <c r="J16759" s="10">
        <v>19.741346012972656</v>
      </c>
    </row>
    <row r="16760" spans="1:10" x14ac:dyDescent="0.35">
      <c r="A16760" t="s">
        <v>62</v>
      </c>
      <c r="B16760" t="s">
        <v>64</v>
      </c>
      <c r="C16760" t="s">
        <v>117</v>
      </c>
      <c r="D16760" t="s">
        <v>118</v>
      </c>
      <c r="E16760" s="6">
        <v>2021</v>
      </c>
      <c r="F16760" s="6">
        <v>2021</v>
      </c>
      <c r="G16760" t="s">
        <v>14</v>
      </c>
      <c r="H16760" t="s">
        <v>122</v>
      </c>
      <c r="I16760" t="s">
        <v>15</v>
      </c>
      <c r="J16760" s="10">
        <v>19.176020985632299</v>
      </c>
    </row>
    <row r="16761" spans="1:10" x14ac:dyDescent="0.35">
      <c r="A16761" t="s">
        <v>62</v>
      </c>
      <c r="B16761" t="s">
        <v>65</v>
      </c>
      <c r="C16761" t="s">
        <v>117</v>
      </c>
      <c r="D16761" t="s">
        <v>118</v>
      </c>
      <c r="E16761" s="6">
        <v>2021</v>
      </c>
      <c r="F16761" s="6">
        <v>2021</v>
      </c>
      <c r="G16761" t="s">
        <v>14</v>
      </c>
      <c r="H16761" t="s">
        <v>122</v>
      </c>
      <c r="I16761" t="s">
        <v>15</v>
      </c>
      <c r="J16761" s="10">
        <v>12.032833250045188</v>
      </c>
    </row>
    <row r="16762" spans="1:10" x14ac:dyDescent="0.35">
      <c r="A16762" t="s">
        <v>62</v>
      </c>
      <c r="B16762" t="s">
        <v>66</v>
      </c>
      <c r="C16762" t="s">
        <v>117</v>
      </c>
      <c r="D16762" t="s">
        <v>118</v>
      </c>
      <c r="E16762" s="6">
        <v>2021</v>
      </c>
      <c r="F16762" s="6">
        <v>2021</v>
      </c>
      <c r="G16762" t="s">
        <v>14</v>
      </c>
      <c r="H16762" t="s">
        <v>122</v>
      </c>
      <c r="I16762" t="s">
        <v>15</v>
      </c>
      <c r="J16762" s="10">
        <v>19.091850003980788</v>
      </c>
    </row>
    <row r="16763" spans="1:10" x14ac:dyDescent="0.35">
      <c r="A16763" t="s">
        <v>62</v>
      </c>
      <c r="B16763" t="s">
        <v>67</v>
      </c>
      <c r="C16763" t="s">
        <v>117</v>
      </c>
      <c r="D16763" t="s">
        <v>118</v>
      </c>
      <c r="E16763" s="6">
        <v>2021</v>
      </c>
      <c r="F16763" s="6">
        <v>2021</v>
      </c>
      <c r="G16763" t="s">
        <v>14</v>
      </c>
      <c r="H16763" t="s">
        <v>122</v>
      </c>
      <c r="I16763" t="s">
        <v>15</v>
      </c>
      <c r="J16763" s="10">
        <v>20.581811082232065</v>
      </c>
    </row>
    <row r="16764" spans="1:10" x14ac:dyDescent="0.35">
      <c r="A16764" t="s">
        <v>62</v>
      </c>
      <c r="B16764" t="s">
        <v>68</v>
      </c>
      <c r="C16764" t="s">
        <v>117</v>
      </c>
      <c r="D16764" t="s">
        <v>118</v>
      </c>
      <c r="E16764" s="6">
        <v>2021</v>
      </c>
      <c r="F16764" s="6">
        <v>2021</v>
      </c>
      <c r="G16764" t="s">
        <v>14</v>
      </c>
      <c r="H16764" t="s">
        <v>122</v>
      </c>
      <c r="I16764" t="s">
        <v>15</v>
      </c>
      <c r="J16764" s="10">
        <v>18.8117923137094</v>
      </c>
    </row>
    <row r="16765" spans="1:10" x14ac:dyDescent="0.35">
      <c r="A16765" t="s">
        <v>62</v>
      </c>
      <c r="B16765" t="s">
        <v>69</v>
      </c>
      <c r="C16765" t="s">
        <v>117</v>
      </c>
      <c r="D16765" t="s">
        <v>118</v>
      </c>
      <c r="E16765" s="6">
        <v>2021</v>
      </c>
      <c r="F16765" s="6">
        <v>2021</v>
      </c>
      <c r="G16765" t="s">
        <v>14</v>
      </c>
      <c r="H16765" t="s">
        <v>122</v>
      </c>
      <c r="I16765" t="s">
        <v>15</v>
      </c>
      <c r="J16765" s="10">
        <v>18.736047753081628</v>
      </c>
    </row>
    <row r="16766" spans="1:10" x14ac:dyDescent="0.35">
      <c r="A16766" t="s">
        <v>62</v>
      </c>
      <c r="B16766" t="s">
        <v>70</v>
      </c>
      <c r="C16766" t="s">
        <v>117</v>
      </c>
      <c r="D16766" t="s">
        <v>118</v>
      </c>
      <c r="E16766" s="6">
        <v>2021</v>
      </c>
      <c r="F16766" s="6">
        <v>2021</v>
      </c>
      <c r="G16766" t="s">
        <v>14</v>
      </c>
      <c r="H16766" t="s">
        <v>122</v>
      </c>
      <c r="I16766" t="s">
        <v>15</v>
      </c>
      <c r="J16766" s="10">
        <v>16.230066002541712</v>
      </c>
    </row>
    <row r="16767" spans="1:10" x14ac:dyDescent="0.35">
      <c r="A16767" t="s">
        <v>35</v>
      </c>
      <c r="B16767" t="s">
        <v>71</v>
      </c>
      <c r="C16767" t="s">
        <v>117</v>
      </c>
      <c r="D16767" t="s">
        <v>118</v>
      </c>
      <c r="E16767" s="6">
        <v>2021</v>
      </c>
      <c r="F16767" s="6">
        <v>2021</v>
      </c>
      <c r="G16767" t="s">
        <v>14</v>
      </c>
      <c r="H16767" t="s">
        <v>122</v>
      </c>
      <c r="I16767" t="s">
        <v>15</v>
      </c>
      <c r="J16767" s="10">
        <v>23.77565592361325</v>
      </c>
    </row>
    <row r="16768" spans="1:10" x14ac:dyDescent="0.35">
      <c r="A16768" t="s">
        <v>20</v>
      </c>
      <c r="B16768" t="s">
        <v>72</v>
      </c>
      <c r="C16768" t="s">
        <v>117</v>
      </c>
      <c r="D16768" t="s">
        <v>118</v>
      </c>
      <c r="E16768" s="6">
        <v>2021</v>
      </c>
      <c r="F16768" s="6">
        <v>2021</v>
      </c>
      <c r="G16768" t="s">
        <v>14</v>
      </c>
      <c r="H16768" t="s">
        <v>122</v>
      </c>
      <c r="I16768" t="s">
        <v>15</v>
      </c>
      <c r="J16768" s="10">
        <v>21.650569506427765</v>
      </c>
    </row>
    <row r="16769" spans="1:10" x14ac:dyDescent="0.35">
      <c r="A16769" t="s">
        <v>26</v>
      </c>
      <c r="B16769" t="s">
        <v>73</v>
      </c>
      <c r="C16769" t="s">
        <v>117</v>
      </c>
      <c r="D16769" t="s">
        <v>118</v>
      </c>
      <c r="E16769" s="6">
        <v>2021</v>
      </c>
      <c r="F16769" s="6">
        <v>2021</v>
      </c>
      <c r="G16769" t="s">
        <v>14</v>
      </c>
      <c r="H16769" t="s">
        <v>122</v>
      </c>
      <c r="I16769" t="s">
        <v>15</v>
      </c>
      <c r="J16769" s="10">
        <v>21.319545394476012</v>
      </c>
    </row>
    <row r="16770" spans="1:10" x14ac:dyDescent="0.35">
      <c r="A16770" t="s">
        <v>28</v>
      </c>
      <c r="B16770" t="s">
        <v>74</v>
      </c>
      <c r="C16770" t="s">
        <v>117</v>
      </c>
      <c r="D16770" t="s">
        <v>118</v>
      </c>
      <c r="E16770" s="6">
        <v>2021</v>
      </c>
      <c r="F16770" s="6">
        <v>2021</v>
      </c>
      <c r="G16770" t="s">
        <v>14</v>
      </c>
      <c r="H16770" t="s">
        <v>122</v>
      </c>
      <c r="I16770" t="s">
        <v>15</v>
      </c>
      <c r="J16770" s="10">
        <v>22.160811265439513</v>
      </c>
    </row>
    <row r="16771" spans="1:10" x14ac:dyDescent="0.35">
      <c r="A16771" t="s">
        <v>33</v>
      </c>
      <c r="B16771" t="s">
        <v>75</v>
      </c>
      <c r="C16771" t="s">
        <v>117</v>
      </c>
      <c r="D16771" t="s">
        <v>118</v>
      </c>
      <c r="E16771" s="6">
        <v>2021</v>
      </c>
      <c r="F16771" s="6">
        <v>2021</v>
      </c>
      <c r="G16771" t="s">
        <v>14</v>
      </c>
      <c r="H16771" t="s">
        <v>122</v>
      </c>
      <c r="I16771" t="s">
        <v>15</v>
      </c>
      <c r="J16771" s="10">
        <v>21.371167396686346</v>
      </c>
    </row>
    <row r="16772" spans="1:10" x14ac:dyDescent="0.35">
      <c r="A16772" t="s">
        <v>22</v>
      </c>
      <c r="B16772" t="s">
        <v>76</v>
      </c>
      <c r="C16772" t="s">
        <v>117</v>
      </c>
      <c r="D16772" t="s">
        <v>118</v>
      </c>
      <c r="E16772" s="6">
        <v>2021</v>
      </c>
      <c r="F16772" s="6">
        <v>2021</v>
      </c>
      <c r="G16772" t="s">
        <v>14</v>
      </c>
      <c r="H16772" t="s">
        <v>122</v>
      </c>
      <c r="I16772" t="s">
        <v>15</v>
      </c>
      <c r="J16772" s="10">
        <v>20.930687967018809</v>
      </c>
    </row>
    <row r="16773" spans="1:10" x14ac:dyDescent="0.35">
      <c r="A16773" t="s">
        <v>33</v>
      </c>
      <c r="B16773" t="s">
        <v>77</v>
      </c>
      <c r="C16773" t="s">
        <v>117</v>
      </c>
      <c r="D16773" t="s">
        <v>118</v>
      </c>
      <c r="E16773" s="6">
        <v>2021</v>
      </c>
      <c r="F16773" s="6">
        <v>2021</v>
      </c>
      <c r="G16773" t="s">
        <v>14</v>
      </c>
      <c r="H16773" t="s">
        <v>122</v>
      </c>
      <c r="I16773" t="s">
        <v>15</v>
      </c>
      <c r="J16773" s="10">
        <v>22.669586136360362</v>
      </c>
    </row>
    <row r="16774" spans="1:10" x14ac:dyDescent="0.35">
      <c r="A16774" t="s">
        <v>22</v>
      </c>
      <c r="B16774" t="s">
        <v>78</v>
      </c>
      <c r="C16774" t="s">
        <v>117</v>
      </c>
      <c r="D16774" t="s">
        <v>118</v>
      </c>
      <c r="E16774" s="6">
        <v>2021</v>
      </c>
      <c r="F16774" s="6">
        <v>2021</v>
      </c>
      <c r="G16774" t="s">
        <v>14</v>
      </c>
      <c r="H16774" t="s">
        <v>122</v>
      </c>
      <c r="I16774" t="s">
        <v>15</v>
      </c>
      <c r="J16774" s="10">
        <v>20.712084902430675</v>
      </c>
    </row>
    <row r="16775" spans="1:10" x14ac:dyDescent="0.35">
      <c r="A16775" t="s">
        <v>28</v>
      </c>
      <c r="B16775" t="s">
        <v>79</v>
      </c>
      <c r="C16775" t="s">
        <v>117</v>
      </c>
      <c r="D16775" t="s">
        <v>118</v>
      </c>
      <c r="E16775" s="6">
        <v>2021</v>
      </c>
      <c r="F16775" s="6">
        <v>2021</v>
      </c>
      <c r="G16775" t="s">
        <v>14</v>
      </c>
      <c r="H16775" t="s">
        <v>122</v>
      </c>
      <c r="I16775" t="s">
        <v>15</v>
      </c>
      <c r="J16775" s="10">
        <v>21.992218860001238</v>
      </c>
    </row>
    <row r="16776" spans="1:10" x14ac:dyDescent="0.35">
      <c r="A16776" t="s">
        <v>26</v>
      </c>
      <c r="B16776" t="s">
        <v>80</v>
      </c>
      <c r="C16776" t="s">
        <v>117</v>
      </c>
      <c r="D16776" t="s">
        <v>118</v>
      </c>
      <c r="E16776" s="6">
        <v>2021</v>
      </c>
      <c r="F16776" s="6">
        <v>2021</v>
      </c>
      <c r="G16776" t="s">
        <v>14</v>
      </c>
      <c r="H16776" t="s">
        <v>122</v>
      </c>
      <c r="I16776" t="s">
        <v>15</v>
      </c>
      <c r="J16776" s="10">
        <v>22.028739031844623</v>
      </c>
    </row>
    <row r="16777" spans="1:10" x14ac:dyDescent="0.35">
      <c r="A16777" t="s">
        <v>20</v>
      </c>
      <c r="B16777" t="s">
        <v>81</v>
      </c>
      <c r="C16777" t="s">
        <v>117</v>
      </c>
      <c r="D16777" t="s">
        <v>118</v>
      </c>
      <c r="E16777" s="6">
        <v>2021</v>
      </c>
      <c r="F16777" s="6">
        <v>2021</v>
      </c>
      <c r="G16777" t="s">
        <v>14</v>
      </c>
      <c r="H16777" t="s">
        <v>122</v>
      </c>
      <c r="I16777" t="s">
        <v>15</v>
      </c>
      <c r="J16777" s="10">
        <v>21.28660334097609</v>
      </c>
    </row>
    <row r="16778" spans="1:10" x14ac:dyDescent="0.35">
      <c r="A16778" t="s">
        <v>26</v>
      </c>
      <c r="B16778" t="s">
        <v>57</v>
      </c>
      <c r="C16778" t="s">
        <v>117</v>
      </c>
      <c r="D16778" t="s">
        <v>118</v>
      </c>
      <c r="E16778" s="6">
        <v>2021</v>
      </c>
      <c r="F16778" s="6">
        <v>2021</v>
      </c>
      <c r="G16778" t="s">
        <v>14</v>
      </c>
      <c r="H16778" t="s">
        <v>122</v>
      </c>
      <c r="I16778" t="s">
        <v>15</v>
      </c>
      <c r="J16778" s="10">
        <v>23.885135135135137</v>
      </c>
    </row>
    <row r="16779" spans="1:10" x14ac:dyDescent="0.35">
      <c r="A16779" t="s">
        <v>33</v>
      </c>
      <c r="B16779" t="s">
        <v>82</v>
      </c>
      <c r="C16779" t="s">
        <v>117</v>
      </c>
      <c r="D16779" t="s">
        <v>118</v>
      </c>
      <c r="E16779" s="6">
        <v>2021</v>
      </c>
      <c r="F16779" s="6">
        <v>2021</v>
      </c>
      <c r="G16779" t="s">
        <v>14</v>
      </c>
      <c r="H16779" t="s">
        <v>122</v>
      </c>
      <c r="I16779" t="s">
        <v>15</v>
      </c>
      <c r="J16779" s="10">
        <v>20.868983062194552</v>
      </c>
    </row>
    <row r="16780" spans="1:10" x14ac:dyDescent="0.35">
      <c r="A16780" t="s">
        <v>26</v>
      </c>
      <c r="B16780" t="s">
        <v>83</v>
      </c>
      <c r="C16780" t="s">
        <v>117</v>
      </c>
      <c r="D16780" t="s">
        <v>118</v>
      </c>
      <c r="E16780" s="6">
        <v>2021</v>
      </c>
      <c r="F16780" s="6">
        <v>2021</v>
      </c>
      <c r="G16780" t="s">
        <v>14</v>
      </c>
      <c r="H16780" t="s">
        <v>122</v>
      </c>
      <c r="I16780" t="s">
        <v>15</v>
      </c>
      <c r="J16780" s="10">
        <v>23.411712511091391</v>
      </c>
    </row>
    <row r="16781" spans="1:10" x14ac:dyDescent="0.35">
      <c r="A16781" t="s">
        <v>35</v>
      </c>
      <c r="B16781" t="s">
        <v>84</v>
      </c>
      <c r="C16781" t="s">
        <v>117</v>
      </c>
      <c r="D16781" t="s">
        <v>118</v>
      </c>
      <c r="E16781" s="6">
        <v>2021</v>
      </c>
      <c r="F16781" s="6">
        <v>2021</v>
      </c>
      <c r="G16781" t="s">
        <v>14</v>
      </c>
      <c r="H16781" t="s">
        <v>122</v>
      </c>
      <c r="I16781" t="s">
        <v>15</v>
      </c>
      <c r="J16781" s="10">
        <v>22.286944758854872</v>
      </c>
    </row>
    <row r="16782" spans="1:10" x14ac:dyDescent="0.35">
      <c r="A16782" t="s">
        <v>33</v>
      </c>
      <c r="B16782" t="s">
        <v>85</v>
      </c>
      <c r="C16782" t="s">
        <v>117</v>
      </c>
      <c r="D16782" t="s">
        <v>118</v>
      </c>
      <c r="E16782" s="6">
        <v>2021</v>
      </c>
      <c r="F16782" s="6">
        <v>2021</v>
      </c>
      <c r="G16782" t="s">
        <v>14</v>
      </c>
      <c r="H16782" t="s">
        <v>122</v>
      </c>
      <c r="I16782" t="s">
        <v>15</v>
      </c>
      <c r="J16782" s="10">
        <v>22.333771995278731</v>
      </c>
    </row>
    <row r="16783" spans="1:10" x14ac:dyDescent="0.35">
      <c r="A16783" t="s">
        <v>33</v>
      </c>
      <c r="B16783" t="s">
        <v>86</v>
      </c>
      <c r="C16783" t="s">
        <v>117</v>
      </c>
      <c r="D16783" t="s">
        <v>118</v>
      </c>
      <c r="E16783" s="6">
        <v>2021</v>
      </c>
      <c r="F16783" s="6">
        <v>2021</v>
      </c>
      <c r="G16783" t="s">
        <v>14</v>
      </c>
      <c r="H16783" t="s">
        <v>122</v>
      </c>
      <c r="I16783" t="s">
        <v>15</v>
      </c>
      <c r="J16783" s="10">
        <v>22.576497172319947</v>
      </c>
    </row>
    <row r="16784" spans="1:10" x14ac:dyDescent="0.35">
      <c r="A16784" t="s">
        <v>35</v>
      </c>
      <c r="B16784" t="s">
        <v>87</v>
      </c>
      <c r="C16784" t="s">
        <v>117</v>
      </c>
      <c r="D16784" t="s">
        <v>118</v>
      </c>
      <c r="E16784" s="6">
        <v>2021</v>
      </c>
      <c r="F16784" s="6">
        <v>2021</v>
      </c>
      <c r="G16784" t="s">
        <v>14</v>
      </c>
      <c r="H16784" t="s">
        <v>122</v>
      </c>
      <c r="I16784" t="s">
        <v>15</v>
      </c>
      <c r="J16784" s="10">
        <v>21.861072345023185</v>
      </c>
    </row>
    <row r="16785" spans="1:10" x14ac:dyDescent="0.35">
      <c r="A16785" t="s">
        <v>35</v>
      </c>
      <c r="B16785" t="s">
        <v>88</v>
      </c>
      <c r="C16785" t="s">
        <v>117</v>
      </c>
      <c r="D16785" t="s">
        <v>118</v>
      </c>
      <c r="E16785" s="6">
        <v>2021</v>
      </c>
      <c r="F16785" s="6">
        <v>2021</v>
      </c>
      <c r="G16785" t="s">
        <v>14</v>
      </c>
      <c r="H16785" t="s">
        <v>122</v>
      </c>
      <c r="I16785" t="s">
        <v>15</v>
      </c>
      <c r="J16785" s="10">
        <v>22.705893984548243</v>
      </c>
    </row>
    <row r="16786" spans="1:10" x14ac:dyDescent="0.35">
      <c r="A16786" t="s">
        <v>62</v>
      </c>
      <c r="B16786" t="s">
        <v>89</v>
      </c>
      <c r="C16786" t="s">
        <v>117</v>
      </c>
      <c r="D16786" t="s">
        <v>118</v>
      </c>
      <c r="E16786" s="6">
        <v>2021</v>
      </c>
      <c r="F16786" s="6">
        <v>2021</v>
      </c>
      <c r="G16786" t="s">
        <v>14</v>
      </c>
      <c r="H16786" t="s">
        <v>122</v>
      </c>
      <c r="I16786" t="s">
        <v>15</v>
      </c>
      <c r="J16786" s="10">
        <v>21.263894606834089</v>
      </c>
    </row>
    <row r="16787" spans="1:10" x14ac:dyDescent="0.35">
      <c r="A16787" t="s">
        <v>26</v>
      </c>
      <c r="B16787" t="s">
        <v>90</v>
      </c>
      <c r="C16787" t="s">
        <v>117</v>
      </c>
      <c r="D16787" t="s">
        <v>118</v>
      </c>
      <c r="E16787" s="6">
        <v>2021</v>
      </c>
      <c r="F16787" s="6">
        <v>2021</v>
      </c>
      <c r="G16787" t="s">
        <v>14</v>
      </c>
      <c r="H16787" t="s">
        <v>122</v>
      </c>
      <c r="I16787" t="s">
        <v>15</v>
      </c>
      <c r="J16787" s="10">
        <v>21.503923278116826</v>
      </c>
    </row>
    <row r="16788" spans="1:10" x14ac:dyDescent="0.35">
      <c r="A16788" t="s">
        <v>26</v>
      </c>
      <c r="B16788" t="s">
        <v>91</v>
      </c>
      <c r="C16788" t="s">
        <v>117</v>
      </c>
      <c r="D16788" t="s">
        <v>118</v>
      </c>
      <c r="E16788" s="6">
        <v>2021</v>
      </c>
      <c r="F16788" s="6">
        <v>2021</v>
      </c>
      <c r="G16788" t="s">
        <v>14</v>
      </c>
      <c r="H16788" t="s">
        <v>122</v>
      </c>
      <c r="I16788" t="s">
        <v>15</v>
      </c>
      <c r="J16788" s="10">
        <v>24.078691079080638</v>
      </c>
    </row>
    <row r="16789" spans="1:10" x14ac:dyDescent="0.35">
      <c r="A16789" t="s">
        <v>33</v>
      </c>
      <c r="B16789" t="s">
        <v>92</v>
      </c>
      <c r="C16789" t="s">
        <v>117</v>
      </c>
      <c r="D16789" t="s">
        <v>118</v>
      </c>
      <c r="E16789" s="6">
        <v>2021</v>
      </c>
      <c r="F16789" s="6">
        <v>2021</v>
      </c>
      <c r="G16789" t="s">
        <v>14</v>
      </c>
      <c r="H16789" t="s">
        <v>122</v>
      </c>
      <c r="I16789" t="s">
        <v>15</v>
      </c>
      <c r="J16789" s="10">
        <v>21.731255375153111</v>
      </c>
    </row>
    <row r="16790" spans="1:10" x14ac:dyDescent="0.35">
      <c r="A16790" t="s">
        <v>35</v>
      </c>
      <c r="B16790" t="s">
        <v>93</v>
      </c>
      <c r="C16790" t="s">
        <v>117</v>
      </c>
      <c r="D16790" t="s">
        <v>118</v>
      </c>
      <c r="E16790" s="6">
        <v>2021</v>
      </c>
      <c r="F16790" s="6">
        <v>2021</v>
      </c>
      <c r="G16790" t="s">
        <v>14</v>
      </c>
      <c r="H16790" t="s">
        <v>122</v>
      </c>
      <c r="I16790" t="s">
        <v>15</v>
      </c>
      <c r="J16790" s="10">
        <v>22.118186119481038</v>
      </c>
    </row>
    <row r="16791" spans="1:10" x14ac:dyDescent="0.35">
      <c r="A16791" t="s">
        <v>20</v>
      </c>
      <c r="B16791" t="s">
        <v>94</v>
      </c>
      <c r="C16791" t="s">
        <v>117</v>
      </c>
      <c r="D16791" t="s">
        <v>118</v>
      </c>
      <c r="E16791" s="6">
        <v>2021</v>
      </c>
      <c r="F16791" s="6">
        <v>2021</v>
      </c>
      <c r="G16791" t="s">
        <v>14</v>
      </c>
      <c r="H16791" t="s">
        <v>122</v>
      </c>
      <c r="I16791" t="s">
        <v>15</v>
      </c>
      <c r="J16791" s="10">
        <v>22.018743361166017</v>
      </c>
    </row>
    <row r="16792" spans="1:10" x14ac:dyDescent="0.35">
      <c r="A16792" t="s">
        <v>10</v>
      </c>
      <c r="B16792" t="s">
        <v>11</v>
      </c>
      <c r="C16792" t="s">
        <v>117</v>
      </c>
      <c r="D16792" t="s">
        <v>118</v>
      </c>
      <c r="E16792" s="6">
        <v>2021</v>
      </c>
      <c r="F16792" s="6">
        <v>2021</v>
      </c>
      <c r="G16792" t="s">
        <v>14</v>
      </c>
      <c r="H16792" t="s">
        <v>123</v>
      </c>
      <c r="I16792" t="s">
        <v>15</v>
      </c>
      <c r="J16792" s="10">
        <v>10.359095427435387</v>
      </c>
    </row>
    <row r="16793" spans="1:10" x14ac:dyDescent="0.35">
      <c r="A16793" t="s">
        <v>10</v>
      </c>
      <c r="B16793" t="s">
        <v>16</v>
      </c>
      <c r="C16793" t="s">
        <v>117</v>
      </c>
      <c r="D16793" t="s">
        <v>118</v>
      </c>
      <c r="E16793" s="6">
        <v>2021</v>
      </c>
      <c r="F16793" s="6">
        <v>2021</v>
      </c>
      <c r="G16793" t="s">
        <v>14</v>
      </c>
      <c r="H16793" t="s">
        <v>123</v>
      </c>
      <c r="I16793" t="s">
        <v>15</v>
      </c>
      <c r="J16793" s="10">
        <v>16.820766378244748</v>
      </c>
    </row>
    <row r="16794" spans="1:10" x14ac:dyDescent="0.35">
      <c r="A16794" t="s">
        <v>10</v>
      </c>
      <c r="B16794" t="s">
        <v>17</v>
      </c>
      <c r="C16794" t="s">
        <v>117</v>
      </c>
      <c r="D16794" t="s">
        <v>118</v>
      </c>
      <c r="E16794" s="6">
        <v>2021</v>
      </c>
      <c r="F16794" s="6">
        <v>2021</v>
      </c>
      <c r="G16794" t="s">
        <v>14</v>
      </c>
      <c r="H16794" t="s">
        <v>123</v>
      </c>
      <c r="I16794" t="s">
        <v>15</v>
      </c>
      <c r="J16794" s="10">
        <v>15.565463138917313</v>
      </c>
    </row>
    <row r="16795" spans="1:10" x14ac:dyDescent="0.35">
      <c r="A16795" t="s">
        <v>10</v>
      </c>
      <c r="B16795" t="s">
        <v>18</v>
      </c>
      <c r="C16795" t="s">
        <v>117</v>
      </c>
      <c r="D16795" t="s">
        <v>118</v>
      </c>
      <c r="E16795" s="6">
        <v>2021</v>
      </c>
      <c r="F16795" s="6">
        <v>2021</v>
      </c>
      <c r="G16795" t="s">
        <v>14</v>
      </c>
      <c r="H16795" t="s">
        <v>123</v>
      </c>
      <c r="I16795" t="s">
        <v>15</v>
      </c>
      <c r="J16795" s="10">
        <v>17.975002138135789</v>
      </c>
    </row>
    <row r="16796" spans="1:10" x14ac:dyDescent="0.35">
      <c r="A16796" t="s">
        <v>10</v>
      </c>
      <c r="B16796" t="s">
        <v>19</v>
      </c>
      <c r="C16796" t="s">
        <v>117</v>
      </c>
      <c r="D16796" t="s">
        <v>118</v>
      </c>
      <c r="E16796" s="6">
        <v>2021</v>
      </c>
      <c r="F16796" s="6">
        <v>2021</v>
      </c>
      <c r="G16796" t="s">
        <v>14</v>
      </c>
      <c r="H16796" t="s">
        <v>123</v>
      </c>
      <c r="I16796" t="s">
        <v>15</v>
      </c>
      <c r="J16796" s="10">
        <v>18.729633202116844</v>
      </c>
    </row>
    <row r="16797" spans="1:10" x14ac:dyDescent="0.35">
      <c r="A16797" t="s">
        <v>20</v>
      </c>
      <c r="B16797" t="s">
        <v>21</v>
      </c>
      <c r="C16797" t="s">
        <v>117</v>
      </c>
      <c r="D16797" t="s">
        <v>118</v>
      </c>
      <c r="E16797" s="6">
        <v>2021</v>
      </c>
      <c r="F16797" s="6">
        <v>2021</v>
      </c>
      <c r="G16797" t="s">
        <v>14</v>
      </c>
      <c r="H16797" t="s">
        <v>123</v>
      </c>
      <c r="I16797" t="s">
        <v>15</v>
      </c>
      <c r="J16797" s="10">
        <v>15.797844393007768</v>
      </c>
    </row>
    <row r="16798" spans="1:10" x14ac:dyDescent="0.35">
      <c r="A16798" t="s">
        <v>22</v>
      </c>
      <c r="B16798" t="s">
        <v>23</v>
      </c>
      <c r="C16798" t="s">
        <v>117</v>
      </c>
      <c r="D16798" t="s">
        <v>118</v>
      </c>
      <c r="E16798" s="6">
        <v>2021</v>
      </c>
      <c r="F16798" s="6">
        <v>2021</v>
      </c>
      <c r="G16798" t="s">
        <v>14</v>
      </c>
      <c r="H16798" t="s">
        <v>123</v>
      </c>
      <c r="I16798" t="s">
        <v>15</v>
      </c>
      <c r="J16798" s="10">
        <v>14.97035740500254</v>
      </c>
    </row>
    <row r="16799" spans="1:10" x14ac:dyDescent="0.35">
      <c r="A16799" t="s">
        <v>10</v>
      </c>
      <c r="B16799" t="s">
        <v>24</v>
      </c>
      <c r="C16799" t="s">
        <v>117</v>
      </c>
      <c r="D16799" t="s">
        <v>118</v>
      </c>
      <c r="E16799" s="6">
        <v>2021</v>
      </c>
      <c r="F16799" s="6">
        <v>2021</v>
      </c>
      <c r="G16799" t="s">
        <v>14</v>
      </c>
      <c r="H16799" t="s">
        <v>123</v>
      </c>
      <c r="I16799" t="s">
        <v>15</v>
      </c>
      <c r="J16799" s="10">
        <v>19.622475856014045</v>
      </c>
    </row>
    <row r="16800" spans="1:10" x14ac:dyDescent="0.35">
      <c r="A16800" t="s">
        <v>10</v>
      </c>
      <c r="B16800" t="s">
        <v>25</v>
      </c>
      <c r="C16800" t="s">
        <v>117</v>
      </c>
      <c r="D16800" t="s">
        <v>118</v>
      </c>
      <c r="E16800" s="6">
        <v>2021</v>
      </c>
      <c r="F16800" s="6">
        <v>2021</v>
      </c>
      <c r="G16800" t="s">
        <v>14</v>
      </c>
      <c r="H16800" t="s">
        <v>123</v>
      </c>
      <c r="I16800" t="s">
        <v>15</v>
      </c>
      <c r="J16800" s="10">
        <v>21.730661835814594</v>
      </c>
    </row>
    <row r="16801" spans="1:10" x14ac:dyDescent="0.35">
      <c r="A16801" t="s">
        <v>26</v>
      </c>
      <c r="B16801" t="s">
        <v>27</v>
      </c>
      <c r="C16801" t="s">
        <v>117</v>
      </c>
      <c r="D16801" t="s">
        <v>118</v>
      </c>
      <c r="E16801" s="6">
        <v>2021</v>
      </c>
      <c r="F16801" s="6">
        <v>2021</v>
      </c>
      <c r="G16801" t="s">
        <v>14</v>
      </c>
      <c r="H16801" t="s">
        <v>123</v>
      </c>
      <c r="I16801" t="s">
        <v>15</v>
      </c>
      <c r="J16801" s="10">
        <v>24.398039280627959</v>
      </c>
    </row>
    <row r="16802" spans="1:10" x14ac:dyDescent="0.35">
      <c r="A16802" t="s">
        <v>28</v>
      </c>
      <c r="B16802" t="s">
        <v>29</v>
      </c>
      <c r="C16802" t="s">
        <v>117</v>
      </c>
      <c r="D16802" t="s">
        <v>118</v>
      </c>
      <c r="E16802" s="6">
        <v>2021</v>
      </c>
      <c r="F16802" s="6">
        <v>2021</v>
      </c>
      <c r="G16802" t="s">
        <v>14</v>
      </c>
      <c r="H16802" t="s">
        <v>123</v>
      </c>
      <c r="I16802" t="s">
        <v>15</v>
      </c>
      <c r="J16802" s="10">
        <v>23.645815190450033</v>
      </c>
    </row>
    <row r="16803" spans="1:10" x14ac:dyDescent="0.35">
      <c r="A16803" t="s">
        <v>10</v>
      </c>
      <c r="B16803" t="s">
        <v>30</v>
      </c>
      <c r="C16803" t="s">
        <v>117</v>
      </c>
      <c r="D16803" t="s">
        <v>118</v>
      </c>
      <c r="E16803" s="6">
        <v>2021</v>
      </c>
      <c r="F16803" s="6">
        <v>2021</v>
      </c>
      <c r="G16803" t="s">
        <v>14</v>
      </c>
      <c r="H16803" t="s">
        <v>123</v>
      </c>
      <c r="I16803" t="s">
        <v>15</v>
      </c>
      <c r="J16803" s="10">
        <v>19.143887371742185</v>
      </c>
    </row>
    <row r="16804" spans="1:10" x14ac:dyDescent="0.35">
      <c r="A16804" t="s">
        <v>26</v>
      </c>
      <c r="B16804" t="s">
        <v>31</v>
      </c>
      <c r="C16804" t="s">
        <v>117</v>
      </c>
      <c r="D16804" t="s">
        <v>118</v>
      </c>
      <c r="E16804" s="6">
        <v>2021</v>
      </c>
      <c r="F16804" s="6">
        <v>2021</v>
      </c>
      <c r="G16804" t="s">
        <v>14</v>
      </c>
      <c r="H16804" t="s">
        <v>123</v>
      </c>
      <c r="I16804" t="s">
        <v>15</v>
      </c>
      <c r="J16804" s="10">
        <v>22.550750220653136</v>
      </c>
    </row>
    <row r="16805" spans="1:10" x14ac:dyDescent="0.35">
      <c r="A16805" t="s">
        <v>28</v>
      </c>
      <c r="B16805" t="s">
        <v>32</v>
      </c>
      <c r="C16805" t="s">
        <v>117</v>
      </c>
      <c r="D16805" t="s">
        <v>118</v>
      </c>
      <c r="E16805" s="6">
        <v>2021</v>
      </c>
      <c r="F16805" s="6">
        <v>2021</v>
      </c>
      <c r="G16805" t="s">
        <v>14</v>
      </c>
      <c r="H16805" t="s">
        <v>123</v>
      </c>
      <c r="I16805" t="s">
        <v>15</v>
      </c>
      <c r="J16805" s="10">
        <v>20.634962077203241</v>
      </c>
    </row>
    <row r="16806" spans="1:10" x14ac:dyDescent="0.35">
      <c r="A16806" t="s">
        <v>33</v>
      </c>
      <c r="B16806" t="s">
        <v>34</v>
      </c>
      <c r="C16806" t="s">
        <v>117</v>
      </c>
      <c r="D16806" t="s">
        <v>118</v>
      </c>
      <c r="E16806" s="6">
        <v>2021</v>
      </c>
      <c r="F16806" s="6">
        <v>2021</v>
      </c>
      <c r="G16806" t="s">
        <v>14</v>
      </c>
      <c r="H16806" t="s">
        <v>123</v>
      </c>
      <c r="I16806" t="s">
        <v>15</v>
      </c>
      <c r="J16806" s="10">
        <v>18.642702290970881</v>
      </c>
    </row>
    <row r="16807" spans="1:10" x14ac:dyDescent="0.35">
      <c r="A16807" t="s">
        <v>35</v>
      </c>
      <c r="B16807" t="s">
        <v>36</v>
      </c>
      <c r="C16807" t="s">
        <v>117</v>
      </c>
      <c r="D16807" t="s">
        <v>118</v>
      </c>
      <c r="E16807" s="6">
        <v>2021</v>
      </c>
      <c r="F16807" s="6">
        <v>2021</v>
      </c>
      <c r="G16807" t="s">
        <v>14</v>
      </c>
      <c r="H16807" t="s">
        <v>123</v>
      </c>
      <c r="I16807" t="s">
        <v>15</v>
      </c>
      <c r="J16807" s="10">
        <v>18.659777493127621</v>
      </c>
    </row>
    <row r="16808" spans="1:10" x14ac:dyDescent="0.35">
      <c r="A16808" t="s">
        <v>28</v>
      </c>
      <c r="B16808" t="s">
        <v>37</v>
      </c>
      <c r="C16808" t="s">
        <v>117</v>
      </c>
      <c r="D16808" t="s">
        <v>118</v>
      </c>
      <c r="E16808" s="6">
        <v>2021</v>
      </c>
      <c r="F16808" s="6">
        <v>2021</v>
      </c>
      <c r="G16808" t="s">
        <v>14</v>
      </c>
      <c r="H16808" t="s">
        <v>123</v>
      </c>
      <c r="I16808" t="s">
        <v>15</v>
      </c>
      <c r="J16808" s="10">
        <v>19.804460573889259</v>
      </c>
    </row>
    <row r="16809" spans="1:10" x14ac:dyDescent="0.35">
      <c r="A16809" t="s">
        <v>20</v>
      </c>
      <c r="B16809" t="s">
        <v>38</v>
      </c>
      <c r="C16809" t="s">
        <v>117</v>
      </c>
      <c r="D16809" t="s">
        <v>118</v>
      </c>
      <c r="E16809" s="6">
        <v>2021</v>
      </c>
      <c r="F16809" s="6">
        <v>2021</v>
      </c>
      <c r="G16809" t="s">
        <v>14</v>
      </c>
      <c r="H16809" t="s">
        <v>123</v>
      </c>
      <c r="I16809" t="s">
        <v>15</v>
      </c>
      <c r="J16809" s="10">
        <v>14.897188417960555</v>
      </c>
    </row>
    <row r="16810" spans="1:10" x14ac:dyDescent="0.35">
      <c r="A16810" t="s">
        <v>33</v>
      </c>
      <c r="B16810" t="s">
        <v>39</v>
      </c>
      <c r="C16810" t="s">
        <v>117</v>
      </c>
      <c r="D16810" t="s">
        <v>118</v>
      </c>
      <c r="E16810" s="6">
        <v>2021</v>
      </c>
      <c r="F16810" s="6">
        <v>2021</v>
      </c>
      <c r="G16810" t="s">
        <v>14</v>
      </c>
      <c r="H16810" t="s">
        <v>123</v>
      </c>
      <c r="I16810" t="s">
        <v>15</v>
      </c>
      <c r="J16810" s="10">
        <v>17.966805549826052</v>
      </c>
    </row>
    <row r="16811" spans="1:10" x14ac:dyDescent="0.35">
      <c r="A16811" t="s">
        <v>20</v>
      </c>
      <c r="B16811" t="s">
        <v>40</v>
      </c>
      <c r="C16811" t="s">
        <v>117</v>
      </c>
      <c r="D16811" t="s">
        <v>118</v>
      </c>
      <c r="E16811" s="6">
        <v>2021</v>
      </c>
      <c r="F16811" s="6">
        <v>2021</v>
      </c>
      <c r="G16811" t="s">
        <v>14</v>
      </c>
      <c r="H16811" t="s">
        <v>123</v>
      </c>
      <c r="I16811" t="s">
        <v>15</v>
      </c>
      <c r="J16811" s="10">
        <v>17.455418381344305</v>
      </c>
    </row>
    <row r="16812" spans="1:10" x14ac:dyDescent="0.35">
      <c r="A16812" t="s">
        <v>35</v>
      </c>
      <c r="B16812" t="s">
        <v>41</v>
      </c>
      <c r="C16812" t="s">
        <v>117</v>
      </c>
      <c r="D16812" t="s">
        <v>118</v>
      </c>
      <c r="E16812" s="6">
        <v>2021</v>
      </c>
      <c r="F16812" s="6">
        <v>2021</v>
      </c>
      <c r="G16812" t="s">
        <v>14</v>
      </c>
      <c r="H16812" t="s">
        <v>123</v>
      </c>
      <c r="I16812" t="s">
        <v>15</v>
      </c>
      <c r="J16812" s="10">
        <v>23.129756551854598</v>
      </c>
    </row>
    <row r="16813" spans="1:10" x14ac:dyDescent="0.35">
      <c r="A16813" t="s">
        <v>35</v>
      </c>
      <c r="B16813" t="s">
        <v>42</v>
      </c>
      <c r="C16813" t="s">
        <v>117</v>
      </c>
      <c r="D16813" t="s">
        <v>118</v>
      </c>
      <c r="E16813" s="6">
        <v>2021</v>
      </c>
      <c r="F16813" s="6">
        <v>2021</v>
      </c>
      <c r="G16813" t="s">
        <v>14</v>
      </c>
      <c r="H16813" t="s">
        <v>123</v>
      </c>
      <c r="I16813" t="s">
        <v>15</v>
      </c>
      <c r="J16813" s="10">
        <v>18.30562298661048</v>
      </c>
    </row>
    <row r="16814" spans="1:10" x14ac:dyDescent="0.35">
      <c r="A16814" t="s">
        <v>35</v>
      </c>
      <c r="B16814" t="s">
        <v>43</v>
      </c>
      <c r="C16814" t="s">
        <v>117</v>
      </c>
      <c r="D16814" t="s">
        <v>118</v>
      </c>
      <c r="E16814" s="6">
        <v>2021</v>
      </c>
      <c r="F16814" s="6">
        <v>2021</v>
      </c>
      <c r="G16814" t="s">
        <v>14</v>
      </c>
      <c r="H16814" t="s">
        <v>123</v>
      </c>
      <c r="I16814" t="s">
        <v>15</v>
      </c>
      <c r="J16814" s="10">
        <v>18.819178044521443</v>
      </c>
    </row>
    <row r="16815" spans="1:10" x14ac:dyDescent="0.35">
      <c r="A16815" t="s">
        <v>28</v>
      </c>
      <c r="B16815" t="s">
        <v>44</v>
      </c>
      <c r="C16815" t="s">
        <v>117</v>
      </c>
      <c r="D16815" t="s">
        <v>118</v>
      </c>
      <c r="E16815" s="6">
        <v>2021</v>
      </c>
      <c r="F16815" s="6">
        <v>2021</v>
      </c>
      <c r="G16815" t="s">
        <v>14</v>
      </c>
      <c r="H16815" t="s">
        <v>123</v>
      </c>
      <c r="I16815" t="s">
        <v>15</v>
      </c>
      <c r="J16815" s="10">
        <v>23.062570625180669</v>
      </c>
    </row>
    <row r="16816" spans="1:10" x14ac:dyDescent="0.35">
      <c r="A16816" t="s">
        <v>10</v>
      </c>
      <c r="B16816" t="s">
        <v>45</v>
      </c>
      <c r="C16816" t="s">
        <v>117</v>
      </c>
      <c r="D16816" t="s">
        <v>118</v>
      </c>
      <c r="E16816" s="6">
        <v>2021</v>
      </c>
      <c r="F16816" s="6">
        <v>2021</v>
      </c>
      <c r="G16816" t="s">
        <v>14</v>
      </c>
      <c r="H16816" t="s">
        <v>123</v>
      </c>
      <c r="I16816" t="s">
        <v>15</v>
      </c>
      <c r="J16816" s="10">
        <v>16.58432912497009</v>
      </c>
    </row>
    <row r="16817" spans="1:10" x14ac:dyDescent="0.35">
      <c r="A16817" t="s">
        <v>10</v>
      </c>
      <c r="B16817" t="s">
        <v>46</v>
      </c>
      <c r="C16817" t="s">
        <v>117</v>
      </c>
      <c r="D16817" t="s">
        <v>118</v>
      </c>
      <c r="E16817" s="6">
        <v>2021</v>
      </c>
      <c r="F16817" s="6">
        <v>2021</v>
      </c>
      <c r="G16817" t="s">
        <v>14</v>
      </c>
      <c r="H16817" t="s">
        <v>123</v>
      </c>
      <c r="I16817" t="s">
        <v>15</v>
      </c>
      <c r="J16817" s="10">
        <v>14.005295352871357</v>
      </c>
    </row>
    <row r="16818" spans="1:10" x14ac:dyDescent="0.35">
      <c r="A16818" t="s">
        <v>33</v>
      </c>
      <c r="B16818" t="s">
        <v>47</v>
      </c>
      <c r="C16818" t="s">
        <v>117</v>
      </c>
      <c r="D16818" t="s">
        <v>118</v>
      </c>
      <c r="E16818" s="6">
        <v>2021</v>
      </c>
      <c r="F16818" s="6">
        <v>2021</v>
      </c>
      <c r="G16818" t="s">
        <v>14</v>
      </c>
      <c r="H16818" t="s">
        <v>123</v>
      </c>
      <c r="I16818" t="s">
        <v>15</v>
      </c>
      <c r="J16818" s="10">
        <v>17.105562435239708</v>
      </c>
    </row>
    <row r="16819" spans="1:10" x14ac:dyDescent="0.35">
      <c r="A16819" t="s">
        <v>20</v>
      </c>
      <c r="B16819" t="s">
        <v>48</v>
      </c>
      <c r="C16819" t="s">
        <v>117</v>
      </c>
      <c r="D16819" t="s">
        <v>118</v>
      </c>
      <c r="E16819" s="6">
        <v>2021</v>
      </c>
      <c r="F16819" s="6">
        <v>2021</v>
      </c>
      <c r="G16819" t="s">
        <v>14</v>
      </c>
      <c r="H16819" t="s">
        <v>123</v>
      </c>
      <c r="I16819" t="s">
        <v>15</v>
      </c>
      <c r="J16819" s="10">
        <v>16.660276563658204</v>
      </c>
    </row>
    <row r="16820" spans="1:10" x14ac:dyDescent="0.35">
      <c r="A16820" t="s">
        <v>28</v>
      </c>
      <c r="B16820" t="s">
        <v>49</v>
      </c>
      <c r="C16820" t="s">
        <v>117</v>
      </c>
      <c r="D16820" t="s">
        <v>118</v>
      </c>
      <c r="E16820" s="6">
        <v>2021</v>
      </c>
      <c r="F16820" s="6">
        <v>2021</v>
      </c>
      <c r="G16820" t="s">
        <v>14</v>
      </c>
      <c r="H16820" t="s">
        <v>123</v>
      </c>
      <c r="I16820" t="s">
        <v>15</v>
      </c>
      <c r="J16820" s="10">
        <v>19.129966491144089</v>
      </c>
    </row>
    <row r="16821" spans="1:10" x14ac:dyDescent="0.35">
      <c r="A16821" t="s">
        <v>35</v>
      </c>
      <c r="B16821" t="s">
        <v>50</v>
      </c>
      <c r="C16821" t="s">
        <v>117</v>
      </c>
      <c r="D16821" t="s">
        <v>118</v>
      </c>
      <c r="E16821" s="6">
        <v>2021</v>
      </c>
      <c r="F16821" s="6">
        <v>2021</v>
      </c>
      <c r="G16821" t="s">
        <v>14</v>
      </c>
      <c r="H16821" t="s">
        <v>123</v>
      </c>
      <c r="I16821" t="s">
        <v>15</v>
      </c>
      <c r="J16821" s="10">
        <v>17.753240251432388</v>
      </c>
    </row>
    <row r="16822" spans="1:10" x14ac:dyDescent="0.35">
      <c r="A16822" t="s">
        <v>22</v>
      </c>
      <c r="B16822" t="s">
        <v>51</v>
      </c>
      <c r="C16822" t="s">
        <v>117</v>
      </c>
      <c r="D16822" t="s">
        <v>118</v>
      </c>
      <c r="E16822" s="6">
        <v>2021</v>
      </c>
      <c r="F16822" s="6">
        <v>2021</v>
      </c>
      <c r="G16822" t="s">
        <v>14</v>
      </c>
      <c r="H16822" t="s">
        <v>123</v>
      </c>
      <c r="I16822" t="s">
        <v>15</v>
      </c>
      <c r="J16822" s="10">
        <v>9.6444321353245694</v>
      </c>
    </row>
    <row r="16823" spans="1:10" x14ac:dyDescent="0.35">
      <c r="A16823" t="s">
        <v>22</v>
      </c>
      <c r="B16823" t="s">
        <v>52</v>
      </c>
      <c r="C16823" t="s">
        <v>117</v>
      </c>
      <c r="D16823" t="s">
        <v>118</v>
      </c>
      <c r="E16823" s="6">
        <v>2021</v>
      </c>
      <c r="F16823" s="6">
        <v>2021</v>
      </c>
      <c r="G16823" t="s">
        <v>14</v>
      </c>
      <c r="H16823" t="s">
        <v>123</v>
      </c>
      <c r="I16823" t="s">
        <v>15</v>
      </c>
      <c r="J16823" s="10">
        <v>14.496793371152316</v>
      </c>
    </row>
    <row r="16824" spans="1:10" x14ac:dyDescent="0.35">
      <c r="A16824" t="s">
        <v>22</v>
      </c>
      <c r="B16824" t="s">
        <v>53</v>
      </c>
      <c r="C16824" t="s">
        <v>117</v>
      </c>
      <c r="D16824" t="s">
        <v>118</v>
      </c>
      <c r="E16824" s="6">
        <v>2021</v>
      </c>
      <c r="F16824" s="6">
        <v>2021</v>
      </c>
      <c r="G16824" t="s">
        <v>14</v>
      </c>
      <c r="H16824" t="s">
        <v>123</v>
      </c>
      <c r="I16824" t="s">
        <v>15</v>
      </c>
      <c r="J16824" s="10">
        <v>10.226567991069583</v>
      </c>
    </row>
    <row r="16825" spans="1:10" x14ac:dyDescent="0.35">
      <c r="A16825" t="s">
        <v>22</v>
      </c>
      <c r="B16825" t="s">
        <v>54</v>
      </c>
      <c r="C16825" t="s">
        <v>117</v>
      </c>
      <c r="D16825" t="s">
        <v>118</v>
      </c>
      <c r="E16825" s="6">
        <v>2021</v>
      </c>
      <c r="F16825" s="6">
        <v>2021</v>
      </c>
      <c r="G16825" t="s">
        <v>14</v>
      </c>
      <c r="H16825" t="s">
        <v>123</v>
      </c>
      <c r="I16825" t="s">
        <v>15</v>
      </c>
      <c r="J16825" s="10">
        <v>15.873506386485372</v>
      </c>
    </row>
    <row r="16826" spans="1:10" x14ac:dyDescent="0.35">
      <c r="A16826" t="s">
        <v>22</v>
      </c>
      <c r="B16826" t="s">
        <v>55</v>
      </c>
      <c r="C16826" t="s">
        <v>117</v>
      </c>
      <c r="D16826" t="s">
        <v>118</v>
      </c>
      <c r="E16826" s="6">
        <v>2021</v>
      </c>
      <c r="F16826" s="6">
        <v>2021</v>
      </c>
      <c r="G16826" t="s">
        <v>14</v>
      </c>
      <c r="H16826" t="s">
        <v>123</v>
      </c>
      <c r="I16826" t="s">
        <v>15</v>
      </c>
      <c r="J16826" s="10">
        <v>14.253396492894549</v>
      </c>
    </row>
    <row r="16827" spans="1:10" x14ac:dyDescent="0.35">
      <c r="A16827" t="s">
        <v>22</v>
      </c>
      <c r="B16827" t="s">
        <v>56</v>
      </c>
      <c r="C16827" t="s">
        <v>117</v>
      </c>
      <c r="D16827" t="s">
        <v>118</v>
      </c>
      <c r="E16827" s="6">
        <v>2021</v>
      </c>
      <c r="F16827" s="6">
        <v>2021</v>
      </c>
      <c r="G16827" t="s">
        <v>14</v>
      </c>
      <c r="H16827" t="s">
        <v>123</v>
      </c>
      <c r="I16827" t="s">
        <v>15</v>
      </c>
      <c r="J16827" s="10">
        <v>15.856596779798448</v>
      </c>
    </row>
    <row r="16828" spans="1:10" x14ac:dyDescent="0.35">
      <c r="A16828" t="s">
        <v>28</v>
      </c>
      <c r="B16828" t="s">
        <v>58</v>
      </c>
      <c r="C16828" t="s">
        <v>117</v>
      </c>
      <c r="D16828" t="s">
        <v>118</v>
      </c>
      <c r="E16828" s="6">
        <v>2021</v>
      </c>
      <c r="F16828" s="6">
        <v>2021</v>
      </c>
      <c r="G16828" t="s">
        <v>14</v>
      </c>
      <c r="H16828" t="s">
        <v>123</v>
      </c>
      <c r="I16828" t="s">
        <v>15</v>
      </c>
      <c r="J16828" s="10">
        <v>24.322935779816511</v>
      </c>
    </row>
    <row r="16829" spans="1:10" x14ac:dyDescent="0.35">
      <c r="A16829" t="s">
        <v>20</v>
      </c>
      <c r="B16829" t="s">
        <v>59</v>
      </c>
      <c r="C16829" t="s">
        <v>117</v>
      </c>
      <c r="D16829" t="s">
        <v>118</v>
      </c>
      <c r="E16829" s="6">
        <v>2021</v>
      </c>
      <c r="F16829" s="6">
        <v>2021</v>
      </c>
      <c r="G16829" t="s">
        <v>14</v>
      </c>
      <c r="H16829" t="s">
        <v>123</v>
      </c>
      <c r="I16829" t="s">
        <v>15</v>
      </c>
      <c r="J16829" s="10">
        <v>17.432511119095111</v>
      </c>
    </row>
    <row r="16830" spans="1:10" x14ac:dyDescent="0.35">
      <c r="A16830" t="s">
        <v>20</v>
      </c>
      <c r="B16830" t="s">
        <v>60</v>
      </c>
      <c r="C16830" t="s">
        <v>117</v>
      </c>
      <c r="D16830" t="s">
        <v>118</v>
      </c>
      <c r="E16830" s="6">
        <v>2021</v>
      </c>
      <c r="F16830" s="6">
        <v>2021</v>
      </c>
      <c r="G16830" t="s">
        <v>14</v>
      </c>
      <c r="H16830" t="s">
        <v>123</v>
      </c>
      <c r="I16830" t="s">
        <v>15</v>
      </c>
      <c r="J16830" s="10">
        <v>16.872335371266395</v>
      </c>
    </row>
    <row r="16831" spans="1:10" x14ac:dyDescent="0.35">
      <c r="A16831" t="s">
        <v>28</v>
      </c>
      <c r="B16831" t="s">
        <v>61</v>
      </c>
      <c r="C16831" t="s">
        <v>117</v>
      </c>
      <c r="D16831" t="s">
        <v>118</v>
      </c>
      <c r="E16831" s="6">
        <v>2021</v>
      </c>
      <c r="F16831" s="6">
        <v>2021</v>
      </c>
      <c r="G16831" t="s">
        <v>14</v>
      </c>
      <c r="H16831" t="s">
        <v>123</v>
      </c>
      <c r="I16831" t="s">
        <v>15</v>
      </c>
      <c r="J16831" s="10">
        <v>23.681965769632932</v>
      </c>
    </row>
    <row r="16832" spans="1:10" x14ac:dyDescent="0.35">
      <c r="A16832" t="s">
        <v>62</v>
      </c>
      <c r="B16832" t="s">
        <v>63</v>
      </c>
      <c r="C16832" t="s">
        <v>117</v>
      </c>
      <c r="D16832" t="s">
        <v>118</v>
      </c>
      <c r="E16832" s="6">
        <v>2021</v>
      </c>
      <c r="F16832" s="6">
        <v>2021</v>
      </c>
      <c r="G16832" t="s">
        <v>14</v>
      </c>
      <c r="H16832" t="s">
        <v>123</v>
      </c>
      <c r="I16832" t="s">
        <v>15</v>
      </c>
      <c r="J16832" s="10">
        <v>13.217724857154273</v>
      </c>
    </row>
    <row r="16833" spans="1:10" x14ac:dyDescent="0.35">
      <c r="A16833" t="s">
        <v>62</v>
      </c>
      <c r="B16833" t="s">
        <v>64</v>
      </c>
      <c r="C16833" t="s">
        <v>117</v>
      </c>
      <c r="D16833" t="s">
        <v>118</v>
      </c>
      <c r="E16833" s="6">
        <v>2021</v>
      </c>
      <c r="F16833" s="6">
        <v>2021</v>
      </c>
      <c r="G16833" t="s">
        <v>14</v>
      </c>
      <c r="H16833" t="s">
        <v>123</v>
      </c>
      <c r="I16833" t="s">
        <v>15</v>
      </c>
      <c r="J16833" s="10">
        <v>14.259843673018283</v>
      </c>
    </row>
    <row r="16834" spans="1:10" x14ac:dyDescent="0.35">
      <c r="A16834" t="s">
        <v>62</v>
      </c>
      <c r="B16834" t="s">
        <v>65</v>
      </c>
      <c r="C16834" t="s">
        <v>117</v>
      </c>
      <c r="D16834" t="s">
        <v>118</v>
      </c>
      <c r="E16834" s="6">
        <v>2021</v>
      </c>
      <c r="F16834" s="6">
        <v>2021</v>
      </c>
      <c r="G16834" t="s">
        <v>14</v>
      </c>
      <c r="H16834" t="s">
        <v>123</v>
      </c>
      <c r="I16834" t="s">
        <v>15</v>
      </c>
      <c r="J16834" s="10">
        <v>7.651167983328194</v>
      </c>
    </row>
    <row r="16835" spans="1:10" x14ac:dyDescent="0.35">
      <c r="A16835" t="s">
        <v>62</v>
      </c>
      <c r="B16835" t="s">
        <v>66</v>
      </c>
      <c r="C16835" t="s">
        <v>117</v>
      </c>
      <c r="D16835" t="s">
        <v>118</v>
      </c>
      <c r="E16835" s="6">
        <v>2021</v>
      </c>
      <c r="F16835" s="6">
        <v>2021</v>
      </c>
      <c r="G16835" t="s">
        <v>14</v>
      </c>
      <c r="H16835" t="s">
        <v>123</v>
      </c>
      <c r="I16835" t="s">
        <v>15</v>
      </c>
      <c r="J16835" s="10">
        <v>12.682784427164883</v>
      </c>
    </row>
    <row r="16836" spans="1:10" x14ac:dyDescent="0.35">
      <c r="A16836" t="s">
        <v>62</v>
      </c>
      <c r="B16836" t="s">
        <v>67</v>
      </c>
      <c r="C16836" t="s">
        <v>117</v>
      </c>
      <c r="D16836" t="s">
        <v>118</v>
      </c>
      <c r="E16836" s="6">
        <v>2021</v>
      </c>
      <c r="F16836" s="6">
        <v>2021</v>
      </c>
      <c r="G16836" t="s">
        <v>14</v>
      </c>
      <c r="H16836" t="s">
        <v>123</v>
      </c>
      <c r="I16836" t="s">
        <v>15</v>
      </c>
      <c r="J16836" s="10">
        <v>13.098070798403924</v>
      </c>
    </row>
    <row r="16837" spans="1:10" x14ac:dyDescent="0.35">
      <c r="A16837" t="s">
        <v>62</v>
      </c>
      <c r="B16837" t="s">
        <v>68</v>
      </c>
      <c r="C16837" t="s">
        <v>117</v>
      </c>
      <c r="D16837" t="s">
        <v>118</v>
      </c>
      <c r="E16837" s="6">
        <v>2021</v>
      </c>
      <c r="F16837" s="6">
        <v>2021</v>
      </c>
      <c r="G16837" t="s">
        <v>14</v>
      </c>
      <c r="H16837" t="s">
        <v>123</v>
      </c>
      <c r="I16837" t="s">
        <v>15</v>
      </c>
      <c r="J16837" s="10">
        <v>11.966710693356244</v>
      </c>
    </row>
    <row r="16838" spans="1:10" x14ac:dyDescent="0.35">
      <c r="A16838" t="s">
        <v>62</v>
      </c>
      <c r="B16838" t="s">
        <v>69</v>
      </c>
      <c r="C16838" t="s">
        <v>117</v>
      </c>
      <c r="D16838" t="s">
        <v>118</v>
      </c>
      <c r="E16838" s="6">
        <v>2021</v>
      </c>
      <c r="F16838" s="6">
        <v>2021</v>
      </c>
      <c r="G16838" t="s">
        <v>14</v>
      </c>
      <c r="H16838" t="s">
        <v>123</v>
      </c>
      <c r="I16838" t="s">
        <v>15</v>
      </c>
      <c r="J16838" s="10">
        <v>12.69775793458216</v>
      </c>
    </row>
    <row r="16839" spans="1:10" x14ac:dyDescent="0.35">
      <c r="A16839" t="s">
        <v>62</v>
      </c>
      <c r="B16839" t="s">
        <v>70</v>
      </c>
      <c r="C16839" t="s">
        <v>117</v>
      </c>
      <c r="D16839" t="s">
        <v>118</v>
      </c>
      <c r="E16839" s="6">
        <v>2021</v>
      </c>
      <c r="F16839" s="6">
        <v>2021</v>
      </c>
      <c r="G16839" t="s">
        <v>14</v>
      </c>
      <c r="H16839" t="s">
        <v>123</v>
      </c>
      <c r="I16839" t="s">
        <v>15</v>
      </c>
      <c r="J16839" s="10">
        <v>10.304868883149537</v>
      </c>
    </row>
    <row r="16840" spans="1:10" x14ac:dyDescent="0.35">
      <c r="A16840" t="s">
        <v>35</v>
      </c>
      <c r="B16840" t="s">
        <v>71</v>
      </c>
      <c r="C16840" t="s">
        <v>117</v>
      </c>
      <c r="D16840" t="s">
        <v>118</v>
      </c>
      <c r="E16840" s="6">
        <v>2021</v>
      </c>
      <c r="F16840" s="6">
        <v>2021</v>
      </c>
      <c r="G16840" t="s">
        <v>14</v>
      </c>
      <c r="H16840" t="s">
        <v>123</v>
      </c>
      <c r="I16840" t="s">
        <v>15</v>
      </c>
      <c r="J16840" s="10">
        <v>18.704673368241256</v>
      </c>
    </row>
    <row r="16841" spans="1:10" x14ac:dyDescent="0.35">
      <c r="A16841" t="s">
        <v>20</v>
      </c>
      <c r="B16841" t="s">
        <v>72</v>
      </c>
      <c r="C16841" t="s">
        <v>117</v>
      </c>
      <c r="D16841" t="s">
        <v>118</v>
      </c>
      <c r="E16841" s="6">
        <v>2021</v>
      </c>
      <c r="F16841" s="6">
        <v>2021</v>
      </c>
      <c r="G16841" t="s">
        <v>14</v>
      </c>
      <c r="H16841" t="s">
        <v>123</v>
      </c>
      <c r="I16841" t="s">
        <v>15</v>
      </c>
      <c r="J16841" s="10">
        <v>17.186438420035969</v>
      </c>
    </row>
    <row r="16842" spans="1:10" x14ac:dyDescent="0.35">
      <c r="A16842" t="s">
        <v>26</v>
      </c>
      <c r="B16842" t="s">
        <v>73</v>
      </c>
      <c r="C16842" t="s">
        <v>117</v>
      </c>
      <c r="D16842" t="s">
        <v>118</v>
      </c>
      <c r="E16842" s="6">
        <v>2021</v>
      </c>
      <c r="F16842" s="6">
        <v>2021</v>
      </c>
      <c r="G16842" t="s">
        <v>14</v>
      </c>
      <c r="H16842" t="s">
        <v>123</v>
      </c>
      <c r="I16842" t="s">
        <v>15</v>
      </c>
      <c r="J16842" s="10">
        <v>17.900092506938019</v>
      </c>
    </row>
    <row r="16843" spans="1:10" x14ac:dyDescent="0.35">
      <c r="A16843" t="s">
        <v>28</v>
      </c>
      <c r="B16843" t="s">
        <v>74</v>
      </c>
      <c r="C16843" t="s">
        <v>117</v>
      </c>
      <c r="D16843" t="s">
        <v>118</v>
      </c>
      <c r="E16843" s="6">
        <v>2021</v>
      </c>
      <c r="F16843" s="6">
        <v>2021</v>
      </c>
      <c r="G16843" t="s">
        <v>14</v>
      </c>
      <c r="H16843" t="s">
        <v>123</v>
      </c>
      <c r="I16843" t="s">
        <v>15</v>
      </c>
      <c r="J16843" s="10">
        <v>18.05522180035565</v>
      </c>
    </row>
    <row r="16844" spans="1:10" x14ac:dyDescent="0.35">
      <c r="A16844" t="s">
        <v>33</v>
      </c>
      <c r="B16844" t="s">
        <v>75</v>
      </c>
      <c r="C16844" t="s">
        <v>117</v>
      </c>
      <c r="D16844" t="s">
        <v>118</v>
      </c>
      <c r="E16844" s="6">
        <v>2021</v>
      </c>
      <c r="F16844" s="6">
        <v>2021</v>
      </c>
      <c r="G16844" t="s">
        <v>14</v>
      </c>
      <c r="H16844" t="s">
        <v>123</v>
      </c>
      <c r="I16844" t="s">
        <v>15</v>
      </c>
      <c r="J16844" s="10">
        <v>18.670729384879071</v>
      </c>
    </row>
    <row r="16845" spans="1:10" x14ac:dyDescent="0.35">
      <c r="A16845" t="s">
        <v>22</v>
      </c>
      <c r="B16845" t="s">
        <v>76</v>
      </c>
      <c r="C16845" t="s">
        <v>117</v>
      </c>
      <c r="D16845" t="s">
        <v>118</v>
      </c>
      <c r="E16845" s="6">
        <v>2021</v>
      </c>
      <c r="F16845" s="6">
        <v>2021</v>
      </c>
      <c r="G16845" t="s">
        <v>14</v>
      </c>
      <c r="H16845" t="s">
        <v>123</v>
      </c>
      <c r="I16845" t="s">
        <v>15</v>
      </c>
      <c r="J16845" s="10">
        <v>15.432105127544446</v>
      </c>
    </row>
    <row r="16846" spans="1:10" x14ac:dyDescent="0.35">
      <c r="A16846" t="s">
        <v>33</v>
      </c>
      <c r="B16846" t="s">
        <v>77</v>
      </c>
      <c r="C16846" t="s">
        <v>117</v>
      </c>
      <c r="D16846" t="s">
        <v>118</v>
      </c>
      <c r="E16846" s="6">
        <v>2021</v>
      </c>
      <c r="F16846" s="6">
        <v>2021</v>
      </c>
      <c r="G16846" t="s">
        <v>14</v>
      </c>
      <c r="H16846" t="s">
        <v>123</v>
      </c>
      <c r="I16846" t="s">
        <v>15</v>
      </c>
      <c r="J16846" s="10">
        <v>19.398147481237125</v>
      </c>
    </row>
    <row r="16847" spans="1:10" x14ac:dyDescent="0.35">
      <c r="A16847" t="s">
        <v>22</v>
      </c>
      <c r="B16847" t="s">
        <v>78</v>
      </c>
      <c r="C16847" t="s">
        <v>117</v>
      </c>
      <c r="D16847" t="s">
        <v>118</v>
      </c>
      <c r="E16847" s="6">
        <v>2021</v>
      </c>
      <c r="F16847" s="6">
        <v>2021</v>
      </c>
      <c r="G16847" t="s">
        <v>14</v>
      </c>
      <c r="H16847" t="s">
        <v>123</v>
      </c>
      <c r="I16847" t="s">
        <v>15</v>
      </c>
      <c r="J16847" s="10">
        <v>16.27981284948077</v>
      </c>
    </row>
    <row r="16848" spans="1:10" x14ac:dyDescent="0.35">
      <c r="A16848" t="s">
        <v>28</v>
      </c>
      <c r="B16848" t="s">
        <v>79</v>
      </c>
      <c r="C16848" t="s">
        <v>117</v>
      </c>
      <c r="D16848" t="s">
        <v>118</v>
      </c>
      <c r="E16848" s="6">
        <v>2021</v>
      </c>
      <c r="F16848" s="6">
        <v>2021</v>
      </c>
      <c r="G16848" t="s">
        <v>14</v>
      </c>
      <c r="H16848" t="s">
        <v>123</v>
      </c>
      <c r="I16848" t="s">
        <v>15</v>
      </c>
      <c r="J16848" s="10">
        <v>19.016859136663992</v>
      </c>
    </row>
    <row r="16849" spans="1:10" x14ac:dyDescent="0.35">
      <c r="A16849" t="s">
        <v>26</v>
      </c>
      <c r="B16849" t="s">
        <v>80</v>
      </c>
      <c r="C16849" t="s">
        <v>117</v>
      </c>
      <c r="D16849" t="s">
        <v>118</v>
      </c>
      <c r="E16849" s="6">
        <v>2021</v>
      </c>
      <c r="F16849" s="6">
        <v>2021</v>
      </c>
      <c r="G16849" t="s">
        <v>14</v>
      </c>
      <c r="H16849" t="s">
        <v>123</v>
      </c>
      <c r="I16849" t="s">
        <v>15</v>
      </c>
      <c r="J16849" s="10">
        <v>19.164694863452628</v>
      </c>
    </row>
    <row r="16850" spans="1:10" x14ac:dyDescent="0.35">
      <c r="A16850" t="s">
        <v>20</v>
      </c>
      <c r="B16850" t="s">
        <v>81</v>
      </c>
      <c r="C16850" t="s">
        <v>117</v>
      </c>
      <c r="D16850" t="s">
        <v>118</v>
      </c>
      <c r="E16850" s="6">
        <v>2021</v>
      </c>
      <c r="F16850" s="6">
        <v>2021</v>
      </c>
      <c r="G16850" t="s">
        <v>14</v>
      </c>
      <c r="H16850" t="s">
        <v>123</v>
      </c>
      <c r="I16850" t="s">
        <v>15</v>
      </c>
      <c r="J16850" s="10">
        <v>15.980347199475926</v>
      </c>
    </row>
    <row r="16851" spans="1:10" x14ac:dyDescent="0.35">
      <c r="A16851" t="s">
        <v>26</v>
      </c>
      <c r="B16851" t="s">
        <v>57</v>
      </c>
      <c r="C16851" t="s">
        <v>117</v>
      </c>
      <c r="D16851" t="s">
        <v>118</v>
      </c>
      <c r="E16851" s="6">
        <v>2021</v>
      </c>
      <c r="F16851" s="6">
        <v>2021</v>
      </c>
      <c r="G16851" t="s">
        <v>14</v>
      </c>
      <c r="H16851" t="s">
        <v>123</v>
      </c>
      <c r="I16851" t="s">
        <v>15</v>
      </c>
      <c r="J16851" s="10">
        <v>23.048048048048049</v>
      </c>
    </row>
    <row r="16852" spans="1:10" x14ac:dyDescent="0.35">
      <c r="A16852" t="s">
        <v>33</v>
      </c>
      <c r="B16852" t="s">
        <v>82</v>
      </c>
      <c r="C16852" t="s">
        <v>117</v>
      </c>
      <c r="D16852" t="s">
        <v>118</v>
      </c>
      <c r="E16852" s="6">
        <v>2021</v>
      </c>
      <c r="F16852" s="6">
        <v>2021</v>
      </c>
      <c r="G16852" t="s">
        <v>14</v>
      </c>
      <c r="H16852" t="s">
        <v>123</v>
      </c>
      <c r="I16852" t="s">
        <v>15</v>
      </c>
      <c r="J16852" s="10">
        <v>20.419093526143133</v>
      </c>
    </row>
    <row r="16853" spans="1:10" x14ac:dyDescent="0.35">
      <c r="A16853" t="s">
        <v>26</v>
      </c>
      <c r="B16853" t="s">
        <v>83</v>
      </c>
      <c r="C16853" t="s">
        <v>117</v>
      </c>
      <c r="D16853" t="s">
        <v>118</v>
      </c>
      <c r="E16853" s="6">
        <v>2021</v>
      </c>
      <c r="F16853" s="6">
        <v>2021</v>
      </c>
      <c r="G16853" t="s">
        <v>14</v>
      </c>
      <c r="H16853" t="s">
        <v>123</v>
      </c>
      <c r="I16853" t="s">
        <v>15</v>
      </c>
      <c r="J16853" s="10">
        <v>21.632653061224492</v>
      </c>
    </row>
    <row r="16854" spans="1:10" x14ac:dyDescent="0.35">
      <c r="A16854" t="s">
        <v>35</v>
      </c>
      <c r="B16854" t="s">
        <v>84</v>
      </c>
      <c r="C16854" t="s">
        <v>117</v>
      </c>
      <c r="D16854" t="s">
        <v>118</v>
      </c>
      <c r="E16854" s="6">
        <v>2021</v>
      </c>
      <c r="F16854" s="6">
        <v>2021</v>
      </c>
      <c r="G16854" t="s">
        <v>14</v>
      </c>
      <c r="H16854" t="s">
        <v>123</v>
      </c>
      <c r="I16854" t="s">
        <v>15</v>
      </c>
      <c r="J16854" s="10">
        <v>15.817298401568063</v>
      </c>
    </row>
    <row r="16855" spans="1:10" x14ac:dyDescent="0.35">
      <c r="A16855" t="s">
        <v>33</v>
      </c>
      <c r="B16855" t="s">
        <v>85</v>
      </c>
      <c r="C16855" t="s">
        <v>117</v>
      </c>
      <c r="D16855" t="s">
        <v>118</v>
      </c>
      <c r="E16855" s="6">
        <v>2021</v>
      </c>
      <c r="F16855" s="6">
        <v>2021</v>
      </c>
      <c r="G16855" t="s">
        <v>14</v>
      </c>
      <c r="H16855" t="s">
        <v>123</v>
      </c>
      <c r="I16855" t="s">
        <v>15</v>
      </c>
      <c r="J16855" s="10">
        <v>21.735473280060781</v>
      </c>
    </row>
    <row r="16856" spans="1:10" x14ac:dyDescent="0.35">
      <c r="A16856" t="s">
        <v>33</v>
      </c>
      <c r="B16856" t="s">
        <v>86</v>
      </c>
      <c r="C16856" t="s">
        <v>117</v>
      </c>
      <c r="D16856" t="s">
        <v>118</v>
      </c>
      <c r="E16856" s="6">
        <v>2021</v>
      </c>
      <c r="F16856" s="6">
        <v>2021</v>
      </c>
      <c r="G16856" t="s">
        <v>14</v>
      </c>
      <c r="H16856" t="s">
        <v>123</v>
      </c>
      <c r="I16856" t="s">
        <v>15</v>
      </c>
      <c r="J16856" s="10">
        <v>19.81872885482079</v>
      </c>
    </row>
    <row r="16857" spans="1:10" x14ac:dyDescent="0.35">
      <c r="A16857" t="s">
        <v>35</v>
      </c>
      <c r="B16857" t="s">
        <v>87</v>
      </c>
      <c r="C16857" t="s">
        <v>117</v>
      </c>
      <c r="D16857" t="s">
        <v>118</v>
      </c>
      <c r="E16857" s="6">
        <v>2021</v>
      </c>
      <c r="F16857" s="6">
        <v>2021</v>
      </c>
      <c r="G16857" t="s">
        <v>14</v>
      </c>
      <c r="H16857" t="s">
        <v>123</v>
      </c>
      <c r="I16857" t="s">
        <v>15</v>
      </c>
      <c r="J16857" s="10">
        <v>18.661744624018965</v>
      </c>
    </row>
    <row r="16858" spans="1:10" x14ac:dyDescent="0.35">
      <c r="A16858" t="s">
        <v>35</v>
      </c>
      <c r="B16858" t="s">
        <v>88</v>
      </c>
      <c r="C16858" t="s">
        <v>117</v>
      </c>
      <c r="D16858" t="s">
        <v>118</v>
      </c>
      <c r="E16858" s="6">
        <v>2021</v>
      </c>
      <c r="F16858" s="6">
        <v>2021</v>
      </c>
      <c r="G16858" t="s">
        <v>14</v>
      </c>
      <c r="H16858" t="s">
        <v>123</v>
      </c>
      <c r="I16858" t="s">
        <v>15</v>
      </c>
      <c r="J16858" s="10">
        <v>16.666431265095124</v>
      </c>
    </row>
    <row r="16859" spans="1:10" x14ac:dyDescent="0.35">
      <c r="A16859" t="s">
        <v>62</v>
      </c>
      <c r="B16859" t="s">
        <v>89</v>
      </c>
      <c r="C16859" t="s">
        <v>117</v>
      </c>
      <c r="D16859" t="s">
        <v>118</v>
      </c>
      <c r="E16859" s="6">
        <v>2021</v>
      </c>
      <c r="F16859" s="6">
        <v>2021</v>
      </c>
      <c r="G16859" t="s">
        <v>14</v>
      </c>
      <c r="H16859" t="s">
        <v>123</v>
      </c>
      <c r="I16859" t="s">
        <v>15</v>
      </c>
      <c r="J16859" s="10">
        <v>16.966858789625363</v>
      </c>
    </row>
    <row r="16860" spans="1:10" x14ac:dyDescent="0.35">
      <c r="A16860" t="s">
        <v>26</v>
      </c>
      <c r="B16860" t="s">
        <v>90</v>
      </c>
      <c r="C16860" t="s">
        <v>117</v>
      </c>
      <c r="D16860" t="s">
        <v>118</v>
      </c>
      <c r="E16860" s="6">
        <v>2021</v>
      </c>
      <c r="F16860" s="6">
        <v>2021</v>
      </c>
      <c r="G16860" t="s">
        <v>14</v>
      </c>
      <c r="H16860" t="s">
        <v>123</v>
      </c>
      <c r="I16860" t="s">
        <v>15</v>
      </c>
      <c r="J16860" s="10">
        <v>19.036617262423714</v>
      </c>
    </row>
    <row r="16861" spans="1:10" x14ac:dyDescent="0.35">
      <c r="A16861" t="s">
        <v>26</v>
      </c>
      <c r="B16861" t="s">
        <v>91</v>
      </c>
      <c r="C16861" t="s">
        <v>117</v>
      </c>
      <c r="D16861" t="s">
        <v>118</v>
      </c>
      <c r="E16861" s="6">
        <v>2021</v>
      </c>
      <c r="F16861" s="6">
        <v>2021</v>
      </c>
      <c r="G16861" t="s">
        <v>14</v>
      </c>
      <c r="H16861" t="s">
        <v>123</v>
      </c>
      <c r="I16861" t="s">
        <v>15</v>
      </c>
      <c r="J16861" s="10">
        <v>21.345279833787821</v>
      </c>
    </row>
    <row r="16862" spans="1:10" x14ac:dyDescent="0.35">
      <c r="A16862" t="s">
        <v>33</v>
      </c>
      <c r="B16862" t="s">
        <v>92</v>
      </c>
      <c r="C16862" t="s">
        <v>117</v>
      </c>
      <c r="D16862" t="s">
        <v>118</v>
      </c>
      <c r="E16862" s="6">
        <v>2021</v>
      </c>
      <c r="F16862" s="6">
        <v>2021</v>
      </c>
      <c r="G16862" t="s">
        <v>14</v>
      </c>
      <c r="H16862" t="s">
        <v>123</v>
      </c>
      <c r="I16862" t="s">
        <v>15</v>
      </c>
      <c r="J16862" s="10">
        <v>17.398556201297854</v>
      </c>
    </row>
    <row r="16863" spans="1:10" x14ac:dyDescent="0.35">
      <c r="A16863" t="s">
        <v>35</v>
      </c>
      <c r="B16863" t="s">
        <v>93</v>
      </c>
      <c r="C16863" t="s">
        <v>117</v>
      </c>
      <c r="D16863" t="s">
        <v>118</v>
      </c>
      <c r="E16863" s="6">
        <v>2021</v>
      </c>
      <c r="F16863" s="6">
        <v>2021</v>
      </c>
      <c r="G16863" t="s">
        <v>14</v>
      </c>
      <c r="H16863" t="s">
        <v>123</v>
      </c>
      <c r="I16863" t="s">
        <v>15</v>
      </c>
      <c r="J16863" s="10">
        <v>19.444928655029013</v>
      </c>
    </row>
    <row r="16864" spans="1:10" x14ac:dyDescent="0.35">
      <c r="A16864" t="s">
        <v>20</v>
      </c>
      <c r="B16864" t="s">
        <v>94</v>
      </c>
      <c r="C16864" t="s">
        <v>117</v>
      </c>
      <c r="D16864" t="s">
        <v>118</v>
      </c>
      <c r="E16864" s="6">
        <v>2021</v>
      </c>
      <c r="F16864" s="6">
        <v>2021</v>
      </c>
      <c r="G16864" t="s">
        <v>14</v>
      </c>
      <c r="H16864" t="s">
        <v>123</v>
      </c>
      <c r="I16864" t="s">
        <v>15</v>
      </c>
      <c r="J16864" s="10">
        <v>16.296236537453108</v>
      </c>
    </row>
    <row r="16865" spans="1:10" x14ac:dyDescent="0.35">
      <c r="A16865" t="s">
        <v>10</v>
      </c>
      <c r="B16865" t="s">
        <v>11</v>
      </c>
      <c r="C16865" t="s">
        <v>117</v>
      </c>
      <c r="D16865" t="s">
        <v>118</v>
      </c>
      <c r="E16865" s="6">
        <v>2021</v>
      </c>
      <c r="F16865" s="6">
        <v>2021</v>
      </c>
      <c r="G16865" t="s">
        <v>126</v>
      </c>
      <c r="H16865" t="s">
        <v>123</v>
      </c>
      <c r="I16865" t="s">
        <v>15</v>
      </c>
      <c r="J16865" s="10">
        <v>11.17283950617284</v>
      </c>
    </row>
    <row r="16866" spans="1:10" x14ac:dyDescent="0.35">
      <c r="A16866" t="s">
        <v>10</v>
      </c>
      <c r="B16866" t="s">
        <v>16</v>
      </c>
      <c r="C16866" t="s">
        <v>117</v>
      </c>
      <c r="D16866" t="s">
        <v>118</v>
      </c>
      <c r="E16866" s="6">
        <v>2021</v>
      </c>
      <c r="F16866" s="6">
        <v>2021</v>
      </c>
      <c r="G16866" t="s">
        <v>126</v>
      </c>
      <c r="H16866" t="s">
        <v>123</v>
      </c>
      <c r="I16866" t="s">
        <v>15</v>
      </c>
      <c r="J16866" s="10">
        <v>17.66166156515871</v>
      </c>
    </row>
    <row r="16867" spans="1:10" x14ac:dyDescent="0.35">
      <c r="A16867" t="s">
        <v>10</v>
      </c>
      <c r="B16867" t="s">
        <v>17</v>
      </c>
      <c r="C16867" t="s">
        <v>117</v>
      </c>
      <c r="D16867" t="s">
        <v>118</v>
      </c>
      <c r="E16867" s="6">
        <v>2021</v>
      </c>
      <c r="F16867" s="6">
        <v>2021</v>
      </c>
      <c r="G16867" t="s">
        <v>126</v>
      </c>
      <c r="H16867" t="s">
        <v>123</v>
      </c>
      <c r="I16867" t="s">
        <v>15</v>
      </c>
      <c r="J16867" s="10">
        <v>16.24158188852271</v>
      </c>
    </row>
    <row r="16868" spans="1:10" x14ac:dyDescent="0.35">
      <c r="A16868" t="s">
        <v>10</v>
      </c>
      <c r="B16868" t="s">
        <v>18</v>
      </c>
      <c r="C16868" t="s">
        <v>117</v>
      </c>
      <c r="D16868" t="s">
        <v>118</v>
      </c>
      <c r="E16868" s="6">
        <v>2021</v>
      </c>
      <c r="F16868" s="6">
        <v>2021</v>
      </c>
      <c r="G16868" t="s">
        <v>126</v>
      </c>
      <c r="H16868" t="s">
        <v>123</v>
      </c>
      <c r="I16868" t="s">
        <v>15</v>
      </c>
      <c r="J16868" s="10">
        <v>18.615474112856312</v>
      </c>
    </row>
    <row r="16869" spans="1:10" x14ac:dyDescent="0.35">
      <c r="A16869" t="s">
        <v>10</v>
      </c>
      <c r="B16869" t="s">
        <v>19</v>
      </c>
      <c r="C16869" t="s">
        <v>117</v>
      </c>
      <c r="D16869" t="s">
        <v>118</v>
      </c>
      <c r="E16869" s="6">
        <v>2021</v>
      </c>
      <c r="F16869" s="6">
        <v>2021</v>
      </c>
      <c r="G16869" t="s">
        <v>126</v>
      </c>
      <c r="H16869" t="s">
        <v>123</v>
      </c>
      <c r="I16869" t="s">
        <v>15</v>
      </c>
      <c r="J16869" s="10">
        <v>19.135834411384216</v>
      </c>
    </row>
    <row r="16870" spans="1:10" x14ac:dyDescent="0.35">
      <c r="A16870" t="s">
        <v>20</v>
      </c>
      <c r="B16870" t="s">
        <v>21</v>
      </c>
      <c r="C16870" t="s">
        <v>117</v>
      </c>
      <c r="D16870" t="s">
        <v>118</v>
      </c>
      <c r="E16870" s="6">
        <v>2021</v>
      </c>
      <c r="F16870" s="6">
        <v>2021</v>
      </c>
      <c r="G16870" t="s">
        <v>126</v>
      </c>
      <c r="H16870" t="s">
        <v>123</v>
      </c>
      <c r="I16870" t="s">
        <v>15</v>
      </c>
      <c r="J16870" s="10">
        <v>16.722954268630275</v>
      </c>
    </row>
    <row r="16871" spans="1:10" x14ac:dyDescent="0.35">
      <c r="A16871" t="s">
        <v>22</v>
      </c>
      <c r="B16871" t="s">
        <v>23</v>
      </c>
      <c r="C16871" t="s">
        <v>117</v>
      </c>
      <c r="D16871" t="s">
        <v>118</v>
      </c>
      <c r="E16871" s="6">
        <v>2021</v>
      </c>
      <c r="F16871" s="6">
        <v>2021</v>
      </c>
      <c r="G16871" t="s">
        <v>126</v>
      </c>
      <c r="H16871" t="s">
        <v>123</v>
      </c>
      <c r="I16871" t="s">
        <v>15</v>
      </c>
      <c r="J16871" s="10">
        <v>15.913940256045519</v>
      </c>
    </row>
    <row r="16872" spans="1:10" x14ac:dyDescent="0.35">
      <c r="A16872" t="s">
        <v>10</v>
      </c>
      <c r="B16872" t="s">
        <v>24</v>
      </c>
      <c r="C16872" t="s">
        <v>117</v>
      </c>
      <c r="D16872" t="s">
        <v>118</v>
      </c>
      <c r="E16872" s="6">
        <v>2021</v>
      </c>
      <c r="F16872" s="6">
        <v>2021</v>
      </c>
      <c r="G16872" t="s">
        <v>126</v>
      </c>
      <c r="H16872" t="s">
        <v>123</v>
      </c>
      <c r="I16872" t="s">
        <v>15</v>
      </c>
      <c r="J16872" s="10">
        <v>20.245381704874248</v>
      </c>
    </row>
    <row r="16873" spans="1:10" x14ac:dyDescent="0.35">
      <c r="A16873" t="s">
        <v>10</v>
      </c>
      <c r="B16873" t="s">
        <v>25</v>
      </c>
      <c r="C16873" t="s">
        <v>117</v>
      </c>
      <c r="D16873" t="s">
        <v>118</v>
      </c>
      <c r="E16873" s="6">
        <v>2021</v>
      </c>
      <c r="F16873" s="6">
        <v>2021</v>
      </c>
      <c r="G16873" t="s">
        <v>126</v>
      </c>
      <c r="H16873" t="s">
        <v>123</v>
      </c>
      <c r="I16873" t="s">
        <v>15</v>
      </c>
      <c r="J16873" s="10">
        <v>22.524287264737801</v>
      </c>
    </row>
    <row r="16874" spans="1:10" x14ac:dyDescent="0.35">
      <c r="A16874" t="s">
        <v>26</v>
      </c>
      <c r="B16874" t="s">
        <v>27</v>
      </c>
      <c r="C16874" t="s">
        <v>117</v>
      </c>
      <c r="D16874" t="s">
        <v>118</v>
      </c>
      <c r="E16874" s="6">
        <v>2021</v>
      </c>
      <c r="F16874" s="6">
        <v>2021</v>
      </c>
      <c r="G16874" t="s">
        <v>126</v>
      </c>
      <c r="H16874" t="s">
        <v>123</v>
      </c>
      <c r="I16874" t="s">
        <v>15</v>
      </c>
      <c r="J16874" s="10">
        <v>25.040544923775542</v>
      </c>
    </row>
    <row r="16875" spans="1:10" x14ac:dyDescent="0.35">
      <c r="A16875" t="s">
        <v>28</v>
      </c>
      <c r="B16875" t="s">
        <v>29</v>
      </c>
      <c r="C16875" t="s">
        <v>117</v>
      </c>
      <c r="D16875" t="s">
        <v>118</v>
      </c>
      <c r="E16875" s="6">
        <v>2021</v>
      </c>
      <c r="F16875" s="6">
        <v>2021</v>
      </c>
      <c r="G16875" t="s">
        <v>126</v>
      </c>
      <c r="H16875" t="s">
        <v>123</v>
      </c>
      <c r="I16875" t="s">
        <v>15</v>
      </c>
      <c r="J16875" s="10">
        <v>24.470828545895571</v>
      </c>
    </row>
    <row r="16876" spans="1:10" x14ac:dyDescent="0.35">
      <c r="A16876" t="s">
        <v>10</v>
      </c>
      <c r="B16876" t="s">
        <v>30</v>
      </c>
      <c r="C16876" t="s">
        <v>117</v>
      </c>
      <c r="D16876" t="s">
        <v>118</v>
      </c>
      <c r="E16876" s="6">
        <v>2021</v>
      </c>
      <c r="F16876" s="6">
        <v>2021</v>
      </c>
      <c r="G16876" t="s">
        <v>126</v>
      </c>
      <c r="H16876" t="s">
        <v>123</v>
      </c>
      <c r="I16876" t="s">
        <v>15</v>
      </c>
      <c r="J16876" s="10">
        <v>20.095378616219634</v>
      </c>
    </row>
    <row r="16877" spans="1:10" x14ac:dyDescent="0.35">
      <c r="A16877" t="s">
        <v>26</v>
      </c>
      <c r="B16877" t="s">
        <v>31</v>
      </c>
      <c r="C16877" t="s">
        <v>117</v>
      </c>
      <c r="D16877" t="s">
        <v>118</v>
      </c>
      <c r="E16877" s="6">
        <v>2021</v>
      </c>
      <c r="F16877" s="6">
        <v>2021</v>
      </c>
      <c r="G16877" t="s">
        <v>126</v>
      </c>
      <c r="H16877" t="s">
        <v>123</v>
      </c>
      <c r="I16877" t="s">
        <v>15</v>
      </c>
      <c r="J16877" s="10">
        <v>22.873669727346755</v>
      </c>
    </row>
    <row r="16878" spans="1:10" x14ac:dyDescent="0.35">
      <c r="A16878" t="s">
        <v>28</v>
      </c>
      <c r="B16878" t="s">
        <v>32</v>
      </c>
      <c r="C16878" t="s">
        <v>117</v>
      </c>
      <c r="D16878" t="s">
        <v>118</v>
      </c>
      <c r="E16878" s="6">
        <v>2021</v>
      </c>
      <c r="F16878" s="6">
        <v>2021</v>
      </c>
      <c r="G16878" t="s">
        <v>126</v>
      </c>
      <c r="H16878" t="s">
        <v>123</v>
      </c>
      <c r="I16878" t="s">
        <v>15</v>
      </c>
      <c r="J16878" s="10">
        <v>20.760568392689187</v>
      </c>
    </row>
    <row r="16879" spans="1:10" x14ac:dyDescent="0.35">
      <c r="A16879" t="s">
        <v>33</v>
      </c>
      <c r="B16879" t="s">
        <v>34</v>
      </c>
      <c r="C16879" t="s">
        <v>117</v>
      </c>
      <c r="D16879" t="s">
        <v>118</v>
      </c>
      <c r="E16879" s="6">
        <v>2021</v>
      </c>
      <c r="F16879" s="6">
        <v>2021</v>
      </c>
      <c r="G16879" t="s">
        <v>126</v>
      </c>
      <c r="H16879" t="s">
        <v>123</v>
      </c>
      <c r="I16879" t="s">
        <v>15</v>
      </c>
      <c r="J16879" s="10">
        <v>19.493316577173541</v>
      </c>
    </row>
    <row r="16880" spans="1:10" x14ac:dyDescent="0.35">
      <c r="A16880" t="s">
        <v>35</v>
      </c>
      <c r="B16880" t="s">
        <v>36</v>
      </c>
      <c r="C16880" t="s">
        <v>117</v>
      </c>
      <c r="D16880" t="s">
        <v>118</v>
      </c>
      <c r="E16880" s="6">
        <v>2021</v>
      </c>
      <c r="F16880" s="6">
        <v>2021</v>
      </c>
      <c r="G16880" t="s">
        <v>126</v>
      </c>
      <c r="H16880" t="s">
        <v>123</v>
      </c>
      <c r="I16880" t="s">
        <v>15</v>
      </c>
      <c r="J16880" s="10">
        <v>19.856485842522304</v>
      </c>
    </row>
    <row r="16881" spans="1:10" x14ac:dyDescent="0.35">
      <c r="A16881" t="s">
        <v>28</v>
      </c>
      <c r="B16881" t="s">
        <v>37</v>
      </c>
      <c r="C16881" t="s">
        <v>117</v>
      </c>
      <c r="D16881" t="s">
        <v>118</v>
      </c>
      <c r="E16881" s="6">
        <v>2021</v>
      </c>
      <c r="F16881" s="6">
        <v>2021</v>
      </c>
      <c r="G16881" t="s">
        <v>126</v>
      </c>
      <c r="H16881" t="s">
        <v>123</v>
      </c>
      <c r="I16881" t="s">
        <v>15</v>
      </c>
      <c r="J16881" s="10">
        <v>20.373469333545835</v>
      </c>
    </row>
    <row r="16882" spans="1:10" x14ac:dyDescent="0.35">
      <c r="A16882" t="s">
        <v>20</v>
      </c>
      <c r="B16882" t="s">
        <v>38</v>
      </c>
      <c r="C16882" t="s">
        <v>117</v>
      </c>
      <c r="D16882" t="s">
        <v>118</v>
      </c>
      <c r="E16882" s="6">
        <v>2021</v>
      </c>
      <c r="F16882" s="6">
        <v>2021</v>
      </c>
      <c r="G16882" t="s">
        <v>126</v>
      </c>
      <c r="H16882" t="s">
        <v>123</v>
      </c>
      <c r="I16882" t="s">
        <v>15</v>
      </c>
      <c r="J16882" s="10">
        <v>15.608493279640188</v>
      </c>
    </row>
    <row r="16883" spans="1:10" x14ac:dyDescent="0.35">
      <c r="A16883" t="s">
        <v>33</v>
      </c>
      <c r="B16883" t="s">
        <v>39</v>
      </c>
      <c r="C16883" t="s">
        <v>117</v>
      </c>
      <c r="D16883" t="s">
        <v>118</v>
      </c>
      <c r="E16883" s="6">
        <v>2021</v>
      </c>
      <c r="F16883" s="6">
        <v>2021</v>
      </c>
      <c r="G16883" t="s">
        <v>126</v>
      </c>
      <c r="H16883" t="s">
        <v>123</v>
      </c>
      <c r="I16883" t="s">
        <v>15</v>
      </c>
      <c r="J16883" s="10">
        <v>18.714081428918327</v>
      </c>
    </row>
    <row r="16884" spans="1:10" x14ac:dyDescent="0.35">
      <c r="A16884" t="s">
        <v>20</v>
      </c>
      <c r="B16884" t="s">
        <v>40</v>
      </c>
      <c r="C16884" t="s">
        <v>117</v>
      </c>
      <c r="D16884" t="s">
        <v>118</v>
      </c>
      <c r="E16884" s="6">
        <v>2021</v>
      </c>
      <c r="F16884" s="6">
        <v>2021</v>
      </c>
      <c r="G16884" t="s">
        <v>126</v>
      </c>
      <c r="H16884" t="s">
        <v>123</v>
      </c>
      <c r="I16884" t="s">
        <v>15</v>
      </c>
      <c r="J16884" s="10">
        <v>18.839189351241156</v>
      </c>
    </row>
    <row r="16885" spans="1:10" x14ac:dyDescent="0.35">
      <c r="A16885" t="s">
        <v>35</v>
      </c>
      <c r="B16885" t="s">
        <v>41</v>
      </c>
      <c r="C16885" t="s">
        <v>117</v>
      </c>
      <c r="D16885" t="s">
        <v>118</v>
      </c>
      <c r="E16885" s="6">
        <v>2021</v>
      </c>
      <c r="F16885" s="6">
        <v>2021</v>
      </c>
      <c r="G16885" t="s">
        <v>126</v>
      </c>
      <c r="H16885" t="s">
        <v>123</v>
      </c>
      <c r="I16885" t="s">
        <v>15</v>
      </c>
      <c r="J16885" s="10">
        <v>23.703272000666058</v>
      </c>
    </row>
    <row r="16886" spans="1:10" x14ac:dyDescent="0.35">
      <c r="A16886" t="s">
        <v>35</v>
      </c>
      <c r="B16886" t="s">
        <v>42</v>
      </c>
      <c r="C16886" t="s">
        <v>117</v>
      </c>
      <c r="D16886" t="s">
        <v>118</v>
      </c>
      <c r="E16886" s="6">
        <v>2021</v>
      </c>
      <c r="F16886" s="6">
        <v>2021</v>
      </c>
      <c r="G16886" t="s">
        <v>126</v>
      </c>
      <c r="H16886" t="s">
        <v>123</v>
      </c>
      <c r="I16886" t="s">
        <v>15</v>
      </c>
      <c r="J16886" s="10">
        <v>18.966318234610917</v>
      </c>
    </row>
    <row r="16887" spans="1:10" x14ac:dyDescent="0.35">
      <c r="A16887" t="s">
        <v>35</v>
      </c>
      <c r="B16887" t="s">
        <v>43</v>
      </c>
      <c r="C16887" t="s">
        <v>117</v>
      </c>
      <c r="D16887" t="s">
        <v>118</v>
      </c>
      <c r="E16887" s="6">
        <v>2021</v>
      </c>
      <c r="F16887" s="6">
        <v>2021</v>
      </c>
      <c r="G16887" t="s">
        <v>126</v>
      </c>
      <c r="H16887" t="s">
        <v>123</v>
      </c>
      <c r="I16887" t="s">
        <v>15</v>
      </c>
      <c r="J16887" s="10">
        <v>20</v>
      </c>
    </row>
    <row r="16888" spans="1:10" x14ac:dyDescent="0.35">
      <c r="A16888" t="s">
        <v>28</v>
      </c>
      <c r="B16888" t="s">
        <v>44</v>
      </c>
      <c r="C16888" t="s">
        <v>117</v>
      </c>
      <c r="D16888" t="s">
        <v>118</v>
      </c>
      <c r="E16888" s="6">
        <v>2021</v>
      </c>
      <c r="F16888" s="6">
        <v>2021</v>
      </c>
      <c r="G16888" t="s">
        <v>126</v>
      </c>
      <c r="H16888" t="s">
        <v>123</v>
      </c>
      <c r="I16888" t="s">
        <v>15</v>
      </c>
      <c r="J16888" s="10">
        <v>23.3760563018519</v>
      </c>
    </row>
    <row r="16889" spans="1:10" x14ac:dyDescent="0.35">
      <c r="A16889" t="s">
        <v>10</v>
      </c>
      <c r="B16889" t="s">
        <v>45</v>
      </c>
      <c r="C16889" t="s">
        <v>117</v>
      </c>
      <c r="D16889" t="s">
        <v>118</v>
      </c>
      <c r="E16889" s="6">
        <v>2021</v>
      </c>
      <c r="F16889" s="6">
        <v>2021</v>
      </c>
      <c r="G16889" t="s">
        <v>126</v>
      </c>
      <c r="H16889" t="s">
        <v>123</v>
      </c>
      <c r="I16889" t="s">
        <v>15</v>
      </c>
      <c r="J16889" s="10">
        <v>17.525577356237619</v>
      </c>
    </row>
    <row r="16890" spans="1:10" x14ac:dyDescent="0.35">
      <c r="A16890" t="s">
        <v>10</v>
      </c>
      <c r="B16890" t="s">
        <v>46</v>
      </c>
      <c r="C16890" t="s">
        <v>117</v>
      </c>
      <c r="D16890" t="s">
        <v>118</v>
      </c>
      <c r="E16890" s="6">
        <v>2021</v>
      </c>
      <c r="F16890" s="6">
        <v>2021</v>
      </c>
      <c r="G16890" t="s">
        <v>126</v>
      </c>
      <c r="H16890" t="s">
        <v>123</v>
      </c>
      <c r="I16890" t="s">
        <v>15</v>
      </c>
      <c r="J16890" s="10">
        <v>14.688154144914378</v>
      </c>
    </row>
    <row r="16891" spans="1:10" x14ac:dyDescent="0.35">
      <c r="A16891" t="s">
        <v>33</v>
      </c>
      <c r="B16891" t="s">
        <v>47</v>
      </c>
      <c r="C16891" t="s">
        <v>117</v>
      </c>
      <c r="D16891" t="s">
        <v>118</v>
      </c>
      <c r="E16891" s="6">
        <v>2021</v>
      </c>
      <c r="F16891" s="6">
        <v>2021</v>
      </c>
      <c r="G16891" t="s">
        <v>126</v>
      </c>
      <c r="H16891" t="s">
        <v>123</v>
      </c>
      <c r="I16891" t="s">
        <v>15</v>
      </c>
      <c r="J16891" s="10">
        <v>17.809469762392361</v>
      </c>
    </row>
    <row r="16892" spans="1:10" x14ac:dyDescent="0.35">
      <c r="A16892" t="s">
        <v>20</v>
      </c>
      <c r="B16892" t="s">
        <v>48</v>
      </c>
      <c r="C16892" t="s">
        <v>117</v>
      </c>
      <c r="D16892" t="s">
        <v>118</v>
      </c>
      <c r="E16892" s="6">
        <v>2021</v>
      </c>
      <c r="F16892" s="6">
        <v>2021</v>
      </c>
      <c r="G16892" t="s">
        <v>126</v>
      </c>
      <c r="H16892" t="s">
        <v>123</v>
      </c>
      <c r="I16892" t="s">
        <v>15</v>
      </c>
      <c r="J16892" s="10">
        <v>17.61173288334119</v>
      </c>
    </row>
    <row r="16893" spans="1:10" x14ac:dyDescent="0.35">
      <c r="A16893" t="s">
        <v>28</v>
      </c>
      <c r="B16893" t="s">
        <v>49</v>
      </c>
      <c r="C16893" t="s">
        <v>117</v>
      </c>
      <c r="D16893" t="s">
        <v>118</v>
      </c>
      <c r="E16893" s="6">
        <v>2021</v>
      </c>
      <c r="F16893" s="6">
        <v>2021</v>
      </c>
      <c r="G16893" t="s">
        <v>126</v>
      </c>
      <c r="H16893" t="s">
        <v>123</v>
      </c>
      <c r="I16893" t="s">
        <v>15</v>
      </c>
      <c r="J16893" s="10">
        <v>19.915861495076513</v>
      </c>
    </row>
    <row r="16894" spans="1:10" x14ac:dyDescent="0.35">
      <c r="A16894" t="s">
        <v>35</v>
      </c>
      <c r="B16894" t="s">
        <v>50</v>
      </c>
      <c r="C16894" t="s">
        <v>117</v>
      </c>
      <c r="D16894" t="s">
        <v>118</v>
      </c>
      <c r="E16894" s="6">
        <v>2021</v>
      </c>
      <c r="F16894" s="6">
        <v>2021</v>
      </c>
      <c r="G16894" t="s">
        <v>126</v>
      </c>
      <c r="H16894" t="s">
        <v>123</v>
      </c>
      <c r="I16894" t="s">
        <v>15</v>
      </c>
      <c r="J16894" s="10">
        <v>18.883327534059578</v>
      </c>
    </row>
    <row r="16895" spans="1:10" x14ac:dyDescent="0.35">
      <c r="A16895" t="s">
        <v>22</v>
      </c>
      <c r="B16895" t="s">
        <v>51</v>
      </c>
      <c r="C16895" t="s">
        <v>117</v>
      </c>
      <c r="D16895" t="s">
        <v>118</v>
      </c>
      <c r="E16895" s="6">
        <v>2021</v>
      </c>
      <c r="F16895" s="6">
        <v>2021</v>
      </c>
      <c r="G16895" t="s">
        <v>126</v>
      </c>
      <c r="H16895" t="s">
        <v>123</v>
      </c>
      <c r="I16895" t="s">
        <v>15</v>
      </c>
      <c r="J16895" s="10">
        <v>9.8439921479491677</v>
      </c>
    </row>
    <row r="16896" spans="1:10" x14ac:dyDescent="0.35">
      <c r="A16896" t="s">
        <v>22</v>
      </c>
      <c r="B16896" t="s">
        <v>52</v>
      </c>
      <c r="C16896" t="s">
        <v>117</v>
      </c>
      <c r="D16896" t="s">
        <v>118</v>
      </c>
      <c r="E16896" s="6">
        <v>2021</v>
      </c>
      <c r="F16896" s="6">
        <v>2021</v>
      </c>
      <c r="G16896" t="s">
        <v>126</v>
      </c>
      <c r="H16896" t="s">
        <v>123</v>
      </c>
      <c r="I16896" t="s">
        <v>15</v>
      </c>
      <c r="J16896" s="10">
        <v>15.309699221291689</v>
      </c>
    </row>
    <row r="16897" spans="1:10" x14ac:dyDescent="0.35">
      <c r="A16897" t="s">
        <v>22</v>
      </c>
      <c r="B16897" t="s">
        <v>53</v>
      </c>
      <c r="C16897" t="s">
        <v>117</v>
      </c>
      <c r="D16897" t="s">
        <v>118</v>
      </c>
      <c r="E16897" s="6">
        <v>2021</v>
      </c>
      <c r="F16897" s="6">
        <v>2021</v>
      </c>
      <c r="G16897" t="s">
        <v>126</v>
      </c>
      <c r="H16897" t="s">
        <v>123</v>
      </c>
      <c r="I16897" t="s">
        <v>15</v>
      </c>
      <c r="J16897" s="10">
        <v>10.629864365490617</v>
      </c>
    </row>
    <row r="16898" spans="1:10" x14ac:dyDescent="0.35">
      <c r="A16898" t="s">
        <v>22</v>
      </c>
      <c r="B16898" t="s">
        <v>54</v>
      </c>
      <c r="C16898" t="s">
        <v>117</v>
      </c>
      <c r="D16898" t="s">
        <v>118</v>
      </c>
      <c r="E16898" s="6">
        <v>2021</v>
      </c>
      <c r="F16898" s="6">
        <v>2021</v>
      </c>
      <c r="G16898" t="s">
        <v>126</v>
      </c>
      <c r="H16898" t="s">
        <v>123</v>
      </c>
      <c r="I16898" t="s">
        <v>15</v>
      </c>
      <c r="J16898" s="10">
        <v>17.088330109606705</v>
      </c>
    </row>
    <row r="16899" spans="1:10" x14ac:dyDescent="0.35">
      <c r="A16899" t="s">
        <v>22</v>
      </c>
      <c r="B16899" t="s">
        <v>55</v>
      </c>
      <c r="C16899" t="s">
        <v>117</v>
      </c>
      <c r="D16899" t="s">
        <v>118</v>
      </c>
      <c r="E16899" s="6">
        <v>2021</v>
      </c>
      <c r="F16899" s="6">
        <v>2021</v>
      </c>
      <c r="G16899" t="s">
        <v>126</v>
      </c>
      <c r="H16899" t="s">
        <v>123</v>
      </c>
      <c r="I16899" t="s">
        <v>15</v>
      </c>
      <c r="J16899" s="10">
        <v>15.197268771187458</v>
      </c>
    </row>
    <row r="16900" spans="1:10" x14ac:dyDescent="0.35">
      <c r="A16900" t="s">
        <v>22</v>
      </c>
      <c r="B16900" t="s">
        <v>56</v>
      </c>
      <c r="C16900" t="s">
        <v>117</v>
      </c>
      <c r="D16900" t="s">
        <v>118</v>
      </c>
      <c r="E16900" s="6">
        <v>2021</v>
      </c>
      <c r="F16900" s="6">
        <v>2021</v>
      </c>
      <c r="G16900" t="s">
        <v>126</v>
      </c>
      <c r="H16900" t="s">
        <v>123</v>
      </c>
      <c r="I16900" t="s">
        <v>15</v>
      </c>
      <c r="J16900" s="10">
        <v>16.958527409530635</v>
      </c>
    </row>
    <row r="16901" spans="1:10" x14ac:dyDescent="0.35">
      <c r="A16901" t="s">
        <v>28</v>
      </c>
      <c r="B16901" t="s">
        <v>58</v>
      </c>
      <c r="C16901" t="s">
        <v>117</v>
      </c>
      <c r="D16901" t="s">
        <v>118</v>
      </c>
      <c r="E16901" s="6">
        <v>2021</v>
      </c>
      <c r="F16901" s="6">
        <v>2021</v>
      </c>
      <c r="G16901" t="s">
        <v>126</v>
      </c>
      <c r="H16901" t="s">
        <v>123</v>
      </c>
      <c r="I16901" t="s">
        <v>15</v>
      </c>
      <c r="J16901" s="10">
        <v>24.561806133279784</v>
      </c>
    </row>
    <row r="16902" spans="1:10" x14ac:dyDescent="0.35">
      <c r="A16902" t="s">
        <v>20</v>
      </c>
      <c r="B16902" t="s">
        <v>59</v>
      </c>
      <c r="C16902" t="s">
        <v>117</v>
      </c>
      <c r="D16902" t="s">
        <v>118</v>
      </c>
      <c r="E16902" s="6">
        <v>2021</v>
      </c>
      <c r="F16902" s="6">
        <v>2021</v>
      </c>
      <c r="G16902" t="s">
        <v>126</v>
      </c>
      <c r="H16902" t="s">
        <v>123</v>
      </c>
      <c r="I16902" t="s">
        <v>15</v>
      </c>
      <c r="J16902" s="10">
        <v>18.364297934889997</v>
      </c>
    </row>
    <row r="16903" spans="1:10" x14ac:dyDescent="0.35">
      <c r="A16903" t="s">
        <v>20</v>
      </c>
      <c r="B16903" t="s">
        <v>60</v>
      </c>
      <c r="C16903" t="s">
        <v>117</v>
      </c>
      <c r="D16903" t="s">
        <v>118</v>
      </c>
      <c r="E16903" s="6">
        <v>2021</v>
      </c>
      <c r="F16903" s="6">
        <v>2021</v>
      </c>
      <c r="G16903" t="s">
        <v>126</v>
      </c>
      <c r="H16903" t="s">
        <v>123</v>
      </c>
      <c r="I16903" t="s">
        <v>15</v>
      </c>
      <c r="J16903" s="10">
        <v>17.924760871708905</v>
      </c>
    </row>
    <row r="16904" spans="1:10" x14ac:dyDescent="0.35">
      <c r="A16904" t="s">
        <v>28</v>
      </c>
      <c r="B16904" t="s">
        <v>61</v>
      </c>
      <c r="C16904" t="s">
        <v>117</v>
      </c>
      <c r="D16904" t="s">
        <v>118</v>
      </c>
      <c r="E16904" s="6">
        <v>2021</v>
      </c>
      <c r="F16904" s="6">
        <v>2021</v>
      </c>
      <c r="G16904" t="s">
        <v>126</v>
      </c>
      <c r="H16904" t="s">
        <v>123</v>
      </c>
      <c r="I16904" t="s">
        <v>15</v>
      </c>
      <c r="J16904" s="10">
        <v>24.042025545985439</v>
      </c>
    </row>
    <row r="16905" spans="1:10" x14ac:dyDescent="0.35">
      <c r="A16905" t="s">
        <v>62</v>
      </c>
      <c r="B16905" t="s">
        <v>63</v>
      </c>
      <c r="C16905" t="s">
        <v>117</v>
      </c>
      <c r="D16905" t="s">
        <v>118</v>
      </c>
      <c r="E16905" s="6">
        <v>2021</v>
      </c>
      <c r="F16905" s="6">
        <v>2021</v>
      </c>
      <c r="G16905" t="s">
        <v>126</v>
      </c>
      <c r="H16905" t="s">
        <v>123</v>
      </c>
      <c r="I16905" t="s">
        <v>15</v>
      </c>
      <c r="J16905" s="10">
        <v>14.084794649922147</v>
      </c>
    </row>
    <row r="16906" spans="1:10" x14ac:dyDescent="0.35">
      <c r="A16906" t="s">
        <v>62</v>
      </c>
      <c r="B16906" t="s">
        <v>64</v>
      </c>
      <c r="C16906" t="s">
        <v>117</v>
      </c>
      <c r="D16906" t="s">
        <v>118</v>
      </c>
      <c r="E16906" s="6">
        <v>2021</v>
      </c>
      <c r="F16906" s="6">
        <v>2021</v>
      </c>
      <c r="G16906" t="s">
        <v>126</v>
      </c>
      <c r="H16906" t="s">
        <v>123</v>
      </c>
      <c r="I16906" t="s">
        <v>15</v>
      </c>
      <c r="J16906" s="10">
        <v>15.080697224015493</v>
      </c>
    </row>
    <row r="16907" spans="1:10" x14ac:dyDescent="0.35">
      <c r="A16907" t="s">
        <v>62</v>
      </c>
      <c r="B16907" t="s">
        <v>65</v>
      </c>
      <c r="C16907" t="s">
        <v>117</v>
      </c>
      <c r="D16907" t="s">
        <v>118</v>
      </c>
      <c r="E16907" s="6">
        <v>2021</v>
      </c>
      <c r="F16907" s="6">
        <v>2021</v>
      </c>
      <c r="G16907" t="s">
        <v>126</v>
      </c>
      <c r="H16907" t="s">
        <v>123</v>
      </c>
      <c r="I16907" t="s">
        <v>15</v>
      </c>
      <c r="J16907" s="10">
        <v>7.8759458595331981</v>
      </c>
    </row>
    <row r="16908" spans="1:10" x14ac:dyDescent="0.35">
      <c r="A16908" t="s">
        <v>62</v>
      </c>
      <c r="B16908" t="s">
        <v>66</v>
      </c>
      <c r="C16908" t="s">
        <v>117</v>
      </c>
      <c r="D16908" t="s">
        <v>118</v>
      </c>
      <c r="E16908" s="6">
        <v>2021</v>
      </c>
      <c r="F16908" s="6">
        <v>2021</v>
      </c>
      <c r="G16908" t="s">
        <v>126</v>
      </c>
      <c r="H16908" t="s">
        <v>123</v>
      </c>
      <c r="I16908" t="s">
        <v>15</v>
      </c>
      <c r="J16908" s="10">
        <v>13.784560238264673</v>
      </c>
    </row>
    <row r="16909" spans="1:10" x14ac:dyDescent="0.35">
      <c r="A16909" t="s">
        <v>62</v>
      </c>
      <c r="B16909" t="s">
        <v>67</v>
      </c>
      <c r="C16909" t="s">
        <v>117</v>
      </c>
      <c r="D16909" t="s">
        <v>118</v>
      </c>
      <c r="E16909" s="6">
        <v>2021</v>
      </c>
      <c r="F16909" s="6">
        <v>2021</v>
      </c>
      <c r="G16909" t="s">
        <v>126</v>
      </c>
      <c r="H16909" t="s">
        <v>123</v>
      </c>
      <c r="I16909" t="s">
        <v>15</v>
      </c>
      <c r="J16909" s="10">
        <v>14.011225749353704</v>
      </c>
    </row>
    <row r="16910" spans="1:10" x14ac:dyDescent="0.35">
      <c r="A16910" t="s">
        <v>62</v>
      </c>
      <c r="B16910" t="s">
        <v>68</v>
      </c>
      <c r="C16910" t="s">
        <v>117</v>
      </c>
      <c r="D16910" t="s">
        <v>118</v>
      </c>
      <c r="E16910" s="6">
        <v>2021</v>
      </c>
      <c r="F16910" s="6">
        <v>2021</v>
      </c>
      <c r="G16910" t="s">
        <v>126</v>
      </c>
      <c r="H16910" t="s">
        <v>123</v>
      </c>
      <c r="I16910" t="s">
        <v>15</v>
      </c>
      <c r="J16910" s="10">
        <v>13.156136313015072</v>
      </c>
    </row>
    <row r="16911" spans="1:10" x14ac:dyDescent="0.35">
      <c r="A16911" t="s">
        <v>62</v>
      </c>
      <c r="B16911" t="s">
        <v>69</v>
      </c>
      <c r="C16911" t="s">
        <v>117</v>
      </c>
      <c r="D16911" t="s">
        <v>118</v>
      </c>
      <c r="E16911" s="6">
        <v>2021</v>
      </c>
      <c r="F16911" s="6">
        <v>2021</v>
      </c>
      <c r="G16911" t="s">
        <v>126</v>
      </c>
      <c r="H16911" t="s">
        <v>123</v>
      </c>
      <c r="I16911" t="s">
        <v>15</v>
      </c>
      <c r="J16911" s="10">
        <v>13.753457606734818</v>
      </c>
    </row>
    <row r="16912" spans="1:10" x14ac:dyDescent="0.35">
      <c r="A16912" t="s">
        <v>62</v>
      </c>
      <c r="B16912" t="s">
        <v>70</v>
      </c>
      <c r="C16912" t="s">
        <v>117</v>
      </c>
      <c r="D16912" t="s">
        <v>118</v>
      </c>
      <c r="E16912" s="6">
        <v>2021</v>
      </c>
      <c r="F16912" s="6">
        <v>2021</v>
      </c>
      <c r="G16912" t="s">
        <v>126</v>
      </c>
      <c r="H16912" t="s">
        <v>123</v>
      </c>
      <c r="I16912" t="s">
        <v>15</v>
      </c>
      <c r="J16912" s="10">
        <v>11.11047754811119</v>
      </c>
    </row>
    <row r="16913" spans="1:10" x14ac:dyDescent="0.35">
      <c r="A16913" t="s">
        <v>35</v>
      </c>
      <c r="B16913" t="s">
        <v>71</v>
      </c>
      <c r="C16913" t="s">
        <v>117</v>
      </c>
      <c r="D16913" t="s">
        <v>118</v>
      </c>
      <c r="E16913" s="6">
        <v>2021</v>
      </c>
      <c r="F16913" s="6">
        <v>2021</v>
      </c>
      <c r="G16913" t="s">
        <v>126</v>
      </c>
      <c r="H16913" t="s">
        <v>123</v>
      </c>
      <c r="I16913" t="s">
        <v>15</v>
      </c>
      <c r="J16913" s="10">
        <v>19.676760070994458</v>
      </c>
    </row>
    <row r="16914" spans="1:10" x14ac:dyDescent="0.35">
      <c r="A16914" t="s">
        <v>20</v>
      </c>
      <c r="B16914" t="s">
        <v>72</v>
      </c>
      <c r="C16914" t="s">
        <v>117</v>
      </c>
      <c r="D16914" t="s">
        <v>118</v>
      </c>
      <c r="E16914" s="6">
        <v>2021</v>
      </c>
      <c r="F16914" s="6">
        <v>2021</v>
      </c>
      <c r="G16914" t="s">
        <v>126</v>
      </c>
      <c r="H16914" t="s">
        <v>123</v>
      </c>
      <c r="I16914" t="s">
        <v>15</v>
      </c>
      <c r="J16914" s="10">
        <v>18.133113538017721</v>
      </c>
    </row>
    <row r="16915" spans="1:10" x14ac:dyDescent="0.35">
      <c r="A16915" t="s">
        <v>26</v>
      </c>
      <c r="B16915" t="s">
        <v>73</v>
      </c>
      <c r="C16915" t="s">
        <v>117</v>
      </c>
      <c r="D16915" t="s">
        <v>118</v>
      </c>
      <c r="E16915" s="6">
        <v>2021</v>
      </c>
      <c r="F16915" s="6">
        <v>2021</v>
      </c>
      <c r="G16915" t="s">
        <v>126</v>
      </c>
      <c r="H16915" t="s">
        <v>123</v>
      </c>
      <c r="I16915" t="s">
        <v>15</v>
      </c>
      <c r="J16915" s="10">
        <v>18.843199276999549</v>
      </c>
    </row>
    <row r="16916" spans="1:10" x14ac:dyDescent="0.35">
      <c r="A16916" t="s">
        <v>28</v>
      </c>
      <c r="B16916" t="s">
        <v>74</v>
      </c>
      <c r="C16916" t="s">
        <v>117</v>
      </c>
      <c r="D16916" t="s">
        <v>118</v>
      </c>
      <c r="E16916" s="6">
        <v>2021</v>
      </c>
      <c r="F16916" s="6">
        <v>2021</v>
      </c>
      <c r="G16916" t="s">
        <v>126</v>
      </c>
      <c r="H16916" t="s">
        <v>123</v>
      </c>
      <c r="I16916" t="s">
        <v>15</v>
      </c>
      <c r="J16916" s="10">
        <v>18.746659850826035</v>
      </c>
    </row>
    <row r="16917" spans="1:10" x14ac:dyDescent="0.35">
      <c r="A16917" t="s">
        <v>33</v>
      </c>
      <c r="B16917" t="s">
        <v>75</v>
      </c>
      <c r="C16917" t="s">
        <v>117</v>
      </c>
      <c r="D16917" t="s">
        <v>118</v>
      </c>
      <c r="E16917" s="6">
        <v>2021</v>
      </c>
      <c r="F16917" s="6">
        <v>2021</v>
      </c>
      <c r="G16917" t="s">
        <v>126</v>
      </c>
      <c r="H16917" t="s">
        <v>123</v>
      </c>
      <c r="I16917" t="s">
        <v>15</v>
      </c>
      <c r="J16917" s="10">
        <v>19.441780400836102</v>
      </c>
    </row>
    <row r="16918" spans="1:10" x14ac:dyDescent="0.35">
      <c r="A16918" t="s">
        <v>22</v>
      </c>
      <c r="B16918" t="s">
        <v>76</v>
      </c>
      <c r="C16918" t="s">
        <v>117</v>
      </c>
      <c r="D16918" t="s">
        <v>118</v>
      </c>
      <c r="E16918" s="6">
        <v>2021</v>
      </c>
      <c r="F16918" s="6">
        <v>2021</v>
      </c>
      <c r="G16918" t="s">
        <v>126</v>
      </c>
      <c r="H16918" t="s">
        <v>123</v>
      </c>
      <c r="I16918" t="s">
        <v>15</v>
      </c>
      <c r="J16918" s="10">
        <v>16.187334291323445</v>
      </c>
    </row>
    <row r="16919" spans="1:10" x14ac:dyDescent="0.35">
      <c r="A16919" t="s">
        <v>33</v>
      </c>
      <c r="B16919" t="s">
        <v>77</v>
      </c>
      <c r="C16919" t="s">
        <v>117</v>
      </c>
      <c r="D16919" t="s">
        <v>118</v>
      </c>
      <c r="E16919" s="6">
        <v>2021</v>
      </c>
      <c r="F16919" s="6">
        <v>2021</v>
      </c>
      <c r="G16919" t="s">
        <v>126</v>
      </c>
      <c r="H16919" t="s">
        <v>123</v>
      </c>
      <c r="I16919" t="s">
        <v>15</v>
      </c>
      <c r="J16919" s="10">
        <v>20.196906553296227</v>
      </c>
    </row>
    <row r="16920" spans="1:10" x14ac:dyDescent="0.35">
      <c r="A16920" t="s">
        <v>22</v>
      </c>
      <c r="B16920" t="s">
        <v>78</v>
      </c>
      <c r="C16920" t="s">
        <v>117</v>
      </c>
      <c r="D16920" t="s">
        <v>118</v>
      </c>
      <c r="E16920" s="6">
        <v>2021</v>
      </c>
      <c r="F16920" s="6">
        <v>2021</v>
      </c>
      <c r="G16920" t="s">
        <v>126</v>
      </c>
      <c r="H16920" t="s">
        <v>123</v>
      </c>
      <c r="I16920" t="s">
        <v>15</v>
      </c>
      <c r="J16920" s="10">
        <v>16.872067014604621</v>
      </c>
    </row>
    <row r="16921" spans="1:10" x14ac:dyDescent="0.35">
      <c r="A16921" t="s">
        <v>28</v>
      </c>
      <c r="B16921" t="s">
        <v>79</v>
      </c>
      <c r="C16921" t="s">
        <v>117</v>
      </c>
      <c r="D16921" t="s">
        <v>118</v>
      </c>
      <c r="E16921" s="6">
        <v>2021</v>
      </c>
      <c r="F16921" s="6">
        <v>2021</v>
      </c>
      <c r="G16921" t="s">
        <v>126</v>
      </c>
      <c r="H16921" t="s">
        <v>123</v>
      </c>
      <c r="I16921" t="s">
        <v>15</v>
      </c>
      <c r="J16921" s="10">
        <v>19.429884397214046</v>
      </c>
    </row>
    <row r="16922" spans="1:10" x14ac:dyDescent="0.35">
      <c r="A16922" t="s">
        <v>26</v>
      </c>
      <c r="B16922" t="s">
        <v>80</v>
      </c>
      <c r="C16922" t="s">
        <v>117</v>
      </c>
      <c r="D16922" t="s">
        <v>118</v>
      </c>
      <c r="E16922" s="6">
        <v>2021</v>
      </c>
      <c r="F16922" s="6">
        <v>2021</v>
      </c>
      <c r="G16922" t="s">
        <v>126</v>
      </c>
      <c r="H16922" t="s">
        <v>123</v>
      </c>
      <c r="I16922" t="s">
        <v>15</v>
      </c>
      <c r="J16922" s="10">
        <v>20.204146574302989</v>
      </c>
    </row>
    <row r="16923" spans="1:10" x14ac:dyDescent="0.35">
      <c r="A16923" t="s">
        <v>20</v>
      </c>
      <c r="B16923" t="s">
        <v>81</v>
      </c>
      <c r="C16923" t="s">
        <v>117</v>
      </c>
      <c r="D16923" t="s">
        <v>118</v>
      </c>
      <c r="E16923" s="6">
        <v>2021</v>
      </c>
      <c r="F16923" s="6">
        <v>2021</v>
      </c>
      <c r="G16923" t="s">
        <v>126</v>
      </c>
      <c r="H16923" t="s">
        <v>123</v>
      </c>
      <c r="I16923" t="s">
        <v>15</v>
      </c>
      <c r="J16923" s="10">
        <v>17.033597795862139</v>
      </c>
    </row>
    <row r="16924" spans="1:10" x14ac:dyDescent="0.35">
      <c r="A16924" t="s">
        <v>26</v>
      </c>
      <c r="B16924" t="s">
        <v>57</v>
      </c>
      <c r="C16924" t="s">
        <v>117</v>
      </c>
      <c r="D16924" t="s">
        <v>118</v>
      </c>
      <c r="E16924" s="6">
        <v>2021</v>
      </c>
      <c r="F16924" s="6">
        <v>2021</v>
      </c>
      <c r="G16924" t="s">
        <v>126</v>
      </c>
      <c r="H16924" t="s">
        <v>123</v>
      </c>
      <c r="I16924" t="s">
        <v>15</v>
      </c>
      <c r="J16924" s="10">
        <v>23.760315218199391</v>
      </c>
    </row>
    <row r="16925" spans="1:10" x14ac:dyDescent="0.35">
      <c r="A16925" t="s">
        <v>33</v>
      </c>
      <c r="B16925" t="s">
        <v>82</v>
      </c>
      <c r="C16925" t="s">
        <v>117</v>
      </c>
      <c r="D16925" t="s">
        <v>118</v>
      </c>
      <c r="E16925" s="6">
        <v>2021</v>
      </c>
      <c r="F16925" s="6">
        <v>2021</v>
      </c>
      <c r="G16925" t="s">
        <v>126</v>
      </c>
      <c r="H16925" t="s">
        <v>123</v>
      </c>
      <c r="I16925" t="s">
        <v>15</v>
      </c>
      <c r="J16925" s="10">
        <v>20.901469675015523</v>
      </c>
    </row>
    <row r="16926" spans="1:10" x14ac:dyDescent="0.35">
      <c r="A16926" t="s">
        <v>26</v>
      </c>
      <c r="B16926" t="s">
        <v>83</v>
      </c>
      <c r="C16926" t="s">
        <v>117</v>
      </c>
      <c r="D16926" t="s">
        <v>118</v>
      </c>
      <c r="E16926" s="6">
        <v>2021</v>
      </c>
      <c r="F16926" s="6">
        <v>2021</v>
      </c>
      <c r="G16926" t="s">
        <v>126</v>
      </c>
      <c r="H16926" t="s">
        <v>123</v>
      </c>
      <c r="I16926" t="s">
        <v>15</v>
      </c>
      <c r="J16926" s="10">
        <v>22.141848976711362</v>
      </c>
    </row>
    <row r="16927" spans="1:10" x14ac:dyDescent="0.35">
      <c r="A16927" t="s">
        <v>35</v>
      </c>
      <c r="B16927" t="s">
        <v>84</v>
      </c>
      <c r="C16927" t="s">
        <v>117</v>
      </c>
      <c r="D16927" t="s">
        <v>118</v>
      </c>
      <c r="E16927" s="6">
        <v>2021</v>
      </c>
      <c r="F16927" s="6">
        <v>2021</v>
      </c>
      <c r="G16927" t="s">
        <v>126</v>
      </c>
      <c r="H16927" t="s">
        <v>123</v>
      </c>
      <c r="I16927" t="s">
        <v>15</v>
      </c>
      <c r="J16927" s="10">
        <v>16.66577080197807</v>
      </c>
    </row>
    <row r="16928" spans="1:10" x14ac:dyDescent="0.35">
      <c r="A16928" t="s">
        <v>33</v>
      </c>
      <c r="B16928" t="s">
        <v>85</v>
      </c>
      <c r="C16928" t="s">
        <v>117</v>
      </c>
      <c r="D16928" t="s">
        <v>118</v>
      </c>
      <c r="E16928" s="6">
        <v>2021</v>
      </c>
      <c r="F16928" s="6">
        <v>2021</v>
      </c>
      <c r="G16928" t="s">
        <v>126</v>
      </c>
      <c r="H16928" t="s">
        <v>123</v>
      </c>
      <c r="I16928" t="s">
        <v>15</v>
      </c>
      <c r="J16928" s="10">
        <v>22.707564699862655</v>
      </c>
    </row>
    <row r="16929" spans="1:10" x14ac:dyDescent="0.35">
      <c r="A16929" t="s">
        <v>33</v>
      </c>
      <c r="B16929" t="s">
        <v>86</v>
      </c>
      <c r="C16929" t="s">
        <v>117</v>
      </c>
      <c r="D16929" t="s">
        <v>118</v>
      </c>
      <c r="E16929" s="6">
        <v>2021</v>
      </c>
      <c r="F16929" s="6">
        <v>2021</v>
      </c>
      <c r="G16929" t="s">
        <v>126</v>
      </c>
      <c r="H16929" t="s">
        <v>123</v>
      </c>
      <c r="I16929" t="s">
        <v>15</v>
      </c>
      <c r="J16929" s="10">
        <v>20.304568527918782</v>
      </c>
    </row>
    <row r="16930" spans="1:10" x14ac:dyDescent="0.35">
      <c r="A16930" t="s">
        <v>35</v>
      </c>
      <c r="B16930" t="s">
        <v>87</v>
      </c>
      <c r="C16930" t="s">
        <v>117</v>
      </c>
      <c r="D16930" t="s">
        <v>118</v>
      </c>
      <c r="E16930" s="6">
        <v>2021</v>
      </c>
      <c r="F16930" s="6">
        <v>2021</v>
      </c>
      <c r="G16930" t="s">
        <v>126</v>
      </c>
      <c r="H16930" t="s">
        <v>123</v>
      </c>
      <c r="I16930" t="s">
        <v>15</v>
      </c>
      <c r="J16930" s="10">
        <v>19.728049276541345</v>
      </c>
    </row>
    <row r="16931" spans="1:10" x14ac:dyDescent="0.35">
      <c r="A16931" t="s">
        <v>35</v>
      </c>
      <c r="B16931" t="s">
        <v>88</v>
      </c>
      <c r="C16931" t="s">
        <v>117</v>
      </c>
      <c r="D16931" t="s">
        <v>118</v>
      </c>
      <c r="E16931" s="6">
        <v>2021</v>
      </c>
      <c r="F16931" s="6">
        <v>2021</v>
      </c>
      <c r="G16931" t="s">
        <v>126</v>
      </c>
      <c r="H16931" t="s">
        <v>123</v>
      </c>
      <c r="I16931" t="s">
        <v>15</v>
      </c>
      <c r="J16931" s="10">
        <v>17.626843458260048</v>
      </c>
    </row>
    <row r="16932" spans="1:10" x14ac:dyDescent="0.35">
      <c r="A16932" t="s">
        <v>62</v>
      </c>
      <c r="B16932" t="s">
        <v>89</v>
      </c>
      <c r="C16932" t="s">
        <v>117</v>
      </c>
      <c r="D16932" t="s">
        <v>118</v>
      </c>
      <c r="E16932" s="6">
        <v>2021</v>
      </c>
      <c r="F16932" s="6">
        <v>2021</v>
      </c>
      <c r="G16932" t="s">
        <v>126</v>
      </c>
      <c r="H16932" t="s">
        <v>123</v>
      </c>
      <c r="I16932" t="s">
        <v>15</v>
      </c>
      <c r="J16932" s="10">
        <v>17.730285940437319</v>
      </c>
    </row>
    <row r="16933" spans="1:10" x14ac:dyDescent="0.35">
      <c r="A16933" t="s">
        <v>26</v>
      </c>
      <c r="B16933" t="s">
        <v>90</v>
      </c>
      <c r="C16933" t="s">
        <v>117</v>
      </c>
      <c r="D16933" t="s">
        <v>118</v>
      </c>
      <c r="E16933" s="6">
        <v>2021</v>
      </c>
      <c r="F16933" s="6">
        <v>2021</v>
      </c>
      <c r="G16933" t="s">
        <v>126</v>
      </c>
      <c r="H16933" t="s">
        <v>123</v>
      </c>
      <c r="I16933" t="s">
        <v>15</v>
      </c>
      <c r="J16933" s="10">
        <v>19.593280282935453</v>
      </c>
    </row>
    <row r="16934" spans="1:10" x14ac:dyDescent="0.35">
      <c r="A16934" t="s">
        <v>26</v>
      </c>
      <c r="B16934" t="s">
        <v>91</v>
      </c>
      <c r="C16934" t="s">
        <v>117</v>
      </c>
      <c r="D16934" t="s">
        <v>118</v>
      </c>
      <c r="E16934" s="6">
        <v>2021</v>
      </c>
      <c r="F16934" s="6">
        <v>2021</v>
      </c>
      <c r="G16934" t="s">
        <v>126</v>
      </c>
      <c r="H16934" t="s">
        <v>123</v>
      </c>
      <c r="I16934" t="s">
        <v>15</v>
      </c>
      <c r="J16934" s="10">
        <v>21.77047509871354</v>
      </c>
    </row>
    <row r="16935" spans="1:10" x14ac:dyDescent="0.35">
      <c r="A16935" t="s">
        <v>33</v>
      </c>
      <c r="B16935" t="s">
        <v>92</v>
      </c>
      <c r="C16935" t="s">
        <v>117</v>
      </c>
      <c r="D16935" t="s">
        <v>118</v>
      </c>
      <c r="E16935" s="6">
        <v>2021</v>
      </c>
      <c r="F16935" s="6">
        <v>2021</v>
      </c>
      <c r="G16935" t="s">
        <v>126</v>
      </c>
      <c r="H16935" t="s">
        <v>123</v>
      </c>
      <c r="I16935" t="s">
        <v>15</v>
      </c>
      <c r="J16935" s="10">
        <v>17.837892297617248</v>
      </c>
    </row>
    <row r="16936" spans="1:10" x14ac:dyDescent="0.35">
      <c r="A16936" t="s">
        <v>35</v>
      </c>
      <c r="B16936" t="s">
        <v>93</v>
      </c>
      <c r="C16936" t="s">
        <v>117</v>
      </c>
      <c r="D16936" t="s">
        <v>118</v>
      </c>
      <c r="E16936" s="6">
        <v>2021</v>
      </c>
      <c r="F16936" s="6">
        <v>2021</v>
      </c>
      <c r="G16936" t="s">
        <v>126</v>
      </c>
      <c r="H16936" t="s">
        <v>123</v>
      </c>
      <c r="I16936" t="s">
        <v>15</v>
      </c>
      <c r="J16936" s="10">
        <v>20.543215837759536</v>
      </c>
    </row>
    <row r="16937" spans="1:10" x14ac:dyDescent="0.35">
      <c r="A16937" t="s">
        <v>20</v>
      </c>
      <c r="B16937" t="s">
        <v>94</v>
      </c>
      <c r="C16937" t="s">
        <v>117</v>
      </c>
      <c r="D16937" t="s">
        <v>118</v>
      </c>
      <c r="E16937" s="6">
        <v>2021</v>
      </c>
      <c r="F16937" s="6">
        <v>2021</v>
      </c>
      <c r="G16937" t="s">
        <v>126</v>
      </c>
      <c r="H16937" t="s">
        <v>123</v>
      </c>
      <c r="I16937" t="s">
        <v>15</v>
      </c>
      <c r="J16937" s="10">
        <v>17.236146721783268</v>
      </c>
    </row>
    <row r="16938" spans="1:10" x14ac:dyDescent="0.35">
      <c r="A16938" t="s">
        <v>10</v>
      </c>
      <c r="B16938" t="s">
        <v>11</v>
      </c>
      <c r="C16938" t="s">
        <v>117</v>
      </c>
      <c r="D16938" t="s">
        <v>118</v>
      </c>
      <c r="E16938" s="6">
        <v>2021</v>
      </c>
      <c r="F16938" s="6">
        <v>2021</v>
      </c>
      <c r="G16938" t="s">
        <v>125</v>
      </c>
      <c r="H16938" t="s">
        <v>123</v>
      </c>
      <c r="I16938" t="s">
        <v>15</v>
      </c>
      <c r="J16938" s="10">
        <v>9.5985576923076916</v>
      </c>
    </row>
    <row r="16939" spans="1:10" x14ac:dyDescent="0.35">
      <c r="A16939" t="s">
        <v>10</v>
      </c>
      <c r="B16939" t="s">
        <v>16</v>
      </c>
      <c r="C16939" t="s">
        <v>117</v>
      </c>
      <c r="D16939" t="s">
        <v>118</v>
      </c>
      <c r="E16939" s="6">
        <v>2021</v>
      </c>
      <c r="F16939" s="6">
        <v>2021</v>
      </c>
      <c r="G16939" t="s">
        <v>125</v>
      </c>
      <c r="H16939" t="s">
        <v>123</v>
      </c>
      <c r="I16939" t="s">
        <v>15</v>
      </c>
      <c r="J16939" s="10">
        <v>15.935446217869014</v>
      </c>
    </row>
    <row r="16940" spans="1:10" x14ac:dyDescent="0.35">
      <c r="A16940" t="s">
        <v>10</v>
      </c>
      <c r="B16940" t="s">
        <v>17</v>
      </c>
      <c r="C16940" t="s">
        <v>117</v>
      </c>
      <c r="D16940" t="s">
        <v>118</v>
      </c>
      <c r="E16940" s="6">
        <v>2021</v>
      </c>
      <c r="F16940" s="6">
        <v>2021</v>
      </c>
      <c r="G16940" t="s">
        <v>125</v>
      </c>
      <c r="H16940" t="s">
        <v>123</v>
      </c>
      <c r="I16940" t="s">
        <v>15</v>
      </c>
      <c r="J16940" s="10">
        <v>14.861504798846287</v>
      </c>
    </row>
    <row r="16941" spans="1:10" x14ac:dyDescent="0.35">
      <c r="A16941" t="s">
        <v>10</v>
      </c>
      <c r="B16941" t="s">
        <v>18</v>
      </c>
      <c r="C16941" t="s">
        <v>117</v>
      </c>
      <c r="D16941" t="s">
        <v>118</v>
      </c>
      <c r="E16941" s="6">
        <v>2021</v>
      </c>
      <c r="F16941" s="6">
        <v>2021</v>
      </c>
      <c r="G16941" t="s">
        <v>125</v>
      </c>
      <c r="H16941" t="s">
        <v>123</v>
      </c>
      <c r="I16941" t="s">
        <v>15</v>
      </c>
      <c r="J16941" s="10">
        <v>17.324037348180632</v>
      </c>
    </row>
    <row r="16942" spans="1:10" x14ac:dyDescent="0.35">
      <c r="A16942" t="s">
        <v>10</v>
      </c>
      <c r="B16942" t="s">
        <v>19</v>
      </c>
      <c r="C16942" t="s">
        <v>117</v>
      </c>
      <c r="D16942" t="s">
        <v>118</v>
      </c>
      <c r="E16942" s="6">
        <v>2021</v>
      </c>
      <c r="F16942" s="6">
        <v>2021</v>
      </c>
      <c r="G16942" t="s">
        <v>125</v>
      </c>
      <c r="H16942" t="s">
        <v>123</v>
      </c>
      <c r="I16942" t="s">
        <v>15</v>
      </c>
      <c r="J16942" s="10">
        <v>18.317221813596721</v>
      </c>
    </row>
    <row r="16943" spans="1:10" x14ac:dyDescent="0.35">
      <c r="A16943" t="s">
        <v>20</v>
      </c>
      <c r="B16943" t="s">
        <v>21</v>
      </c>
      <c r="C16943" t="s">
        <v>117</v>
      </c>
      <c r="D16943" t="s">
        <v>118</v>
      </c>
      <c r="E16943" s="6">
        <v>2021</v>
      </c>
      <c r="F16943" s="6">
        <v>2021</v>
      </c>
      <c r="G16943" t="s">
        <v>125</v>
      </c>
      <c r="H16943" t="s">
        <v>123</v>
      </c>
      <c r="I16943" t="s">
        <v>15</v>
      </c>
      <c r="J16943" s="10">
        <v>14.823453946409307</v>
      </c>
    </row>
    <row r="16944" spans="1:10" x14ac:dyDescent="0.35">
      <c r="A16944" t="s">
        <v>22</v>
      </c>
      <c r="B16944" t="s">
        <v>23</v>
      </c>
      <c r="C16944" t="s">
        <v>117</v>
      </c>
      <c r="D16944" t="s">
        <v>118</v>
      </c>
      <c r="E16944" s="6">
        <v>2021</v>
      </c>
      <c r="F16944" s="6">
        <v>2021</v>
      </c>
      <c r="G16944" t="s">
        <v>125</v>
      </c>
      <c r="H16944" t="s">
        <v>123</v>
      </c>
      <c r="I16944" t="s">
        <v>15</v>
      </c>
      <c r="J16944" s="10">
        <v>13.995822142643988</v>
      </c>
    </row>
    <row r="16945" spans="1:10" x14ac:dyDescent="0.35">
      <c r="A16945" t="s">
        <v>10</v>
      </c>
      <c r="B16945" t="s">
        <v>24</v>
      </c>
      <c r="C16945" t="s">
        <v>117</v>
      </c>
      <c r="D16945" t="s">
        <v>118</v>
      </c>
      <c r="E16945" s="6">
        <v>2021</v>
      </c>
      <c r="F16945" s="6">
        <v>2021</v>
      </c>
      <c r="G16945" t="s">
        <v>125</v>
      </c>
      <c r="H16945" t="s">
        <v>123</v>
      </c>
      <c r="I16945" t="s">
        <v>15</v>
      </c>
      <c r="J16945" s="10">
        <v>18.976754917229048</v>
      </c>
    </row>
    <row r="16946" spans="1:10" x14ac:dyDescent="0.35">
      <c r="A16946" t="s">
        <v>10</v>
      </c>
      <c r="B16946" t="s">
        <v>25</v>
      </c>
      <c r="C16946" t="s">
        <v>117</v>
      </c>
      <c r="D16946" t="s">
        <v>118</v>
      </c>
      <c r="E16946" s="6">
        <v>2021</v>
      </c>
      <c r="F16946" s="6">
        <v>2021</v>
      </c>
      <c r="G16946" t="s">
        <v>125</v>
      </c>
      <c r="H16946" t="s">
        <v>123</v>
      </c>
      <c r="I16946" t="s">
        <v>15</v>
      </c>
      <c r="J16946" s="10">
        <v>20.889450056116722</v>
      </c>
    </row>
    <row r="16947" spans="1:10" x14ac:dyDescent="0.35">
      <c r="A16947" t="s">
        <v>26</v>
      </c>
      <c r="B16947" t="s">
        <v>27</v>
      </c>
      <c r="C16947" t="s">
        <v>117</v>
      </c>
      <c r="D16947" t="s">
        <v>118</v>
      </c>
      <c r="E16947" s="6">
        <v>2021</v>
      </c>
      <c r="F16947" s="6">
        <v>2021</v>
      </c>
      <c r="G16947" t="s">
        <v>125</v>
      </c>
      <c r="H16947" t="s">
        <v>123</v>
      </c>
      <c r="I16947" t="s">
        <v>15</v>
      </c>
      <c r="J16947" s="10">
        <v>23.727838679117607</v>
      </c>
    </row>
    <row r="16948" spans="1:10" x14ac:dyDescent="0.35">
      <c r="A16948" t="s">
        <v>28</v>
      </c>
      <c r="B16948" t="s">
        <v>29</v>
      </c>
      <c r="C16948" t="s">
        <v>117</v>
      </c>
      <c r="D16948" t="s">
        <v>118</v>
      </c>
      <c r="E16948" s="6">
        <v>2021</v>
      </c>
      <c r="F16948" s="6">
        <v>2021</v>
      </c>
      <c r="G16948" t="s">
        <v>125</v>
      </c>
      <c r="H16948" t="s">
        <v>123</v>
      </c>
      <c r="I16948" t="s">
        <v>15</v>
      </c>
      <c r="J16948" s="10">
        <v>22.734960816372553</v>
      </c>
    </row>
    <row r="16949" spans="1:10" x14ac:dyDescent="0.35">
      <c r="A16949" t="s">
        <v>10</v>
      </c>
      <c r="B16949" t="s">
        <v>30</v>
      </c>
      <c r="C16949" t="s">
        <v>117</v>
      </c>
      <c r="D16949" t="s">
        <v>118</v>
      </c>
      <c r="E16949" s="6">
        <v>2021</v>
      </c>
      <c r="F16949" s="6">
        <v>2021</v>
      </c>
      <c r="G16949" t="s">
        <v>125</v>
      </c>
      <c r="H16949" t="s">
        <v>123</v>
      </c>
      <c r="I16949" t="s">
        <v>15</v>
      </c>
      <c r="J16949" s="10">
        <v>18.180362860192105</v>
      </c>
    </row>
    <row r="16950" spans="1:10" x14ac:dyDescent="0.35">
      <c r="A16950" t="s">
        <v>26</v>
      </c>
      <c r="B16950" t="s">
        <v>31</v>
      </c>
      <c r="C16950" t="s">
        <v>117</v>
      </c>
      <c r="D16950" t="s">
        <v>118</v>
      </c>
      <c r="E16950" s="6">
        <v>2021</v>
      </c>
      <c r="F16950" s="6">
        <v>2021</v>
      </c>
      <c r="G16950" t="s">
        <v>125</v>
      </c>
      <c r="H16950" t="s">
        <v>123</v>
      </c>
      <c r="I16950" t="s">
        <v>15</v>
      </c>
      <c r="J16950" s="10">
        <v>22.218693153928335</v>
      </c>
    </row>
    <row r="16951" spans="1:10" x14ac:dyDescent="0.35">
      <c r="A16951" t="s">
        <v>28</v>
      </c>
      <c r="B16951" t="s">
        <v>32</v>
      </c>
      <c r="C16951" t="s">
        <v>117</v>
      </c>
      <c r="D16951" t="s">
        <v>118</v>
      </c>
      <c r="E16951" s="6">
        <v>2021</v>
      </c>
      <c r="F16951" s="6">
        <v>2021</v>
      </c>
      <c r="G16951" t="s">
        <v>125</v>
      </c>
      <c r="H16951" t="s">
        <v>123</v>
      </c>
      <c r="I16951" t="s">
        <v>15</v>
      </c>
      <c r="J16951" s="10">
        <v>20.502361528553024</v>
      </c>
    </row>
    <row r="16952" spans="1:10" x14ac:dyDescent="0.35">
      <c r="A16952" t="s">
        <v>33</v>
      </c>
      <c r="B16952" t="s">
        <v>34</v>
      </c>
      <c r="C16952" t="s">
        <v>117</v>
      </c>
      <c r="D16952" t="s">
        <v>118</v>
      </c>
      <c r="E16952" s="6">
        <v>2021</v>
      </c>
      <c r="F16952" s="6">
        <v>2021</v>
      </c>
      <c r="G16952" t="s">
        <v>125</v>
      </c>
      <c r="H16952" t="s">
        <v>123</v>
      </c>
      <c r="I16952" t="s">
        <v>15</v>
      </c>
      <c r="J16952" s="10">
        <v>17.747173442386334</v>
      </c>
    </row>
    <row r="16953" spans="1:10" x14ac:dyDescent="0.35">
      <c r="A16953" t="s">
        <v>35</v>
      </c>
      <c r="B16953" t="s">
        <v>36</v>
      </c>
      <c r="C16953" t="s">
        <v>117</v>
      </c>
      <c r="D16953" t="s">
        <v>118</v>
      </c>
      <c r="E16953" s="6">
        <v>2021</v>
      </c>
      <c r="F16953" s="6">
        <v>2021</v>
      </c>
      <c r="G16953" t="s">
        <v>125</v>
      </c>
      <c r="H16953" t="s">
        <v>123</v>
      </c>
      <c r="I16953" t="s">
        <v>15</v>
      </c>
      <c r="J16953" s="10">
        <v>17.366040674514032</v>
      </c>
    </row>
    <row r="16954" spans="1:10" x14ac:dyDescent="0.35">
      <c r="A16954" t="s">
        <v>28</v>
      </c>
      <c r="B16954" t="s">
        <v>37</v>
      </c>
      <c r="C16954" t="s">
        <v>117</v>
      </c>
      <c r="D16954" t="s">
        <v>118</v>
      </c>
      <c r="E16954" s="6">
        <v>2021</v>
      </c>
      <c r="F16954" s="6">
        <v>2021</v>
      </c>
      <c r="G16954" t="s">
        <v>125</v>
      </c>
      <c r="H16954" t="s">
        <v>123</v>
      </c>
      <c r="I16954" t="s">
        <v>15</v>
      </c>
      <c r="J16954" s="10">
        <v>19.212707182320443</v>
      </c>
    </row>
    <row r="16955" spans="1:10" x14ac:dyDescent="0.35">
      <c r="A16955" t="s">
        <v>20</v>
      </c>
      <c r="B16955" t="s">
        <v>38</v>
      </c>
      <c r="C16955" t="s">
        <v>117</v>
      </c>
      <c r="D16955" t="s">
        <v>118</v>
      </c>
      <c r="E16955" s="6">
        <v>2021</v>
      </c>
      <c r="F16955" s="6">
        <v>2021</v>
      </c>
      <c r="G16955" t="s">
        <v>125</v>
      </c>
      <c r="H16955" t="s">
        <v>123</v>
      </c>
      <c r="I16955" t="s">
        <v>15</v>
      </c>
      <c r="J16955" s="10">
        <v>14.13375992815245</v>
      </c>
    </row>
    <row r="16956" spans="1:10" x14ac:dyDescent="0.35">
      <c r="A16956" t="s">
        <v>33</v>
      </c>
      <c r="B16956" t="s">
        <v>39</v>
      </c>
      <c r="C16956" t="s">
        <v>117</v>
      </c>
      <c r="D16956" t="s">
        <v>118</v>
      </c>
      <c r="E16956" s="6">
        <v>2021</v>
      </c>
      <c r="F16956" s="6">
        <v>2021</v>
      </c>
      <c r="G16956" t="s">
        <v>125</v>
      </c>
      <c r="H16956" t="s">
        <v>123</v>
      </c>
      <c r="I16956" t="s">
        <v>15</v>
      </c>
      <c r="J16956" s="10">
        <v>17.190128996074034</v>
      </c>
    </row>
    <row r="16957" spans="1:10" x14ac:dyDescent="0.35">
      <c r="A16957" t="s">
        <v>20</v>
      </c>
      <c r="B16957" t="s">
        <v>40</v>
      </c>
      <c r="C16957" t="s">
        <v>117</v>
      </c>
      <c r="D16957" t="s">
        <v>118</v>
      </c>
      <c r="E16957" s="6">
        <v>2021</v>
      </c>
      <c r="F16957" s="6">
        <v>2021</v>
      </c>
      <c r="G16957" t="s">
        <v>125</v>
      </c>
      <c r="H16957" t="s">
        <v>123</v>
      </c>
      <c r="I16957" t="s">
        <v>15</v>
      </c>
      <c r="J16957" s="10">
        <v>15.956617742563969</v>
      </c>
    </row>
    <row r="16958" spans="1:10" x14ac:dyDescent="0.35">
      <c r="A16958" t="s">
        <v>35</v>
      </c>
      <c r="B16958" t="s">
        <v>41</v>
      </c>
      <c r="C16958" t="s">
        <v>117</v>
      </c>
      <c r="D16958" t="s">
        <v>118</v>
      </c>
      <c r="E16958" s="6">
        <v>2021</v>
      </c>
      <c r="F16958" s="6">
        <v>2021</v>
      </c>
      <c r="G16958" t="s">
        <v>125</v>
      </c>
      <c r="H16958" t="s">
        <v>123</v>
      </c>
      <c r="I16958" t="s">
        <v>15</v>
      </c>
      <c r="J16958" s="10">
        <v>22.497552618697995</v>
      </c>
    </row>
    <row r="16959" spans="1:10" x14ac:dyDescent="0.35">
      <c r="A16959" t="s">
        <v>35</v>
      </c>
      <c r="B16959" t="s">
        <v>42</v>
      </c>
      <c r="C16959" t="s">
        <v>117</v>
      </c>
      <c r="D16959" t="s">
        <v>118</v>
      </c>
      <c r="E16959" s="6">
        <v>2021</v>
      </c>
      <c r="F16959" s="6">
        <v>2021</v>
      </c>
      <c r="G16959" t="s">
        <v>125</v>
      </c>
      <c r="H16959" t="s">
        <v>123</v>
      </c>
      <c r="I16959" t="s">
        <v>15</v>
      </c>
      <c r="J16959" s="10">
        <v>17.573006213979845</v>
      </c>
    </row>
    <row r="16960" spans="1:10" x14ac:dyDescent="0.35">
      <c r="A16960" t="s">
        <v>35</v>
      </c>
      <c r="B16960" t="s">
        <v>43</v>
      </c>
      <c r="C16960" t="s">
        <v>117</v>
      </c>
      <c r="D16960" t="s">
        <v>118</v>
      </c>
      <c r="E16960" s="6">
        <v>2021</v>
      </c>
      <c r="F16960" s="6">
        <v>2021</v>
      </c>
      <c r="G16960" t="s">
        <v>125</v>
      </c>
      <c r="H16960" t="s">
        <v>123</v>
      </c>
      <c r="I16960" t="s">
        <v>15</v>
      </c>
      <c r="J16960" s="10">
        <v>17.612388445605941</v>
      </c>
    </row>
    <row r="16961" spans="1:10" x14ac:dyDescent="0.35">
      <c r="A16961" t="s">
        <v>28</v>
      </c>
      <c r="B16961" t="s">
        <v>44</v>
      </c>
      <c r="C16961" t="s">
        <v>117</v>
      </c>
      <c r="D16961" t="s">
        <v>118</v>
      </c>
      <c r="E16961" s="6">
        <v>2021</v>
      </c>
      <c r="F16961" s="6">
        <v>2021</v>
      </c>
      <c r="G16961" t="s">
        <v>125</v>
      </c>
      <c r="H16961" t="s">
        <v>123</v>
      </c>
      <c r="I16961" t="s">
        <v>15</v>
      </c>
      <c r="J16961" s="10">
        <v>22.734242595432168</v>
      </c>
    </row>
    <row r="16962" spans="1:10" x14ac:dyDescent="0.35">
      <c r="A16962" t="s">
        <v>10</v>
      </c>
      <c r="B16962" t="s">
        <v>45</v>
      </c>
      <c r="C16962" t="s">
        <v>117</v>
      </c>
      <c r="D16962" t="s">
        <v>118</v>
      </c>
      <c r="E16962" s="6">
        <v>2021</v>
      </c>
      <c r="F16962" s="6">
        <v>2021</v>
      </c>
      <c r="G16962" t="s">
        <v>125</v>
      </c>
      <c r="H16962" t="s">
        <v>123</v>
      </c>
      <c r="I16962" t="s">
        <v>15</v>
      </c>
      <c r="J16962" s="10">
        <v>15.570175438596493</v>
      </c>
    </row>
    <row r="16963" spans="1:10" x14ac:dyDescent="0.35">
      <c r="A16963" t="s">
        <v>10</v>
      </c>
      <c r="B16963" t="s">
        <v>46</v>
      </c>
      <c r="C16963" t="s">
        <v>117</v>
      </c>
      <c r="D16963" t="s">
        <v>118</v>
      </c>
      <c r="E16963" s="6">
        <v>2021</v>
      </c>
      <c r="F16963" s="6">
        <v>2021</v>
      </c>
      <c r="G16963" t="s">
        <v>125</v>
      </c>
      <c r="H16963" t="s">
        <v>123</v>
      </c>
      <c r="I16963" t="s">
        <v>15</v>
      </c>
      <c r="J16963" s="10">
        <v>13.27390599675851</v>
      </c>
    </row>
    <row r="16964" spans="1:10" x14ac:dyDescent="0.35">
      <c r="A16964" t="s">
        <v>33</v>
      </c>
      <c r="B16964" t="s">
        <v>47</v>
      </c>
      <c r="C16964" t="s">
        <v>117</v>
      </c>
      <c r="D16964" t="s">
        <v>118</v>
      </c>
      <c r="E16964" s="6">
        <v>2021</v>
      </c>
      <c r="F16964" s="6">
        <v>2021</v>
      </c>
      <c r="G16964" t="s">
        <v>125</v>
      </c>
      <c r="H16964" t="s">
        <v>123</v>
      </c>
      <c r="I16964" t="s">
        <v>15</v>
      </c>
      <c r="J16964" s="10">
        <v>16.366650262892072</v>
      </c>
    </row>
    <row r="16965" spans="1:10" x14ac:dyDescent="0.35">
      <c r="A16965" t="s">
        <v>20</v>
      </c>
      <c r="B16965" t="s">
        <v>48</v>
      </c>
      <c r="C16965" t="s">
        <v>117</v>
      </c>
      <c r="D16965" t="s">
        <v>118</v>
      </c>
      <c r="E16965" s="6">
        <v>2021</v>
      </c>
      <c r="F16965" s="6">
        <v>2021</v>
      </c>
      <c r="G16965" t="s">
        <v>125</v>
      </c>
      <c r="H16965" t="s">
        <v>123</v>
      </c>
      <c r="I16965" t="s">
        <v>15</v>
      </c>
      <c r="J16965" s="10">
        <v>15.64995125036233</v>
      </c>
    </row>
    <row r="16966" spans="1:10" x14ac:dyDescent="0.35">
      <c r="A16966" t="s">
        <v>28</v>
      </c>
      <c r="B16966" t="s">
        <v>49</v>
      </c>
      <c r="C16966" t="s">
        <v>117</v>
      </c>
      <c r="D16966" t="s">
        <v>118</v>
      </c>
      <c r="E16966" s="6">
        <v>2021</v>
      </c>
      <c r="F16966" s="6">
        <v>2021</v>
      </c>
      <c r="G16966" t="s">
        <v>125</v>
      </c>
      <c r="H16966" t="s">
        <v>123</v>
      </c>
      <c r="I16966" t="s">
        <v>15</v>
      </c>
      <c r="J16966" s="10">
        <v>18.286267308551292</v>
      </c>
    </row>
    <row r="16967" spans="1:10" x14ac:dyDescent="0.35">
      <c r="A16967" t="s">
        <v>35</v>
      </c>
      <c r="B16967" t="s">
        <v>50</v>
      </c>
      <c r="C16967" t="s">
        <v>117</v>
      </c>
      <c r="D16967" t="s">
        <v>118</v>
      </c>
      <c r="E16967" s="6">
        <v>2021</v>
      </c>
      <c r="F16967" s="6">
        <v>2021</v>
      </c>
      <c r="G16967" t="s">
        <v>125</v>
      </c>
      <c r="H16967" t="s">
        <v>123</v>
      </c>
      <c r="I16967" t="s">
        <v>15</v>
      </c>
      <c r="J16967" s="10">
        <v>16.531102555938286</v>
      </c>
    </row>
    <row r="16968" spans="1:10" x14ac:dyDescent="0.35">
      <c r="A16968" t="s">
        <v>22</v>
      </c>
      <c r="B16968" t="s">
        <v>51</v>
      </c>
      <c r="C16968" t="s">
        <v>117</v>
      </c>
      <c r="D16968" t="s">
        <v>118</v>
      </c>
      <c r="E16968" s="6">
        <v>2021</v>
      </c>
      <c r="F16968" s="6">
        <v>2021</v>
      </c>
      <c r="G16968" t="s">
        <v>125</v>
      </c>
      <c r="H16968" t="s">
        <v>123</v>
      </c>
      <c r="I16968" t="s">
        <v>15</v>
      </c>
      <c r="J16968" s="10">
        <v>9.4320955082118587</v>
      </c>
    </row>
    <row r="16969" spans="1:10" x14ac:dyDescent="0.35">
      <c r="A16969" t="s">
        <v>22</v>
      </c>
      <c r="B16969" t="s">
        <v>52</v>
      </c>
      <c r="C16969" t="s">
        <v>117</v>
      </c>
      <c r="D16969" t="s">
        <v>118</v>
      </c>
      <c r="E16969" s="6">
        <v>2021</v>
      </c>
      <c r="F16969" s="6">
        <v>2021</v>
      </c>
      <c r="G16969" t="s">
        <v>125</v>
      </c>
      <c r="H16969" t="s">
        <v>123</v>
      </c>
      <c r="I16969" t="s">
        <v>15</v>
      </c>
      <c r="J16969" s="10">
        <v>13.620525815647767</v>
      </c>
    </row>
    <row r="16970" spans="1:10" x14ac:dyDescent="0.35">
      <c r="A16970" t="s">
        <v>22</v>
      </c>
      <c r="B16970" t="s">
        <v>53</v>
      </c>
      <c r="C16970" t="s">
        <v>117</v>
      </c>
      <c r="D16970" t="s">
        <v>118</v>
      </c>
      <c r="E16970" s="6">
        <v>2021</v>
      </c>
      <c r="F16970" s="6">
        <v>2021</v>
      </c>
      <c r="G16970" t="s">
        <v>125</v>
      </c>
      <c r="H16970" t="s">
        <v>123</v>
      </c>
      <c r="I16970" t="s">
        <v>15</v>
      </c>
      <c r="J16970" s="10">
        <v>9.8221863420894664</v>
      </c>
    </row>
    <row r="16971" spans="1:10" x14ac:dyDescent="0.35">
      <c r="A16971" t="s">
        <v>22</v>
      </c>
      <c r="B16971" t="s">
        <v>54</v>
      </c>
      <c r="C16971" t="s">
        <v>117</v>
      </c>
      <c r="D16971" t="s">
        <v>118</v>
      </c>
      <c r="E16971" s="6">
        <v>2021</v>
      </c>
      <c r="F16971" s="6">
        <v>2021</v>
      </c>
      <c r="G16971" t="s">
        <v>125</v>
      </c>
      <c r="H16971" t="s">
        <v>123</v>
      </c>
      <c r="I16971" t="s">
        <v>15</v>
      </c>
      <c r="J16971" s="10">
        <v>14.662243822160509</v>
      </c>
    </row>
    <row r="16972" spans="1:10" x14ac:dyDescent="0.35">
      <c r="A16972" t="s">
        <v>22</v>
      </c>
      <c r="B16972" t="s">
        <v>55</v>
      </c>
      <c r="C16972" t="s">
        <v>117</v>
      </c>
      <c r="D16972" t="s">
        <v>118</v>
      </c>
      <c r="E16972" s="6">
        <v>2021</v>
      </c>
      <c r="F16972" s="6">
        <v>2021</v>
      </c>
      <c r="G16972" t="s">
        <v>125</v>
      </c>
      <c r="H16972" t="s">
        <v>123</v>
      </c>
      <c r="I16972" t="s">
        <v>15</v>
      </c>
      <c r="J16972" s="10">
        <v>13.231466055810079</v>
      </c>
    </row>
    <row r="16973" spans="1:10" x14ac:dyDescent="0.35">
      <c r="A16973" t="s">
        <v>22</v>
      </c>
      <c r="B16973" t="s">
        <v>56</v>
      </c>
      <c r="C16973" t="s">
        <v>117</v>
      </c>
      <c r="D16973" t="s">
        <v>118</v>
      </c>
      <c r="E16973" s="6">
        <v>2021</v>
      </c>
      <c r="F16973" s="6">
        <v>2021</v>
      </c>
      <c r="G16973" t="s">
        <v>125</v>
      </c>
      <c r="H16973" t="s">
        <v>123</v>
      </c>
      <c r="I16973" t="s">
        <v>15</v>
      </c>
      <c r="J16973" s="10">
        <v>14.67581705619811</v>
      </c>
    </row>
    <row r="16974" spans="1:10" x14ac:dyDescent="0.35">
      <c r="A16974" t="s">
        <v>28</v>
      </c>
      <c r="B16974" t="s">
        <v>58</v>
      </c>
      <c r="C16974" t="s">
        <v>117</v>
      </c>
      <c r="D16974" t="s">
        <v>118</v>
      </c>
      <c r="E16974" s="6">
        <v>2021</v>
      </c>
      <c r="F16974" s="6">
        <v>2021</v>
      </c>
      <c r="G16974" t="s">
        <v>125</v>
      </c>
      <c r="H16974" t="s">
        <v>123</v>
      </c>
      <c r="I16974" t="s">
        <v>15</v>
      </c>
      <c r="J16974" s="10">
        <v>24.072626705946011</v>
      </c>
    </row>
    <row r="16975" spans="1:10" x14ac:dyDescent="0.35">
      <c r="A16975" t="s">
        <v>20</v>
      </c>
      <c r="B16975" t="s">
        <v>59</v>
      </c>
      <c r="C16975" t="s">
        <v>117</v>
      </c>
      <c r="D16975" t="s">
        <v>118</v>
      </c>
      <c r="E16975" s="6">
        <v>2021</v>
      </c>
      <c r="F16975" s="6">
        <v>2021</v>
      </c>
      <c r="G16975" t="s">
        <v>125</v>
      </c>
      <c r="H16975" t="s">
        <v>123</v>
      </c>
      <c r="I16975" t="s">
        <v>15</v>
      </c>
      <c r="J16975" s="10">
        <v>16.446529654750368</v>
      </c>
    </row>
    <row r="16976" spans="1:10" x14ac:dyDescent="0.35">
      <c r="A16976" t="s">
        <v>20</v>
      </c>
      <c r="B16976" t="s">
        <v>60</v>
      </c>
      <c r="C16976" t="s">
        <v>117</v>
      </c>
      <c r="D16976" t="s">
        <v>118</v>
      </c>
      <c r="E16976" s="6">
        <v>2021</v>
      </c>
      <c r="F16976" s="6">
        <v>2021</v>
      </c>
      <c r="G16976" t="s">
        <v>125</v>
      </c>
      <c r="H16976" t="s">
        <v>123</v>
      </c>
      <c r="I16976" t="s">
        <v>15</v>
      </c>
      <c r="J16976" s="10">
        <v>15.78934016590984</v>
      </c>
    </row>
    <row r="16977" spans="1:10" x14ac:dyDescent="0.35">
      <c r="A16977" t="s">
        <v>28</v>
      </c>
      <c r="B16977" t="s">
        <v>61</v>
      </c>
      <c r="C16977" t="s">
        <v>117</v>
      </c>
      <c r="D16977" t="s">
        <v>118</v>
      </c>
      <c r="E16977" s="6">
        <v>2021</v>
      </c>
      <c r="F16977" s="6">
        <v>2021</v>
      </c>
      <c r="G16977" t="s">
        <v>125</v>
      </c>
      <c r="H16977" t="s">
        <v>123</v>
      </c>
      <c r="I16977" t="s">
        <v>15</v>
      </c>
      <c r="J16977" s="10">
        <v>23.298183781940139</v>
      </c>
    </row>
    <row r="16978" spans="1:10" x14ac:dyDescent="0.35">
      <c r="A16978" t="s">
        <v>62</v>
      </c>
      <c r="B16978" t="s">
        <v>63</v>
      </c>
      <c r="C16978" t="s">
        <v>117</v>
      </c>
      <c r="D16978" t="s">
        <v>118</v>
      </c>
      <c r="E16978" s="6">
        <v>2021</v>
      </c>
      <c r="F16978" s="6">
        <v>2021</v>
      </c>
      <c r="G16978" t="s">
        <v>125</v>
      </c>
      <c r="H16978" t="s">
        <v>123</v>
      </c>
      <c r="I16978" t="s">
        <v>15</v>
      </c>
      <c r="J16978" s="10">
        <v>12.271613190730838</v>
      </c>
    </row>
    <row r="16979" spans="1:10" x14ac:dyDescent="0.35">
      <c r="A16979" t="s">
        <v>62</v>
      </c>
      <c r="B16979" t="s">
        <v>64</v>
      </c>
      <c r="C16979" t="s">
        <v>117</v>
      </c>
      <c r="D16979" t="s">
        <v>118</v>
      </c>
      <c r="E16979" s="6">
        <v>2021</v>
      </c>
      <c r="F16979" s="6">
        <v>2021</v>
      </c>
      <c r="G16979" t="s">
        <v>125</v>
      </c>
      <c r="H16979" t="s">
        <v>123</v>
      </c>
      <c r="I16979" t="s">
        <v>15</v>
      </c>
      <c r="J16979" s="10">
        <v>13.385935008522571</v>
      </c>
    </row>
    <row r="16980" spans="1:10" x14ac:dyDescent="0.35">
      <c r="A16980" t="s">
        <v>62</v>
      </c>
      <c r="B16980" t="s">
        <v>65</v>
      </c>
      <c r="C16980" t="s">
        <v>117</v>
      </c>
      <c r="D16980" t="s">
        <v>118</v>
      </c>
      <c r="E16980" s="6">
        <v>2021</v>
      </c>
      <c r="F16980" s="6">
        <v>2021</v>
      </c>
      <c r="G16980" t="s">
        <v>125</v>
      </c>
      <c r="H16980" t="s">
        <v>123</v>
      </c>
      <c r="I16980" t="s">
        <v>15</v>
      </c>
      <c r="J16980" s="10">
        <v>7.4274439918533606</v>
      </c>
    </row>
    <row r="16981" spans="1:10" x14ac:dyDescent="0.35">
      <c r="A16981" t="s">
        <v>62</v>
      </c>
      <c r="B16981" t="s">
        <v>66</v>
      </c>
      <c r="C16981" t="s">
        <v>117</v>
      </c>
      <c r="D16981" t="s">
        <v>118</v>
      </c>
      <c r="E16981" s="6">
        <v>2021</v>
      </c>
      <c r="F16981" s="6">
        <v>2021</v>
      </c>
      <c r="G16981" t="s">
        <v>125</v>
      </c>
      <c r="H16981" t="s">
        <v>123</v>
      </c>
      <c r="I16981" t="s">
        <v>15</v>
      </c>
      <c r="J16981" s="10">
        <v>11.565698404639106</v>
      </c>
    </row>
    <row r="16982" spans="1:10" x14ac:dyDescent="0.35">
      <c r="A16982" t="s">
        <v>62</v>
      </c>
      <c r="B16982" t="s">
        <v>67</v>
      </c>
      <c r="C16982" t="s">
        <v>117</v>
      </c>
      <c r="D16982" t="s">
        <v>118</v>
      </c>
      <c r="E16982" s="6">
        <v>2021</v>
      </c>
      <c r="F16982" s="6">
        <v>2021</v>
      </c>
      <c r="G16982" t="s">
        <v>125</v>
      </c>
      <c r="H16982" t="s">
        <v>123</v>
      </c>
      <c r="I16982" t="s">
        <v>15</v>
      </c>
      <c r="J16982" s="10">
        <v>12.093094786486901</v>
      </c>
    </row>
    <row r="16983" spans="1:10" x14ac:dyDescent="0.35">
      <c r="A16983" t="s">
        <v>62</v>
      </c>
      <c r="B16983" t="s">
        <v>68</v>
      </c>
      <c r="C16983" t="s">
        <v>117</v>
      </c>
      <c r="D16983" t="s">
        <v>118</v>
      </c>
      <c r="E16983" s="6">
        <v>2021</v>
      </c>
      <c r="F16983" s="6">
        <v>2021</v>
      </c>
      <c r="G16983" t="s">
        <v>125</v>
      </c>
      <c r="H16983" t="s">
        <v>123</v>
      </c>
      <c r="I16983" t="s">
        <v>15</v>
      </c>
      <c r="J16983" s="10">
        <v>10.68767298275495</v>
      </c>
    </row>
    <row r="16984" spans="1:10" x14ac:dyDescent="0.35">
      <c r="A16984" t="s">
        <v>62</v>
      </c>
      <c r="B16984" t="s">
        <v>69</v>
      </c>
      <c r="C16984" t="s">
        <v>117</v>
      </c>
      <c r="D16984" t="s">
        <v>118</v>
      </c>
      <c r="E16984" s="6">
        <v>2021</v>
      </c>
      <c r="F16984" s="6">
        <v>2021</v>
      </c>
      <c r="G16984" t="s">
        <v>125</v>
      </c>
      <c r="H16984" t="s">
        <v>123</v>
      </c>
      <c r="I16984" t="s">
        <v>15</v>
      </c>
      <c r="J16984" s="10">
        <v>11.623295551910696</v>
      </c>
    </row>
    <row r="16985" spans="1:10" x14ac:dyDescent="0.35">
      <c r="A16985" t="s">
        <v>62</v>
      </c>
      <c r="B16985" t="s">
        <v>70</v>
      </c>
      <c r="C16985" t="s">
        <v>117</v>
      </c>
      <c r="D16985" t="s">
        <v>118</v>
      </c>
      <c r="E16985" s="6">
        <v>2021</v>
      </c>
      <c r="F16985" s="6">
        <v>2021</v>
      </c>
      <c r="G16985" t="s">
        <v>125</v>
      </c>
      <c r="H16985" t="s">
        <v>123</v>
      </c>
      <c r="I16985" t="s">
        <v>15</v>
      </c>
      <c r="J16985" s="10">
        <v>9.563300440898594</v>
      </c>
    </row>
    <row r="16986" spans="1:10" x14ac:dyDescent="0.35">
      <c r="A16986" t="s">
        <v>35</v>
      </c>
      <c r="B16986" t="s">
        <v>71</v>
      </c>
      <c r="C16986" t="s">
        <v>117</v>
      </c>
      <c r="D16986" t="s">
        <v>118</v>
      </c>
      <c r="E16986" s="6">
        <v>2021</v>
      </c>
      <c r="F16986" s="6">
        <v>2021</v>
      </c>
      <c r="G16986" t="s">
        <v>125</v>
      </c>
      <c r="H16986" t="s">
        <v>123</v>
      </c>
      <c r="I16986" t="s">
        <v>15</v>
      </c>
      <c r="J16986" s="10">
        <v>17.648948598130843</v>
      </c>
    </row>
    <row r="16987" spans="1:10" x14ac:dyDescent="0.35">
      <c r="A16987" t="s">
        <v>20</v>
      </c>
      <c r="B16987" t="s">
        <v>72</v>
      </c>
      <c r="C16987" t="s">
        <v>117</v>
      </c>
      <c r="D16987" t="s">
        <v>118</v>
      </c>
      <c r="E16987" s="6">
        <v>2021</v>
      </c>
      <c r="F16987" s="6">
        <v>2021</v>
      </c>
      <c r="G16987" t="s">
        <v>125</v>
      </c>
      <c r="H16987" t="s">
        <v>123</v>
      </c>
      <c r="I16987" t="s">
        <v>15</v>
      </c>
      <c r="J16987" s="10">
        <v>16.172291051571424</v>
      </c>
    </row>
    <row r="16988" spans="1:10" x14ac:dyDescent="0.35">
      <c r="A16988" t="s">
        <v>26</v>
      </c>
      <c r="B16988" t="s">
        <v>73</v>
      </c>
      <c r="C16988" t="s">
        <v>117</v>
      </c>
      <c r="D16988" t="s">
        <v>118</v>
      </c>
      <c r="E16988" s="6">
        <v>2021</v>
      </c>
      <c r="F16988" s="6">
        <v>2021</v>
      </c>
      <c r="G16988" t="s">
        <v>125</v>
      </c>
      <c r="H16988" t="s">
        <v>123</v>
      </c>
      <c r="I16988" t="s">
        <v>15</v>
      </c>
      <c r="J16988" s="10">
        <v>16.911416390336335</v>
      </c>
    </row>
    <row r="16989" spans="1:10" x14ac:dyDescent="0.35">
      <c r="A16989" t="s">
        <v>28</v>
      </c>
      <c r="B16989" t="s">
        <v>74</v>
      </c>
      <c r="C16989" t="s">
        <v>117</v>
      </c>
      <c r="D16989" t="s">
        <v>118</v>
      </c>
      <c r="E16989" s="6">
        <v>2021</v>
      </c>
      <c r="F16989" s="6">
        <v>2021</v>
      </c>
      <c r="G16989" t="s">
        <v>125</v>
      </c>
      <c r="H16989" t="s">
        <v>123</v>
      </c>
      <c r="I16989" t="s">
        <v>15</v>
      </c>
      <c r="J16989" s="10">
        <v>17.314821726257122</v>
      </c>
    </row>
    <row r="16990" spans="1:10" x14ac:dyDescent="0.35">
      <c r="A16990" t="s">
        <v>33</v>
      </c>
      <c r="B16990" t="s">
        <v>75</v>
      </c>
      <c r="C16990" t="s">
        <v>117</v>
      </c>
      <c r="D16990" t="s">
        <v>118</v>
      </c>
      <c r="E16990" s="6">
        <v>2021</v>
      </c>
      <c r="F16990" s="6">
        <v>2021</v>
      </c>
      <c r="G16990" t="s">
        <v>125</v>
      </c>
      <c r="H16990" t="s">
        <v>123</v>
      </c>
      <c r="I16990" t="s">
        <v>15</v>
      </c>
      <c r="J16990" s="10">
        <v>17.84776902887139</v>
      </c>
    </row>
    <row r="16991" spans="1:10" x14ac:dyDescent="0.35">
      <c r="A16991" t="s">
        <v>22</v>
      </c>
      <c r="B16991" t="s">
        <v>76</v>
      </c>
      <c r="C16991" t="s">
        <v>117</v>
      </c>
      <c r="D16991" t="s">
        <v>118</v>
      </c>
      <c r="E16991" s="6">
        <v>2021</v>
      </c>
      <c r="F16991" s="6">
        <v>2021</v>
      </c>
      <c r="G16991" t="s">
        <v>125</v>
      </c>
      <c r="H16991" t="s">
        <v>123</v>
      </c>
      <c r="I16991" t="s">
        <v>15</v>
      </c>
      <c r="J16991" s="10">
        <v>14.6484375</v>
      </c>
    </row>
    <row r="16992" spans="1:10" x14ac:dyDescent="0.35">
      <c r="A16992" t="s">
        <v>33</v>
      </c>
      <c r="B16992" t="s">
        <v>77</v>
      </c>
      <c r="C16992" t="s">
        <v>117</v>
      </c>
      <c r="D16992" t="s">
        <v>118</v>
      </c>
      <c r="E16992" s="6">
        <v>2021</v>
      </c>
      <c r="F16992" s="6">
        <v>2021</v>
      </c>
      <c r="G16992" t="s">
        <v>125</v>
      </c>
      <c r="H16992" t="s">
        <v>123</v>
      </c>
      <c r="I16992" t="s">
        <v>15</v>
      </c>
      <c r="J16992" s="10">
        <v>18.549872274698508</v>
      </c>
    </row>
    <row r="16993" spans="1:10" x14ac:dyDescent="0.35">
      <c r="A16993" t="s">
        <v>22</v>
      </c>
      <c r="B16993" t="s">
        <v>78</v>
      </c>
      <c r="C16993" t="s">
        <v>117</v>
      </c>
      <c r="D16993" t="s">
        <v>118</v>
      </c>
      <c r="E16993" s="6">
        <v>2021</v>
      </c>
      <c r="F16993" s="6">
        <v>2021</v>
      </c>
      <c r="G16993" t="s">
        <v>125</v>
      </c>
      <c r="H16993" t="s">
        <v>123</v>
      </c>
      <c r="I16993" t="s">
        <v>15</v>
      </c>
      <c r="J16993" s="10">
        <v>15.637194251451414</v>
      </c>
    </row>
    <row r="16994" spans="1:10" x14ac:dyDescent="0.35">
      <c r="A16994" t="s">
        <v>28</v>
      </c>
      <c r="B16994" t="s">
        <v>79</v>
      </c>
      <c r="C16994" t="s">
        <v>117</v>
      </c>
      <c r="D16994" t="s">
        <v>118</v>
      </c>
      <c r="E16994" s="6">
        <v>2021</v>
      </c>
      <c r="F16994" s="6">
        <v>2021</v>
      </c>
      <c r="G16994" t="s">
        <v>125</v>
      </c>
      <c r="H16994" t="s">
        <v>123</v>
      </c>
      <c r="I16994" t="s">
        <v>15</v>
      </c>
      <c r="J16994" s="10">
        <v>18.576459779501839</v>
      </c>
    </row>
    <row r="16995" spans="1:10" x14ac:dyDescent="0.35">
      <c r="A16995" t="s">
        <v>26</v>
      </c>
      <c r="B16995" t="s">
        <v>80</v>
      </c>
      <c r="C16995" t="s">
        <v>117</v>
      </c>
      <c r="D16995" t="s">
        <v>118</v>
      </c>
      <c r="E16995" s="6">
        <v>2021</v>
      </c>
      <c r="F16995" s="6">
        <v>2021</v>
      </c>
      <c r="G16995" t="s">
        <v>125</v>
      </c>
      <c r="H16995" t="s">
        <v>123</v>
      </c>
      <c r="I16995" t="s">
        <v>15</v>
      </c>
      <c r="J16995" s="10">
        <v>18.110744334963144</v>
      </c>
    </row>
    <row r="16996" spans="1:10" x14ac:dyDescent="0.35">
      <c r="A16996" t="s">
        <v>20</v>
      </c>
      <c r="B16996" t="s">
        <v>81</v>
      </c>
      <c r="C16996" t="s">
        <v>117</v>
      </c>
      <c r="D16996" t="s">
        <v>118</v>
      </c>
      <c r="E16996" s="6">
        <v>2021</v>
      </c>
      <c r="F16996" s="6">
        <v>2021</v>
      </c>
      <c r="G16996" t="s">
        <v>125</v>
      </c>
      <c r="H16996" t="s">
        <v>123</v>
      </c>
      <c r="I16996" t="s">
        <v>15</v>
      </c>
      <c r="J16996" s="10">
        <v>14.868286376124548</v>
      </c>
    </row>
    <row r="16997" spans="1:10" x14ac:dyDescent="0.35">
      <c r="A16997" t="s">
        <v>26</v>
      </c>
      <c r="B16997" t="s">
        <v>57</v>
      </c>
      <c r="C16997" t="s">
        <v>117</v>
      </c>
      <c r="D16997" t="s">
        <v>118</v>
      </c>
      <c r="E16997" s="6">
        <v>2021</v>
      </c>
      <c r="F16997" s="6">
        <v>2021</v>
      </c>
      <c r="G16997" t="s">
        <v>125</v>
      </c>
      <c r="H16997" t="s">
        <v>123</v>
      </c>
      <c r="I16997" t="s">
        <v>15</v>
      </c>
      <c r="J16997" s="10">
        <v>22.321631662749262</v>
      </c>
    </row>
    <row r="16998" spans="1:10" x14ac:dyDescent="0.35">
      <c r="A16998" t="s">
        <v>33</v>
      </c>
      <c r="B16998" t="s">
        <v>82</v>
      </c>
      <c r="C16998" t="s">
        <v>117</v>
      </c>
      <c r="D16998" t="s">
        <v>118</v>
      </c>
      <c r="E16998" s="6">
        <v>2021</v>
      </c>
      <c r="F16998" s="6">
        <v>2021</v>
      </c>
      <c r="G16998" t="s">
        <v>125</v>
      </c>
      <c r="H16998" t="s">
        <v>123</v>
      </c>
      <c r="I16998" t="s">
        <v>15</v>
      </c>
      <c r="J16998" s="10">
        <v>19.901767627715959</v>
      </c>
    </row>
    <row r="16999" spans="1:10" x14ac:dyDescent="0.35">
      <c r="A16999" t="s">
        <v>26</v>
      </c>
      <c r="B16999" t="s">
        <v>83</v>
      </c>
      <c r="C16999" t="s">
        <v>117</v>
      </c>
      <c r="D16999" t="s">
        <v>118</v>
      </c>
      <c r="E16999" s="6">
        <v>2021</v>
      </c>
      <c r="F16999" s="6">
        <v>2021</v>
      </c>
      <c r="G16999" t="s">
        <v>125</v>
      </c>
      <c r="H16999" t="s">
        <v>123</v>
      </c>
      <c r="I16999" t="s">
        <v>15</v>
      </c>
      <c r="J16999" s="10">
        <v>21.117458050696179</v>
      </c>
    </row>
    <row r="17000" spans="1:10" x14ac:dyDescent="0.35">
      <c r="A17000" t="s">
        <v>35</v>
      </c>
      <c r="B17000" t="s">
        <v>84</v>
      </c>
      <c r="C17000" t="s">
        <v>117</v>
      </c>
      <c r="D17000" t="s">
        <v>118</v>
      </c>
      <c r="E17000" s="6">
        <v>2021</v>
      </c>
      <c r="F17000" s="6">
        <v>2021</v>
      </c>
      <c r="G17000" t="s">
        <v>125</v>
      </c>
      <c r="H17000" t="s">
        <v>123</v>
      </c>
      <c r="I17000" t="s">
        <v>15</v>
      </c>
      <c r="J17000" s="10">
        <v>14.921391679436971</v>
      </c>
    </row>
    <row r="17001" spans="1:10" x14ac:dyDescent="0.35">
      <c r="A17001" t="s">
        <v>33</v>
      </c>
      <c r="B17001" t="s">
        <v>85</v>
      </c>
      <c r="C17001" t="s">
        <v>117</v>
      </c>
      <c r="D17001" t="s">
        <v>118</v>
      </c>
      <c r="E17001" s="6">
        <v>2021</v>
      </c>
      <c r="F17001" s="6">
        <v>2021</v>
      </c>
      <c r="G17001" t="s">
        <v>125</v>
      </c>
      <c r="H17001" t="s">
        <v>123</v>
      </c>
      <c r="I17001" t="s">
        <v>15</v>
      </c>
      <c r="J17001" s="10">
        <v>20.748578302712161</v>
      </c>
    </row>
    <row r="17002" spans="1:10" x14ac:dyDescent="0.35">
      <c r="A17002" t="s">
        <v>33</v>
      </c>
      <c r="B17002" t="s">
        <v>86</v>
      </c>
      <c r="C17002" t="s">
        <v>117</v>
      </c>
      <c r="D17002" t="s">
        <v>118</v>
      </c>
      <c r="E17002" s="6">
        <v>2021</v>
      </c>
      <c r="F17002" s="6">
        <v>2021</v>
      </c>
      <c r="G17002" t="s">
        <v>125</v>
      </c>
      <c r="H17002" t="s">
        <v>123</v>
      </c>
      <c r="I17002" t="s">
        <v>15</v>
      </c>
      <c r="J17002" s="10">
        <v>19.309904153354633</v>
      </c>
    </row>
    <row r="17003" spans="1:10" x14ac:dyDescent="0.35">
      <c r="A17003" t="s">
        <v>35</v>
      </c>
      <c r="B17003" t="s">
        <v>87</v>
      </c>
      <c r="C17003" t="s">
        <v>117</v>
      </c>
      <c r="D17003" t="s">
        <v>118</v>
      </c>
      <c r="E17003" s="6">
        <v>2021</v>
      </c>
      <c r="F17003" s="6">
        <v>2021</v>
      </c>
      <c r="G17003" t="s">
        <v>125</v>
      </c>
      <c r="H17003" t="s">
        <v>123</v>
      </c>
      <c r="I17003" t="s">
        <v>15</v>
      </c>
      <c r="J17003" s="10">
        <v>17.522733620930449</v>
      </c>
    </row>
    <row r="17004" spans="1:10" x14ac:dyDescent="0.35">
      <c r="A17004" t="s">
        <v>35</v>
      </c>
      <c r="B17004" t="s">
        <v>88</v>
      </c>
      <c r="C17004" t="s">
        <v>117</v>
      </c>
      <c r="D17004" t="s">
        <v>118</v>
      </c>
      <c r="E17004" s="6">
        <v>2021</v>
      </c>
      <c r="F17004" s="6">
        <v>2021</v>
      </c>
      <c r="G17004" t="s">
        <v>125</v>
      </c>
      <c r="H17004" t="s">
        <v>123</v>
      </c>
      <c r="I17004" t="s">
        <v>15</v>
      </c>
      <c r="J17004" s="10">
        <v>15.617798262719376</v>
      </c>
    </row>
    <row r="17005" spans="1:10" x14ac:dyDescent="0.35">
      <c r="A17005" t="s">
        <v>62</v>
      </c>
      <c r="B17005" t="s">
        <v>89</v>
      </c>
      <c r="C17005" t="s">
        <v>117</v>
      </c>
      <c r="D17005" t="s">
        <v>118</v>
      </c>
      <c r="E17005" s="6">
        <v>2021</v>
      </c>
      <c r="F17005" s="6">
        <v>2021</v>
      </c>
      <c r="G17005" t="s">
        <v>125</v>
      </c>
      <c r="H17005" t="s">
        <v>123</v>
      </c>
      <c r="I17005" t="s">
        <v>15</v>
      </c>
      <c r="J17005" s="10">
        <v>16.139410187667561</v>
      </c>
    </row>
    <row r="17006" spans="1:10" x14ac:dyDescent="0.35">
      <c r="A17006" t="s">
        <v>26</v>
      </c>
      <c r="B17006" t="s">
        <v>90</v>
      </c>
      <c r="C17006" t="s">
        <v>117</v>
      </c>
      <c r="D17006" t="s">
        <v>118</v>
      </c>
      <c r="E17006" s="6">
        <v>2021</v>
      </c>
      <c r="F17006" s="6">
        <v>2021</v>
      </c>
      <c r="G17006" t="s">
        <v>125</v>
      </c>
      <c r="H17006" t="s">
        <v>123</v>
      </c>
      <c r="I17006" t="s">
        <v>15</v>
      </c>
      <c r="J17006" s="10">
        <v>18.495270851246776</v>
      </c>
    </row>
    <row r="17007" spans="1:10" x14ac:dyDescent="0.35">
      <c r="A17007" t="s">
        <v>26</v>
      </c>
      <c r="B17007" t="s">
        <v>91</v>
      </c>
      <c r="C17007" t="s">
        <v>117</v>
      </c>
      <c r="D17007" t="s">
        <v>118</v>
      </c>
      <c r="E17007" s="6">
        <v>2021</v>
      </c>
      <c r="F17007" s="6">
        <v>2021</v>
      </c>
      <c r="G17007" t="s">
        <v>125</v>
      </c>
      <c r="H17007" t="s">
        <v>123</v>
      </c>
      <c r="I17007" t="s">
        <v>15</v>
      </c>
      <c r="J17007" s="10">
        <v>20.903191630247651</v>
      </c>
    </row>
    <row r="17008" spans="1:10" x14ac:dyDescent="0.35">
      <c r="A17008" t="s">
        <v>33</v>
      </c>
      <c r="B17008" t="s">
        <v>92</v>
      </c>
      <c r="C17008" t="s">
        <v>117</v>
      </c>
      <c r="D17008" t="s">
        <v>118</v>
      </c>
      <c r="E17008" s="6">
        <v>2021</v>
      </c>
      <c r="F17008" s="6">
        <v>2021</v>
      </c>
      <c r="G17008" t="s">
        <v>125</v>
      </c>
      <c r="H17008" t="s">
        <v>123</v>
      </c>
      <c r="I17008" t="s">
        <v>15</v>
      </c>
      <c r="J17008" s="10">
        <v>16.927645788336935</v>
      </c>
    </row>
    <row r="17009" spans="1:10" x14ac:dyDescent="0.35">
      <c r="A17009" t="s">
        <v>35</v>
      </c>
      <c r="B17009" t="s">
        <v>93</v>
      </c>
      <c r="C17009" t="s">
        <v>117</v>
      </c>
      <c r="D17009" t="s">
        <v>118</v>
      </c>
      <c r="E17009" s="6">
        <v>2021</v>
      </c>
      <c r="F17009" s="6">
        <v>2021</v>
      </c>
      <c r="G17009" t="s">
        <v>125</v>
      </c>
      <c r="H17009" t="s">
        <v>123</v>
      </c>
      <c r="I17009" t="s">
        <v>15</v>
      </c>
      <c r="J17009" s="10">
        <v>18.275312387514784</v>
      </c>
    </row>
    <row r="17010" spans="1:10" x14ac:dyDescent="0.35">
      <c r="A17010" t="s">
        <v>20</v>
      </c>
      <c r="B17010" t="s">
        <v>94</v>
      </c>
      <c r="C17010" t="s">
        <v>117</v>
      </c>
      <c r="D17010" t="s">
        <v>118</v>
      </c>
      <c r="E17010" s="6">
        <v>2021</v>
      </c>
      <c r="F17010" s="6">
        <v>2021</v>
      </c>
      <c r="G17010" t="s">
        <v>125</v>
      </c>
      <c r="H17010" t="s">
        <v>123</v>
      </c>
      <c r="I17010" t="s">
        <v>15</v>
      </c>
      <c r="J17010" s="10">
        <v>15.302481259162956</v>
      </c>
    </row>
    <row r="17011" spans="1:10" x14ac:dyDescent="0.35">
      <c r="A17011" t="s">
        <v>10</v>
      </c>
      <c r="B17011" t="s">
        <v>11</v>
      </c>
      <c r="C17011" t="s">
        <v>117</v>
      </c>
      <c r="D17011" t="s">
        <v>118</v>
      </c>
      <c r="E17011" s="6">
        <v>2021</v>
      </c>
      <c r="F17011" s="6">
        <v>2021</v>
      </c>
      <c r="G17011" t="s">
        <v>125</v>
      </c>
      <c r="H17011" t="s">
        <v>124</v>
      </c>
      <c r="I17011" t="s">
        <v>15</v>
      </c>
      <c r="J17011" s="10">
        <v>1.0552884615384615</v>
      </c>
    </row>
    <row r="17012" spans="1:10" x14ac:dyDescent="0.35">
      <c r="A17012" t="s">
        <v>10</v>
      </c>
      <c r="B17012" t="s">
        <v>16</v>
      </c>
      <c r="C17012" t="s">
        <v>117</v>
      </c>
      <c r="D17012" t="s">
        <v>118</v>
      </c>
      <c r="E17012" s="6">
        <v>2021</v>
      </c>
      <c r="F17012" s="6">
        <v>2021</v>
      </c>
      <c r="G17012" t="s">
        <v>125</v>
      </c>
      <c r="H17012" t="s">
        <v>124</v>
      </c>
      <c r="I17012" t="s">
        <v>15</v>
      </c>
      <c r="J17012" s="10">
        <v>1.6569819076860615</v>
      </c>
    </row>
    <row r="17013" spans="1:10" x14ac:dyDescent="0.35">
      <c r="A17013" t="s">
        <v>10</v>
      </c>
      <c r="B17013" t="s">
        <v>17</v>
      </c>
      <c r="C17013" t="s">
        <v>117</v>
      </c>
      <c r="D17013" t="s">
        <v>118</v>
      </c>
      <c r="E17013" s="6">
        <v>2021</v>
      </c>
      <c r="F17013" s="6">
        <v>2021</v>
      </c>
      <c r="G17013" t="s">
        <v>125</v>
      </c>
      <c r="H17013" t="s">
        <v>124</v>
      </c>
      <c r="I17013" t="s">
        <v>15</v>
      </c>
      <c r="J17013" s="10">
        <v>1.613705306081854</v>
      </c>
    </row>
    <row r="17014" spans="1:10" x14ac:dyDescent="0.35">
      <c r="A17014" t="s">
        <v>10</v>
      </c>
      <c r="B17014" t="s">
        <v>18</v>
      </c>
      <c r="C17014" t="s">
        <v>117</v>
      </c>
      <c r="D17014" t="s">
        <v>118</v>
      </c>
      <c r="E17014" s="6">
        <v>2021</v>
      </c>
      <c r="F17014" s="6">
        <v>2021</v>
      </c>
      <c r="G17014" t="s">
        <v>125</v>
      </c>
      <c r="H17014" t="s">
        <v>124</v>
      </c>
      <c r="I17014" t="s">
        <v>15</v>
      </c>
      <c r="J17014" s="10">
        <v>1.6900298095636965</v>
      </c>
    </row>
    <row r="17015" spans="1:10" x14ac:dyDescent="0.35">
      <c r="A17015" t="s">
        <v>10</v>
      </c>
      <c r="B17015" t="s">
        <v>19</v>
      </c>
      <c r="C17015" t="s">
        <v>117</v>
      </c>
      <c r="D17015" t="s">
        <v>118</v>
      </c>
      <c r="E17015" s="6">
        <v>2021</v>
      </c>
      <c r="F17015" s="6">
        <v>2021</v>
      </c>
      <c r="G17015" t="s">
        <v>125</v>
      </c>
      <c r="H17015" t="s">
        <v>124</v>
      </c>
      <c r="I17015" t="s">
        <v>15</v>
      </c>
      <c r="J17015" s="10">
        <v>1.9754124198802143</v>
      </c>
    </row>
    <row r="17016" spans="1:10" x14ac:dyDescent="0.35">
      <c r="A17016" t="s">
        <v>20</v>
      </c>
      <c r="B17016" t="s">
        <v>21</v>
      </c>
      <c r="C17016" t="s">
        <v>117</v>
      </c>
      <c r="D17016" t="s">
        <v>118</v>
      </c>
      <c r="E17016" s="6">
        <v>2021</v>
      </c>
      <c r="F17016" s="6">
        <v>2021</v>
      </c>
      <c r="G17016" t="s">
        <v>125</v>
      </c>
      <c r="H17016" t="s">
        <v>124</v>
      </c>
      <c r="I17016" t="s">
        <v>15</v>
      </c>
      <c r="J17016" s="10">
        <v>1.2420911449981049</v>
      </c>
    </row>
    <row r="17017" spans="1:10" x14ac:dyDescent="0.35">
      <c r="A17017" t="s">
        <v>22</v>
      </c>
      <c r="B17017" t="s">
        <v>23</v>
      </c>
      <c r="C17017" t="s">
        <v>117</v>
      </c>
      <c r="D17017" t="s">
        <v>118</v>
      </c>
      <c r="E17017" s="6">
        <v>2021</v>
      </c>
      <c r="F17017" s="6">
        <v>2021</v>
      </c>
      <c r="G17017" t="s">
        <v>125</v>
      </c>
      <c r="H17017" t="s">
        <v>124</v>
      </c>
      <c r="I17017" t="s">
        <v>15</v>
      </c>
      <c r="J17017" s="10">
        <v>1.2740169409820261</v>
      </c>
    </row>
    <row r="17018" spans="1:10" x14ac:dyDescent="0.35">
      <c r="A17018" t="s">
        <v>10</v>
      </c>
      <c r="B17018" t="s">
        <v>24</v>
      </c>
      <c r="C17018" t="s">
        <v>117</v>
      </c>
      <c r="D17018" t="s">
        <v>118</v>
      </c>
      <c r="E17018" s="6">
        <v>2021</v>
      </c>
      <c r="F17018" s="6">
        <v>2021</v>
      </c>
      <c r="G17018" t="s">
        <v>125</v>
      </c>
      <c r="H17018" t="s">
        <v>124</v>
      </c>
      <c r="I17018" t="s">
        <v>15</v>
      </c>
      <c r="J17018" s="10">
        <v>2.1024398684893577</v>
      </c>
    </row>
    <row r="17019" spans="1:10" x14ac:dyDescent="0.35">
      <c r="A17019" t="s">
        <v>10</v>
      </c>
      <c r="B17019" t="s">
        <v>25</v>
      </c>
      <c r="C17019" t="s">
        <v>117</v>
      </c>
      <c r="D17019" t="s">
        <v>118</v>
      </c>
      <c r="E17019" s="6">
        <v>2021</v>
      </c>
      <c r="F17019" s="6">
        <v>2021</v>
      </c>
      <c r="G17019" t="s">
        <v>125</v>
      </c>
      <c r="H17019" t="s">
        <v>124</v>
      </c>
      <c r="I17019" t="s">
        <v>15</v>
      </c>
      <c r="J17019" s="10">
        <v>2.2194163860830529</v>
      </c>
    </row>
    <row r="17020" spans="1:10" x14ac:dyDescent="0.35">
      <c r="A17020" t="s">
        <v>26</v>
      </c>
      <c r="B17020" t="s">
        <v>27</v>
      </c>
      <c r="C17020" t="s">
        <v>117</v>
      </c>
      <c r="D17020" t="s">
        <v>118</v>
      </c>
      <c r="E17020" s="6">
        <v>2021</v>
      </c>
      <c r="F17020" s="6">
        <v>2021</v>
      </c>
      <c r="G17020" t="s">
        <v>125</v>
      </c>
      <c r="H17020" t="s">
        <v>124</v>
      </c>
      <c r="I17020" t="s">
        <v>15</v>
      </c>
      <c r="J17020" s="10">
        <v>2.4462038164839628</v>
      </c>
    </row>
    <row r="17021" spans="1:10" x14ac:dyDescent="0.35">
      <c r="A17021" t="s">
        <v>28</v>
      </c>
      <c r="B17021" t="s">
        <v>29</v>
      </c>
      <c r="C17021" t="s">
        <v>117</v>
      </c>
      <c r="D17021" t="s">
        <v>118</v>
      </c>
      <c r="E17021" s="6">
        <v>2021</v>
      </c>
      <c r="F17021" s="6">
        <v>2021</v>
      </c>
      <c r="G17021" t="s">
        <v>125</v>
      </c>
      <c r="H17021" t="s">
        <v>124</v>
      </c>
      <c r="I17021" t="s">
        <v>15</v>
      </c>
      <c r="J17021" s="10">
        <v>2.7400349551784404</v>
      </c>
    </row>
    <row r="17022" spans="1:10" x14ac:dyDescent="0.35">
      <c r="A17022" t="s">
        <v>10</v>
      </c>
      <c r="B17022" t="s">
        <v>30</v>
      </c>
      <c r="C17022" t="s">
        <v>117</v>
      </c>
      <c r="D17022" t="s">
        <v>118</v>
      </c>
      <c r="E17022" s="6">
        <v>2021</v>
      </c>
      <c r="F17022" s="6">
        <v>2021</v>
      </c>
      <c r="G17022" t="s">
        <v>125</v>
      </c>
      <c r="H17022" t="s">
        <v>124</v>
      </c>
      <c r="I17022" t="s">
        <v>15</v>
      </c>
      <c r="J17022" s="10">
        <v>1.9263607257203843</v>
      </c>
    </row>
    <row r="17023" spans="1:10" x14ac:dyDescent="0.35">
      <c r="A17023" t="s">
        <v>26</v>
      </c>
      <c r="B17023" t="s">
        <v>31</v>
      </c>
      <c r="C17023" t="s">
        <v>117</v>
      </c>
      <c r="D17023" t="s">
        <v>118</v>
      </c>
      <c r="E17023" s="6">
        <v>2021</v>
      </c>
      <c r="F17023" s="6">
        <v>2021</v>
      </c>
      <c r="G17023" t="s">
        <v>125</v>
      </c>
      <c r="H17023" t="s">
        <v>124</v>
      </c>
      <c r="I17023" t="s">
        <v>15</v>
      </c>
      <c r="J17023" s="10">
        <v>2.4427569081511851</v>
      </c>
    </row>
    <row r="17024" spans="1:10" x14ac:dyDescent="0.35">
      <c r="A17024" t="s">
        <v>28</v>
      </c>
      <c r="B17024" t="s">
        <v>32</v>
      </c>
      <c r="C17024" t="s">
        <v>117</v>
      </c>
      <c r="D17024" t="s">
        <v>118</v>
      </c>
      <c r="E17024" s="6">
        <v>2021</v>
      </c>
      <c r="F17024" s="6">
        <v>2021</v>
      </c>
      <c r="G17024" t="s">
        <v>125</v>
      </c>
      <c r="H17024" t="s">
        <v>124</v>
      </c>
      <c r="I17024" t="s">
        <v>15</v>
      </c>
      <c r="J17024" s="10">
        <v>1.9643623872906826</v>
      </c>
    </row>
    <row r="17025" spans="1:10" x14ac:dyDescent="0.35">
      <c r="A17025" t="s">
        <v>33</v>
      </c>
      <c r="B17025" t="s">
        <v>34</v>
      </c>
      <c r="C17025" t="s">
        <v>117</v>
      </c>
      <c r="D17025" t="s">
        <v>118</v>
      </c>
      <c r="E17025" s="6">
        <v>2021</v>
      </c>
      <c r="F17025" s="6">
        <v>2021</v>
      </c>
      <c r="G17025" t="s">
        <v>125</v>
      </c>
      <c r="H17025" t="s">
        <v>124</v>
      </c>
      <c r="I17025" t="s">
        <v>15</v>
      </c>
      <c r="J17025" s="10">
        <v>1.8823670916526343</v>
      </c>
    </row>
    <row r="17026" spans="1:10" x14ac:dyDescent="0.35">
      <c r="A17026" t="s">
        <v>35</v>
      </c>
      <c r="B17026" t="s">
        <v>36</v>
      </c>
      <c r="C17026" t="s">
        <v>117</v>
      </c>
      <c r="D17026" t="s">
        <v>118</v>
      </c>
      <c r="E17026" s="6">
        <v>2021</v>
      </c>
      <c r="F17026" s="6">
        <v>2021</v>
      </c>
      <c r="G17026" t="s">
        <v>125</v>
      </c>
      <c r="H17026" t="s">
        <v>124</v>
      </c>
      <c r="I17026" t="s">
        <v>15</v>
      </c>
      <c r="J17026" s="10">
        <v>2.0277353460927907</v>
      </c>
    </row>
    <row r="17027" spans="1:10" x14ac:dyDescent="0.35">
      <c r="A17027" t="s">
        <v>28</v>
      </c>
      <c r="B17027" t="s">
        <v>37</v>
      </c>
      <c r="C17027" t="s">
        <v>117</v>
      </c>
      <c r="D17027" t="s">
        <v>118</v>
      </c>
      <c r="E17027" s="6">
        <v>2021</v>
      </c>
      <c r="F17027" s="6">
        <v>2021</v>
      </c>
      <c r="G17027" t="s">
        <v>125</v>
      </c>
      <c r="H17027" t="s">
        <v>124</v>
      </c>
      <c r="I17027" t="s">
        <v>15</v>
      </c>
      <c r="J17027" s="10">
        <v>1.7348066298342539</v>
      </c>
    </row>
    <row r="17028" spans="1:10" x14ac:dyDescent="0.35">
      <c r="A17028" t="s">
        <v>20</v>
      </c>
      <c r="B17028" t="s">
        <v>38</v>
      </c>
      <c r="C17028" t="s">
        <v>117</v>
      </c>
      <c r="D17028" t="s">
        <v>118</v>
      </c>
      <c r="E17028" s="6">
        <v>2021</v>
      </c>
      <c r="F17028" s="6">
        <v>2021</v>
      </c>
      <c r="G17028" t="s">
        <v>125</v>
      </c>
      <c r="H17028" t="s">
        <v>124</v>
      </c>
      <c r="I17028" t="s">
        <v>15</v>
      </c>
      <c r="J17028" s="10">
        <v>1.2741713676293116</v>
      </c>
    </row>
    <row r="17029" spans="1:10" x14ac:dyDescent="0.35">
      <c r="A17029" t="s">
        <v>33</v>
      </c>
      <c r="B17029" t="s">
        <v>39</v>
      </c>
      <c r="C17029" t="s">
        <v>117</v>
      </c>
      <c r="D17029" t="s">
        <v>118</v>
      </c>
      <c r="E17029" s="6">
        <v>2021</v>
      </c>
      <c r="F17029" s="6">
        <v>2021</v>
      </c>
      <c r="G17029" t="s">
        <v>125</v>
      </c>
      <c r="H17029" t="s">
        <v>124</v>
      </c>
      <c r="I17029" t="s">
        <v>15</v>
      </c>
      <c r="J17029" s="10">
        <v>1.7190128996074032</v>
      </c>
    </row>
    <row r="17030" spans="1:10" x14ac:dyDescent="0.35">
      <c r="A17030" t="s">
        <v>20</v>
      </c>
      <c r="B17030" t="s">
        <v>40</v>
      </c>
      <c r="C17030" t="s">
        <v>117</v>
      </c>
      <c r="D17030" t="s">
        <v>118</v>
      </c>
      <c r="E17030" s="6">
        <v>2021</v>
      </c>
      <c r="F17030" s="6">
        <v>2021</v>
      </c>
      <c r="G17030" t="s">
        <v>125</v>
      </c>
      <c r="H17030" t="s">
        <v>124</v>
      </c>
      <c r="I17030" t="s">
        <v>15</v>
      </c>
      <c r="J17030" s="10">
        <v>1.4644759059618131</v>
      </c>
    </row>
    <row r="17031" spans="1:10" x14ac:dyDescent="0.35">
      <c r="A17031" t="s">
        <v>35</v>
      </c>
      <c r="B17031" t="s">
        <v>41</v>
      </c>
      <c r="C17031" t="s">
        <v>117</v>
      </c>
      <c r="D17031" t="s">
        <v>118</v>
      </c>
      <c r="E17031" s="6">
        <v>2021</v>
      </c>
      <c r="F17031" s="6">
        <v>2021</v>
      </c>
      <c r="G17031" t="s">
        <v>125</v>
      </c>
      <c r="H17031" t="s">
        <v>124</v>
      </c>
      <c r="I17031" t="s">
        <v>15</v>
      </c>
      <c r="J17031" s="10">
        <v>2.2118208516886928</v>
      </c>
    </row>
    <row r="17032" spans="1:10" x14ac:dyDescent="0.35">
      <c r="A17032" t="s">
        <v>35</v>
      </c>
      <c r="B17032" t="s">
        <v>42</v>
      </c>
      <c r="C17032" t="s">
        <v>117</v>
      </c>
      <c r="D17032" t="s">
        <v>118</v>
      </c>
      <c r="E17032" s="6">
        <v>2021</v>
      </c>
      <c r="F17032" s="6">
        <v>2021</v>
      </c>
      <c r="G17032" t="s">
        <v>125</v>
      </c>
      <c r="H17032" t="s">
        <v>124</v>
      </c>
      <c r="I17032" t="s">
        <v>15</v>
      </c>
      <c r="J17032" s="10">
        <v>1.6549148394990179</v>
      </c>
    </row>
    <row r="17033" spans="1:10" x14ac:dyDescent="0.35">
      <c r="A17033" t="s">
        <v>35</v>
      </c>
      <c r="B17033" t="s">
        <v>43</v>
      </c>
      <c r="C17033" t="s">
        <v>117</v>
      </c>
      <c r="D17033" t="s">
        <v>118</v>
      </c>
      <c r="E17033" s="6">
        <v>2021</v>
      </c>
      <c r="F17033" s="6">
        <v>2021</v>
      </c>
      <c r="G17033" t="s">
        <v>125</v>
      </c>
      <c r="H17033" t="s">
        <v>124</v>
      </c>
      <c r="I17033" t="s">
        <v>15</v>
      </c>
      <c r="J17033" s="10">
        <v>1.6736634324001223</v>
      </c>
    </row>
    <row r="17034" spans="1:10" x14ac:dyDescent="0.35">
      <c r="A17034" t="s">
        <v>28</v>
      </c>
      <c r="B17034" t="s">
        <v>44</v>
      </c>
      <c r="C17034" t="s">
        <v>117</v>
      </c>
      <c r="D17034" t="s">
        <v>118</v>
      </c>
      <c r="E17034" s="6">
        <v>2021</v>
      </c>
      <c r="F17034" s="6">
        <v>2021</v>
      </c>
      <c r="G17034" t="s">
        <v>125</v>
      </c>
      <c r="H17034" t="s">
        <v>124</v>
      </c>
      <c r="I17034" t="s">
        <v>15</v>
      </c>
      <c r="J17034" s="10">
        <v>2.5717590724450545</v>
      </c>
    </row>
    <row r="17035" spans="1:10" x14ac:dyDescent="0.35">
      <c r="A17035" t="s">
        <v>10</v>
      </c>
      <c r="B17035" t="s">
        <v>45</v>
      </c>
      <c r="C17035" t="s">
        <v>117</v>
      </c>
      <c r="D17035" t="s">
        <v>118</v>
      </c>
      <c r="E17035" s="6">
        <v>2021</v>
      </c>
      <c r="F17035" s="6">
        <v>2021</v>
      </c>
      <c r="G17035" t="s">
        <v>125</v>
      </c>
      <c r="H17035" t="s">
        <v>124</v>
      </c>
      <c r="I17035" t="s">
        <v>15</v>
      </c>
      <c r="J17035" s="10">
        <v>1.9239766081871346</v>
      </c>
    </row>
    <row r="17036" spans="1:10" x14ac:dyDescent="0.35">
      <c r="A17036" t="s">
        <v>10</v>
      </c>
      <c r="B17036" t="s">
        <v>46</v>
      </c>
      <c r="C17036" t="s">
        <v>117</v>
      </c>
      <c r="D17036" t="s">
        <v>118</v>
      </c>
      <c r="E17036" s="6">
        <v>2021</v>
      </c>
      <c r="F17036" s="6">
        <v>2021</v>
      </c>
      <c r="G17036" t="s">
        <v>125</v>
      </c>
      <c r="H17036" t="s">
        <v>124</v>
      </c>
      <c r="I17036" t="s">
        <v>15</v>
      </c>
      <c r="J17036" s="10">
        <v>1.6990815775256618</v>
      </c>
    </row>
    <row r="17037" spans="1:10" x14ac:dyDescent="0.35">
      <c r="A17037" t="s">
        <v>33</v>
      </c>
      <c r="B17037" t="s">
        <v>47</v>
      </c>
      <c r="C17037" t="s">
        <v>117</v>
      </c>
      <c r="D17037" t="s">
        <v>118</v>
      </c>
      <c r="E17037" s="6">
        <v>2021</v>
      </c>
      <c r="F17037" s="6">
        <v>2021</v>
      </c>
      <c r="G17037" t="s">
        <v>125</v>
      </c>
      <c r="H17037" t="s">
        <v>124</v>
      </c>
      <c r="I17037" t="s">
        <v>15</v>
      </c>
      <c r="J17037" s="10">
        <v>1.5877127094718848</v>
      </c>
    </row>
    <row r="17038" spans="1:10" x14ac:dyDescent="0.35">
      <c r="A17038" t="s">
        <v>20</v>
      </c>
      <c r="B17038" t="s">
        <v>48</v>
      </c>
      <c r="C17038" t="s">
        <v>117</v>
      </c>
      <c r="D17038" t="s">
        <v>118</v>
      </c>
      <c r="E17038" s="6">
        <v>2021</v>
      </c>
      <c r="F17038" s="6">
        <v>2021</v>
      </c>
      <c r="G17038" t="s">
        <v>125</v>
      </c>
      <c r="H17038" t="s">
        <v>124</v>
      </c>
      <c r="I17038" t="s">
        <v>15</v>
      </c>
      <c r="J17038" s="10">
        <v>1.7233655695802259</v>
      </c>
    </row>
    <row r="17039" spans="1:10" x14ac:dyDescent="0.35">
      <c r="A17039" t="s">
        <v>28</v>
      </c>
      <c r="B17039" t="s">
        <v>49</v>
      </c>
      <c r="C17039" t="s">
        <v>117</v>
      </c>
      <c r="D17039" t="s">
        <v>118</v>
      </c>
      <c r="E17039" s="6">
        <v>2021</v>
      </c>
      <c r="F17039" s="6">
        <v>2021</v>
      </c>
      <c r="G17039" t="s">
        <v>125</v>
      </c>
      <c r="H17039" t="s">
        <v>124</v>
      </c>
      <c r="I17039" t="s">
        <v>15</v>
      </c>
      <c r="J17039" s="10">
        <v>2.1043227951759391</v>
      </c>
    </row>
    <row r="17040" spans="1:10" x14ac:dyDescent="0.35">
      <c r="A17040" t="s">
        <v>35</v>
      </c>
      <c r="B17040" t="s">
        <v>50</v>
      </c>
      <c r="C17040" t="s">
        <v>117</v>
      </c>
      <c r="D17040" t="s">
        <v>118</v>
      </c>
      <c r="E17040" s="6">
        <v>2021</v>
      </c>
      <c r="F17040" s="6">
        <v>2021</v>
      </c>
      <c r="G17040" t="s">
        <v>125</v>
      </c>
      <c r="H17040" t="s">
        <v>124</v>
      </c>
      <c r="I17040" t="s">
        <v>15</v>
      </c>
      <c r="J17040" s="10">
        <v>2.2375314788548937</v>
      </c>
    </row>
    <row r="17041" spans="1:10" x14ac:dyDescent="0.35">
      <c r="A17041" t="s">
        <v>22</v>
      </c>
      <c r="B17041" t="s">
        <v>51</v>
      </c>
      <c r="C17041" t="s">
        <v>117</v>
      </c>
      <c r="D17041" t="s">
        <v>118</v>
      </c>
      <c r="E17041" s="6">
        <v>2021</v>
      </c>
      <c r="F17041" s="6">
        <v>2021</v>
      </c>
      <c r="G17041" t="s">
        <v>125</v>
      </c>
      <c r="H17041" t="s">
        <v>124</v>
      </c>
      <c r="I17041" t="s">
        <v>15</v>
      </c>
      <c r="J17041" s="10">
        <v>1.2752017237209508</v>
      </c>
    </row>
    <row r="17042" spans="1:10" x14ac:dyDescent="0.35">
      <c r="A17042" t="s">
        <v>22</v>
      </c>
      <c r="B17042" t="s">
        <v>52</v>
      </c>
      <c r="C17042" t="s">
        <v>117</v>
      </c>
      <c r="D17042" t="s">
        <v>118</v>
      </c>
      <c r="E17042" s="6">
        <v>2021</v>
      </c>
      <c r="F17042" s="6">
        <v>2021</v>
      </c>
      <c r="G17042" t="s">
        <v>125</v>
      </c>
      <c r="H17042" t="s">
        <v>124</v>
      </c>
      <c r="I17042" t="s">
        <v>15</v>
      </c>
      <c r="J17042" s="10">
        <v>1.789673740893253</v>
      </c>
    </row>
    <row r="17043" spans="1:10" x14ac:dyDescent="0.35">
      <c r="A17043" t="s">
        <v>22</v>
      </c>
      <c r="B17043" t="s">
        <v>53</v>
      </c>
      <c r="C17043" t="s">
        <v>117</v>
      </c>
      <c r="D17043" t="s">
        <v>118</v>
      </c>
      <c r="E17043" s="6">
        <v>2021</v>
      </c>
      <c r="F17043" s="6">
        <v>2021</v>
      </c>
      <c r="G17043" t="s">
        <v>125</v>
      </c>
      <c r="H17043" t="s">
        <v>124</v>
      </c>
      <c r="I17043" t="s">
        <v>15</v>
      </c>
      <c r="J17043" s="10">
        <v>1.1260841665114161</v>
      </c>
    </row>
    <row r="17044" spans="1:10" x14ac:dyDescent="0.35">
      <c r="A17044" t="s">
        <v>22</v>
      </c>
      <c r="B17044" t="s">
        <v>54</v>
      </c>
      <c r="C17044" t="s">
        <v>117</v>
      </c>
      <c r="D17044" t="s">
        <v>118</v>
      </c>
      <c r="E17044" s="6">
        <v>2021</v>
      </c>
      <c r="F17044" s="6">
        <v>2021</v>
      </c>
      <c r="G17044" t="s">
        <v>125</v>
      </c>
      <c r="H17044" t="s">
        <v>124</v>
      </c>
      <c r="I17044" t="s">
        <v>15</v>
      </c>
      <c r="J17044" s="10">
        <v>1.668852374707501</v>
      </c>
    </row>
    <row r="17045" spans="1:10" x14ac:dyDescent="0.35">
      <c r="A17045" t="s">
        <v>22</v>
      </c>
      <c r="B17045" t="s">
        <v>55</v>
      </c>
      <c r="C17045" t="s">
        <v>117</v>
      </c>
      <c r="D17045" t="s">
        <v>118</v>
      </c>
      <c r="E17045" s="6">
        <v>2021</v>
      </c>
      <c r="F17045" s="6">
        <v>2021</v>
      </c>
      <c r="G17045" t="s">
        <v>125</v>
      </c>
      <c r="H17045" t="s">
        <v>124</v>
      </c>
      <c r="I17045" t="s">
        <v>15</v>
      </c>
      <c r="J17045" s="10">
        <v>1.954914618908788</v>
      </c>
    </row>
    <row r="17046" spans="1:10" x14ac:dyDescent="0.35">
      <c r="A17046" t="s">
        <v>22</v>
      </c>
      <c r="B17046" t="s">
        <v>56</v>
      </c>
      <c r="C17046" t="s">
        <v>117</v>
      </c>
      <c r="D17046" t="s">
        <v>118</v>
      </c>
      <c r="E17046" s="6">
        <v>2021</v>
      </c>
      <c r="F17046" s="6">
        <v>2021</v>
      </c>
      <c r="G17046" t="s">
        <v>125</v>
      </c>
      <c r="H17046" t="s">
        <v>124</v>
      </c>
      <c r="I17046" t="s">
        <v>15</v>
      </c>
      <c r="J17046" s="10">
        <v>1.917262561789125</v>
      </c>
    </row>
    <row r="17047" spans="1:10" x14ac:dyDescent="0.35">
      <c r="A17047" t="s">
        <v>28</v>
      </c>
      <c r="B17047" t="s">
        <v>58</v>
      </c>
      <c r="C17047" t="s">
        <v>117</v>
      </c>
      <c r="D17047" t="s">
        <v>118</v>
      </c>
      <c r="E17047" s="6">
        <v>2021</v>
      </c>
      <c r="F17047" s="6">
        <v>2021</v>
      </c>
      <c r="G17047" t="s">
        <v>125</v>
      </c>
      <c r="H17047" t="s">
        <v>124</v>
      </c>
      <c r="I17047" t="s">
        <v>15</v>
      </c>
      <c r="J17047" s="10">
        <v>2.5160824866229783</v>
      </c>
    </row>
    <row r="17048" spans="1:10" x14ac:dyDescent="0.35">
      <c r="A17048" t="s">
        <v>20</v>
      </c>
      <c r="B17048" t="s">
        <v>59</v>
      </c>
      <c r="C17048" t="s">
        <v>117</v>
      </c>
      <c r="D17048" t="s">
        <v>118</v>
      </c>
      <c r="E17048" s="6">
        <v>2021</v>
      </c>
      <c r="F17048" s="6">
        <v>2021</v>
      </c>
      <c r="G17048" t="s">
        <v>125</v>
      </c>
      <c r="H17048" t="s">
        <v>124</v>
      </c>
      <c r="I17048" t="s">
        <v>15</v>
      </c>
      <c r="J17048" s="10">
        <v>1.6599520628282933</v>
      </c>
    </row>
    <row r="17049" spans="1:10" x14ac:dyDescent="0.35">
      <c r="A17049" t="s">
        <v>20</v>
      </c>
      <c r="B17049" t="s">
        <v>60</v>
      </c>
      <c r="C17049" t="s">
        <v>117</v>
      </c>
      <c r="D17049" t="s">
        <v>118</v>
      </c>
      <c r="E17049" s="6">
        <v>2021</v>
      </c>
      <c r="F17049" s="6">
        <v>2021</v>
      </c>
      <c r="G17049" t="s">
        <v>125</v>
      </c>
      <c r="H17049" t="s">
        <v>124</v>
      </c>
      <c r="I17049" t="s">
        <v>15</v>
      </c>
      <c r="J17049" s="10">
        <v>1.806235571678632</v>
      </c>
    </row>
    <row r="17050" spans="1:10" x14ac:dyDescent="0.35">
      <c r="A17050" t="s">
        <v>28</v>
      </c>
      <c r="B17050" t="s">
        <v>61</v>
      </c>
      <c r="C17050" t="s">
        <v>117</v>
      </c>
      <c r="D17050" t="s">
        <v>118</v>
      </c>
      <c r="E17050" s="6">
        <v>2021</v>
      </c>
      <c r="F17050" s="6">
        <v>2021</v>
      </c>
      <c r="G17050" t="s">
        <v>125</v>
      </c>
      <c r="H17050" t="s">
        <v>124</v>
      </c>
      <c r="I17050" t="s">
        <v>15</v>
      </c>
      <c r="J17050" s="10">
        <v>2.6006878321916833</v>
      </c>
    </row>
    <row r="17051" spans="1:10" x14ac:dyDescent="0.35">
      <c r="A17051" t="s">
        <v>62</v>
      </c>
      <c r="B17051" t="s">
        <v>63</v>
      </c>
      <c r="C17051" t="s">
        <v>117</v>
      </c>
      <c r="D17051" t="s">
        <v>118</v>
      </c>
      <c r="E17051" s="6">
        <v>2021</v>
      </c>
      <c r="F17051" s="6">
        <v>2021</v>
      </c>
      <c r="G17051" t="s">
        <v>125</v>
      </c>
      <c r="H17051" t="s">
        <v>124</v>
      </c>
      <c r="I17051" t="s">
        <v>15</v>
      </c>
      <c r="J17051" s="10">
        <v>1.2672682709447416</v>
      </c>
    </row>
    <row r="17052" spans="1:10" x14ac:dyDescent="0.35">
      <c r="A17052" t="s">
        <v>62</v>
      </c>
      <c r="B17052" t="s">
        <v>64</v>
      </c>
      <c r="C17052" t="s">
        <v>117</v>
      </c>
      <c r="D17052" t="s">
        <v>118</v>
      </c>
      <c r="E17052" s="6">
        <v>2021</v>
      </c>
      <c r="F17052" s="6">
        <v>2021</v>
      </c>
      <c r="G17052" t="s">
        <v>125</v>
      </c>
      <c r="H17052" t="s">
        <v>124</v>
      </c>
      <c r="I17052" t="s">
        <v>15</v>
      </c>
      <c r="J17052" s="10">
        <v>1.1959091658877219</v>
      </c>
    </row>
    <row r="17053" spans="1:10" x14ac:dyDescent="0.35">
      <c r="A17053" t="s">
        <v>62</v>
      </c>
      <c r="B17053" t="s">
        <v>65</v>
      </c>
      <c r="C17053" t="s">
        <v>117</v>
      </c>
      <c r="D17053" t="s">
        <v>118</v>
      </c>
      <c r="E17053" s="6">
        <v>2021</v>
      </c>
      <c r="F17053" s="6">
        <v>2021</v>
      </c>
      <c r="G17053" t="s">
        <v>125</v>
      </c>
      <c r="H17053" t="s">
        <v>124</v>
      </c>
      <c r="I17053" t="s">
        <v>15</v>
      </c>
      <c r="J17053" s="10">
        <v>0.69585879158180586</v>
      </c>
    </row>
    <row r="17054" spans="1:10" x14ac:dyDescent="0.35">
      <c r="A17054" t="s">
        <v>62</v>
      </c>
      <c r="B17054" t="s">
        <v>66</v>
      </c>
      <c r="C17054" t="s">
        <v>117</v>
      </c>
      <c r="D17054" t="s">
        <v>118</v>
      </c>
      <c r="E17054" s="6">
        <v>2021</v>
      </c>
      <c r="F17054" s="6">
        <v>2021</v>
      </c>
      <c r="G17054" t="s">
        <v>125</v>
      </c>
      <c r="H17054" t="s">
        <v>124</v>
      </c>
      <c r="I17054" t="s">
        <v>15</v>
      </c>
      <c r="J17054" s="10">
        <v>1.2212394110258946</v>
      </c>
    </row>
    <row r="17055" spans="1:10" x14ac:dyDescent="0.35">
      <c r="A17055" t="s">
        <v>62</v>
      </c>
      <c r="B17055" t="s">
        <v>67</v>
      </c>
      <c r="C17055" t="s">
        <v>117</v>
      </c>
      <c r="D17055" t="s">
        <v>118</v>
      </c>
      <c r="E17055" s="6">
        <v>2021</v>
      </c>
      <c r="F17055" s="6">
        <v>2021</v>
      </c>
      <c r="G17055" t="s">
        <v>125</v>
      </c>
      <c r="H17055" t="s">
        <v>124</v>
      </c>
      <c r="I17055" t="s">
        <v>15</v>
      </c>
      <c r="J17055" s="10">
        <v>1.1918798380068694</v>
      </c>
    </row>
    <row r="17056" spans="1:10" x14ac:dyDescent="0.35">
      <c r="A17056" t="s">
        <v>62</v>
      </c>
      <c r="B17056" t="s">
        <v>68</v>
      </c>
      <c r="C17056" t="s">
        <v>117</v>
      </c>
      <c r="D17056" t="s">
        <v>118</v>
      </c>
      <c r="E17056" s="6">
        <v>2021</v>
      </c>
      <c r="F17056" s="6">
        <v>2021</v>
      </c>
      <c r="G17056" t="s">
        <v>125</v>
      </c>
      <c r="H17056" t="s">
        <v>124</v>
      </c>
      <c r="I17056" t="s">
        <v>15</v>
      </c>
      <c r="J17056" s="10">
        <v>1.1363636363636365</v>
      </c>
    </row>
    <row r="17057" spans="1:10" x14ac:dyDescent="0.35">
      <c r="A17057" t="s">
        <v>62</v>
      </c>
      <c r="B17057" t="s">
        <v>69</v>
      </c>
      <c r="C17057" t="s">
        <v>117</v>
      </c>
      <c r="D17057" t="s">
        <v>118</v>
      </c>
      <c r="E17057" s="6">
        <v>2021</v>
      </c>
      <c r="F17057" s="6">
        <v>2021</v>
      </c>
      <c r="G17057" t="s">
        <v>125</v>
      </c>
      <c r="H17057" t="s">
        <v>124</v>
      </c>
      <c r="I17057" t="s">
        <v>15</v>
      </c>
      <c r="J17057" s="10">
        <v>1.0600014688242061</v>
      </c>
    </row>
    <row r="17058" spans="1:10" x14ac:dyDescent="0.35">
      <c r="A17058" t="s">
        <v>62</v>
      </c>
      <c r="B17058" t="s">
        <v>70</v>
      </c>
      <c r="C17058" t="s">
        <v>117</v>
      </c>
      <c r="D17058" t="s">
        <v>118</v>
      </c>
      <c r="E17058" s="6">
        <v>2021</v>
      </c>
      <c r="F17058" s="6">
        <v>2021</v>
      </c>
      <c r="G17058" t="s">
        <v>125</v>
      </c>
      <c r="H17058" t="s">
        <v>124</v>
      </c>
      <c r="I17058" t="s">
        <v>15</v>
      </c>
      <c r="J17058" s="10">
        <v>0.98939743858912454</v>
      </c>
    </row>
    <row r="17059" spans="1:10" x14ac:dyDescent="0.35">
      <c r="A17059" t="s">
        <v>35</v>
      </c>
      <c r="B17059" t="s">
        <v>71</v>
      </c>
      <c r="C17059" t="s">
        <v>117</v>
      </c>
      <c r="D17059" t="s">
        <v>118</v>
      </c>
      <c r="E17059" s="6">
        <v>2021</v>
      </c>
      <c r="F17059" s="6">
        <v>2021</v>
      </c>
      <c r="G17059" t="s">
        <v>125</v>
      </c>
      <c r="H17059" t="s">
        <v>124</v>
      </c>
      <c r="I17059" t="s">
        <v>15</v>
      </c>
      <c r="J17059" s="10">
        <v>1.7610981308411215</v>
      </c>
    </row>
    <row r="17060" spans="1:10" x14ac:dyDescent="0.35">
      <c r="A17060" t="s">
        <v>20</v>
      </c>
      <c r="B17060" t="s">
        <v>72</v>
      </c>
      <c r="C17060" t="s">
        <v>117</v>
      </c>
      <c r="D17060" t="s">
        <v>118</v>
      </c>
      <c r="E17060" s="6">
        <v>2021</v>
      </c>
      <c r="F17060" s="6">
        <v>2021</v>
      </c>
      <c r="G17060" t="s">
        <v>125</v>
      </c>
      <c r="H17060" t="s">
        <v>124</v>
      </c>
      <c r="I17060" t="s">
        <v>15</v>
      </c>
      <c r="J17060" s="10">
        <v>1.6031566457879196</v>
      </c>
    </row>
    <row r="17061" spans="1:10" x14ac:dyDescent="0.35">
      <c r="A17061" t="s">
        <v>26</v>
      </c>
      <c r="B17061" t="s">
        <v>73</v>
      </c>
      <c r="C17061" t="s">
        <v>117</v>
      </c>
      <c r="D17061" t="s">
        <v>118</v>
      </c>
      <c r="E17061" s="6">
        <v>2021</v>
      </c>
      <c r="F17061" s="6">
        <v>2021</v>
      </c>
      <c r="G17061" t="s">
        <v>125</v>
      </c>
      <c r="H17061" t="s">
        <v>124</v>
      </c>
      <c r="I17061" t="s">
        <v>15</v>
      </c>
      <c r="J17061" s="10">
        <v>1.9940899145067785</v>
      </c>
    </row>
    <row r="17062" spans="1:10" x14ac:dyDescent="0.35">
      <c r="A17062" t="s">
        <v>28</v>
      </c>
      <c r="B17062" t="s">
        <v>74</v>
      </c>
      <c r="C17062" t="s">
        <v>117</v>
      </c>
      <c r="D17062" t="s">
        <v>118</v>
      </c>
      <c r="E17062" s="6">
        <v>2021</v>
      </c>
      <c r="F17062" s="6">
        <v>2021</v>
      </c>
      <c r="G17062" t="s">
        <v>125</v>
      </c>
      <c r="H17062" t="s">
        <v>124</v>
      </c>
      <c r="I17062" t="s">
        <v>15</v>
      </c>
      <c r="J17062" s="10">
        <v>1.6446468114752057</v>
      </c>
    </row>
    <row r="17063" spans="1:10" x14ac:dyDescent="0.35">
      <c r="A17063" t="s">
        <v>33</v>
      </c>
      <c r="B17063" t="s">
        <v>75</v>
      </c>
      <c r="C17063" t="s">
        <v>117</v>
      </c>
      <c r="D17063" t="s">
        <v>118</v>
      </c>
      <c r="E17063" s="6">
        <v>2021</v>
      </c>
      <c r="F17063" s="6">
        <v>2021</v>
      </c>
      <c r="G17063" t="s">
        <v>125</v>
      </c>
      <c r="H17063" t="s">
        <v>124</v>
      </c>
      <c r="I17063" t="s">
        <v>15</v>
      </c>
      <c r="J17063" s="10">
        <v>2.05249343832021</v>
      </c>
    </row>
    <row r="17064" spans="1:10" x14ac:dyDescent="0.35">
      <c r="A17064" t="s">
        <v>22</v>
      </c>
      <c r="B17064" t="s">
        <v>76</v>
      </c>
      <c r="C17064" t="s">
        <v>117</v>
      </c>
      <c r="D17064" t="s">
        <v>118</v>
      </c>
      <c r="E17064" s="6">
        <v>2021</v>
      </c>
      <c r="F17064" s="6">
        <v>2021</v>
      </c>
      <c r="G17064" t="s">
        <v>125</v>
      </c>
      <c r="H17064" t="s">
        <v>124</v>
      </c>
      <c r="I17064" t="s">
        <v>15</v>
      </c>
      <c r="J17064" s="10">
        <v>1.5667002688172043</v>
      </c>
    </row>
    <row r="17065" spans="1:10" x14ac:dyDescent="0.35">
      <c r="A17065" t="s">
        <v>33</v>
      </c>
      <c r="B17065" t="s">
        <v>77</v>
      </c>
      <c r="C17065" t="s">
        <v>117</v>
      </c>
      <c r="D17065" t="s">
        <v>118</v>
      </c>
      <c r="E17065" s="6">
        <v>2021</v>
      </c>
      <c r="F17065" s="6">
        <v>2021</v>
      </c>
      <c r="G17065" t="s">
        <v>125</v>
      </c>
      <c r="H17065" t="s">
        <v>124</v>
      </c>
      <c r="I17065" t="s">
        <v>15</v>
      </c>
      <c r="J17065" s="10">
        <v>2.0139012653715915</v>
      </c>
    </row>
    <row r="17066" spans="1:10" x14ac:dyDescent="0.35">
      <c r="A17066" t="s">
        <v>22</v>
      </c>
      <c r="B17066" t="s">
        <v>78</v>
      </c>
      <c r="C17066" t="s">
        <v>117</v>
      </c>
      <c r="D17066" t="s">
        <v>118</v>
      </c>
      <c r="E17066" s="6">
        <v>2021</v>
      </c>
      <c r="F17066" s="6">
        <v>2021</v>
      </c>
      <c r="G17066" t="s">
        <v>125</v>
      </c>
      <c r="H17066" t="s">
        <v>124</v>
      </c>
      <c r="I17066" t="s">
        <v>15</v>
      </c>
      <c r="J17066" s="10">
        <v>1.6036927762444086</v>
      </c>
    </row>
    <row r="17067" spans="1:10" x14ac:dyDescent="0.35">
      <c r="A17067" t="s">
        <v>28</v>
      </c>
      <c r="B17067" t="s">
        <v>79</v>
      </c>
      <c r="C17067" t="s">
        <v>117</v>
      </c>
      <c r="D17067" t="s">
        <v>118</v>
      </c>
      <c r="E17067" s="6">
        <v>2021</v>
      </c>
      <c r="F17067" s="6">
        <v>2021</v>
      </c>
      <c r="G17067" t="s">
        <v>125</v>
      </c>
      <c r="H17067" t="s">
        <v>124</v>
      </c>
      <c r="I17067" t="s">
        <v>15</v>
      </c>
      <c r="J17067" s="10">
        <v>1.7864434463046142</v>
      </c>
    </row>
    <row r="17068" spans="1:10" x14ac:dyDescent="0.35">
      <c r="A17068" t="s">
        <v>26</v>
      </c>
      <c r="B17068" t="s">
        <v>80</v>
      </c>
      <c r="C17068" t="s">
        <v>117</v>
      </c>
      <c r="D17068" t="s">
        <v>118</v>
      </c>
      <c r="E17068" s="6">
        <v>2021</v>
      </c>
      <c r="F17068" s="6">
        <v>2021</v>
      </c>
      <c r="G17068" t="s">
        <v>125</v>
      </c>
      <c r="H17068" t="s">
        <v>124</v>
      </c>
      <c r="I17068" t="s">
        <v>15</v>
      </c>
      <c r="J17068" s="10">
        <v>2.2436772480206497</v>
      </c>
    </row>
    <row r="17069" spans="1:10" x14ac:dyDescent="0.35">
      <c r="A17069" t="s">
        <v>20</v>
      </c>
      <c r="B17069" t="s">
        <v>81</v>
      </c>
      <c r="C17069" t="s">
        <v>117</v>
      </c>
      <c r="D17069" t="s">
        <v>118</v>
      </c>
      <c r="E17069" s="6">
        <v>2021</v>
      </c>
      <c r="F17069" s="6">
        <v>2021</v>
      </c>
      <c r="G17069" t="s">
        <v>125</v>
      </c>
      <c r="H17069" t="s">
        <v>124</v>
      </c>
      <c r="I17069" t="s">
        <v>15</v>
      </c>
      <c r="J17069" s="10">
        <v>1.5406992404245003</v>
      </c>
    </row>
    <row r="17070" spans="1:10" x14ac:dyDescent="0.35">
      <c r="A17070" t="s">
        <v>26</v>
      </c>
      <c r="B17070" t="s">
        <v>57</v>
      </c>
      <c r="C17070" t="s">
        <v>117</v>
      </c>
      <c r="D17070" t="s">
        <v>118</v>
      </c>
      <c r="E17070" s="6">
        <v>2021</v>
      </c>
      <c r="F17070" s="6">
        <v>2021</v>
      </c>
      <c r="G17070" t="s">
        <v>125</v>
      </c>
      <c r="H17070" t="s">
        <v>124</v>
      </c>
      <c r="I17070" t="s">
        <v>15</v>
      </c>
      <c r="J17070" s="10">
        <v>2.5399954507544167</v>
      </c>
    </row>
    <row r="17071" spans="1:10" x14ac:dyDescent="0.35">
      <c r="A17071" t="s">
        <v>33</v>
      </c>
      <c r="B17071" t="s">
        <v>82</v>
      </c>
      <c r="C17071" t="s">
        <v>117</v>
      </c>
      <c r="D17071" t="s">
        <v>118</v>
      </c>
      <c r="E17071" s="6">
        <v>2021</v>
      </c>
      <c r="F17071" s="6">
        <v>2021</v>
      </c>
      <c r="G17071" t="s">
        <v>125</v>
      </c>
      <c r="H17071" t="s">
        <v>124</v>
      </c>
      <c r="I17071" t="s">
        <v>15</v>
      </c>
      <c r="J17071" s="10">
        <v>2.1588922496323222</v>
      </c>
    </row>
    <row r="17072" spans="1:10" x14ac:dyDescent="0.35">
      <c r="A17072" t="s">
        <v>26</v>
      </c>
      <c r="B17072" t="s">
        <v>83</v>
      </c>
      <c r="C17072" t="s">
        <v>117</v>
      </c>
      <c r="D17072" t="s">
        <v>118</v>
      </c>
      <c r="E17072" s="6">
        <v>2021</v>
      </c>
      <c r="F17072" s="6">
        <v>2021</v>
      </c>
      <c r="G17072" t="s">
        <v>125</v>
      </c>
      <c r="H17072" t="s">
        <v>124</v>
      </c>
      <c r="I17072" t="s">
        <v>15</v>
      </c>
      <c r="J17072" s="10">
        <v>2.4544805426633345</v>
      </c>
    </row>
    <row r="17073" spans="1:10" x14ac:dyDescent="0.35">
      <c r="A17073" t="s">
        <v>35</v>
      </c>
      <c r="B17073" t="s">
        <v>84</v>
      </c>
      <c r="C17073" t="s">
        <v>117</v>
      </c>
      <c r="D17073" t="s">
        <v>118</v>
      </c>
      <c r="E17073" s="6">
        <v>2021</v>
      </c>
      <c r="F17073" s="6">
        <v>2021</v>
      </c>
      <c r="G17073" t="s">
        <v>125</v>
      </c>
      <c r="H17073" t="s">
        <v>124</v>
      </c>
      <c r="I17073" t="s">
        <v>15</v>
      </c>
      <c r="J17073" s="10">
        <v>1.6629774675066691</v>
      </c>
    </row>
    <row r="17074" spans="1:10" x14ac:dyDescent="0.35">
      <c r="A17074" t="s">
        <v>33</v>
      </c>
      <c r="B17074" t="s">
        <v>85</v>
      </c>
      <c r="C17074" t="s">
        <v>117</v>
      </c>
      <c r="D17074" t="s">
        <v>118</v>
      </c>
      <c r="E17074" s="6">
        <v>2021</v>
      </c>
      <c r="F17074" s="6">
        <v>2021</v>
      </c>
      <c r="G17074" t="s">
        <v>125</v>
      </c>
      <c r="H17074" t="s">
        <v>124</v>
      </c>
      <c r="I17074" t="s">
        <v>15</v>
      </c>
      <c r="J17074" s="10">
        <v>2.7258311461067364</v>
      </c>
    </row>
    <row r="17075" spans="1:10" x14ac:dyDescent="0.35">
      <c r="A17075" t="s">
        <v>33</v>
      </c>
      <c r="B17075" t="s">
        <v>86</v>
      </c>
      <c r="C17075" t="s">
        <v>117</v>
      </c>
      <c r="D17075" t="s">
        <v>118</v>
      </c>
      <c r="E17075" s="6">
        <v>2021</v>
      </c>
      <c r="F17075" s="6">
        <v>2021</v>
      </c>
      <c r="G17075" t="s">
        <v>125</v>
      </c>
      <c r="H17075" t="s">
        <v>124</v>
      </c>
      <c r="I17075" t="s">
        <v>15</v>
      </c>
      <c r="J17075" s="10">
        <v>2.4869009584664536</v>
      </c>
    </row>
    <row r="17076" spans="1:10" x14ac:dyDescent="0.35">
      <c r="A17076" t="s">
        <v>35</v>
      </c>
      <c r="B17076" t="s">
        <v>87</v>
      </c>
      <c r="C17076" t="s">
        <v>117</v>
      </c>
      <c r="D17076" t="s">
        <v>118</v>
      </c>
      <c r="E17076" s="6">
        <v>2021</v>
      </c>
      <c r="F17076" s="6">
        <v>2021</v>
      </c>
      <c r="G17076" t="s">
        <v>125</v>
      </c>
      <c r="H17076" t="s">
        <v>124</v>
      </c>
      <c r="I17076" t="s">
        <v>15</v>
      </c>
      <c r="J17076" s="10">
        <v>2.0173178982651065</v>
      </c>
    </row>
    <row r="17077" spans="1:10" x14ac:dyDescent="0.35">
      <c r="A17077" t="s">
        <v>35</v>
      </c>
      <c r="B17077" t="s">
        <v>88</v>
      </c>
      <c r="C17077" t="s">
        <v>117</v>
      </c>
      <c r="D17077" t="s">
        <v>118</v>
      </c>
      <c r="E17077" s="6">
        <v>2021</v>
      </c>
      <c r="F17077" s="6">
        <v>2021</v>
      </c>
      <c r="G17077" t="s">
        <v>125</v>
      </c>
      <c r="H17077" t="s">
        <v>124</v>
      </c>
      <c r="I17077" t="s">
        <v>15</v>
      </c>
      <c r="J17077" s="10">
        <v>1.719553270696685</v>
      </c>
    </row>
    <row r="17078" spans="1:10" x14ac:dyDescent="0.35">
      <c r="A17078" t="s">
        <v>62</v>
      </c>
      <c r="B17078" t="s">
        <v>89</v>
      </c>
      <c r="C17078" t="s">
        <v>117</v>
      </c>
      <c r="D17078" t="s">
        <v>118</v>
      </c>
      <c r="E17078" s="6">
        <v>2021</v>
      </c>
      <c r="F17078" s="6">
        <v>2021</v>
      </c>
      <c r="G17078" t="s">
        <v>125</v>
      </c>
      <c r="H17078" t="s">
        <v>124</v>
      </c>
      <c r="I17078" t="s">
        <v>15</v>
      </c>
      <c r="J17078" s="10">
        <v>1.3887399463806971</v>
      </c>
    </row>
    <row r="17079" spans="1:10" x14ac:dyDescent="0.35">
      <c r="A17079" t="s">
        <v>26</v>
      </c>
      <c r="B17079" t="s">
        <v>90</v>
      </c>
      <c r="C17079" t="s">
        <v>117</v>
      </c>
      <c r="D17079" t="s">
        <v>118</v>
      </c>
      <c r="E17079" s="6">
        <v>2021</v>
      </c>
      <c r="F17079" s="6">
        <v>2021</v>
      </c>
      <c r="G17079" t="s">
        <v>125</v>
      </c>
      <c r="H17079" t="s">
        <v>124</v>
      </c>
      <c r="I17079" t="s">
        <v>15</v>
      </c>
      <c r="J17079" s="10">
        <v>1.8572656921754083</v>
      </c>
    </row>
    <row r="17080" spans="1:10" x14ac:dyDescent="0.35">
      <c r="A17080" t="s">
        <v>26</v>
      </c>
      <c r="B17080" t="s">
        <v>91</v>
      </c>
      <c r="C17080" t="s">
        <v>117</v>
      </c>
      <c r="D17080" t="s">
        <v>118</v>
      </c>
      <c r="E17080" s="6">
        <v>2021</v>
      </c>
      <c r="F17080" s="6">
        <v>2021</v>
      </c>
      <c r="G17080" t="s">
        <v>125</v>
      </c>
      <c r="H17080" t="s">
        <v>124</v>
      </c>
      <c r="I17080" t="s">
        <v>15</v>
      </c>
      <c r="J17080" s="10">
        <v>2.1215733015494638</v>
      </c>
    </row>
    <row r="17081" spans="1:10" x14ac:dyDescent="0.35">
      <c r="A17081" t="s">
        <v>33</v>
      </c>
      <c r="B17081" t="s">
        <v>92</v>
      </c>
      <c r="C17081" t="s">
        <v>117</v>
      </c>
      <c r="D17081" t="s">
        <v>118</v>
      </c>
      <c r="E17081" s="6">
        <v>2021</v>
      </c>
      <c r="F17081" s="6">
        <v>2021</v>
      </c>
      <c r="G17081" t="s">
        <v>125</v>
      </c>
      <c r="H17081" t="s">
        <v>124</v>
      </c>
      <c r="I17081" t="s">
        <v>15</v>
      </c>
      <c r="J17081" s="10">
        <v>1.7197624190064795</v>
      </c>
    </row>
    <row r="17082" spans="1:10" x14ac:dyDescent="0.35">
      <c r="A17082" t="s">
        <v>35</v>
      </c>
      <c r="B17082" t="s">
        <v>93</v>
      </c>
      <c r="C17082" t="s">
        <v>117</v>
      </c>
      <c r="D17082" t="s">
        <v>118</v>
      </c>
      <c r="E17082" s="6">
        <v>2021</v>
      </c>
      <c r="F17082" s="6">
        <v>2021</v>
      </c>
      <c r="G17082" t="s">
        <v>125</v>
      </c>
      <c r="H17082" t="s">
        <v>124</v>
      </c>
      <c r="I17082" t="s">
        <v>15</v>
      </c>
      <c r="J17082" s="10">
        <v>2.367974494780686</v>
      </c>
    </row>
    <row r="17083" spans="1:10" x14ac:dyDescent="0.35">
      <c r="A17083" t="s">
        <v>20</v>
      </c>
      <c r="B17083" t="s">
        <v>94</v>
      </c>
      <c r="C17083" t="s">
        <v>117</v>
      </c>
      <c r="D17083" t="s">
        <v>118</v>
      </c>
      <c r="E17083" s="6">
        <v>2021</v>
      </c>
      <c r="F17083" s="6">
        <v>2021</v>
      </c>
      <c r="G17083" t="s">
        <v>125</v>
      </c>
      <c r="H17083" t="s">
        <v>124</v>
      </c>
      <c r="I17083" t="s">
        <v>15</v>
      </c>
      <c r="J17083" s="10">
        <v>1.3471273270448951</v>
      </c>
    </row>
    <row r="17084" spans="1:10" x14ac:dyDescent="0.35">
      <c r="A17084" t="s">
        <v>10</v>
      </c>
      <c r="B17084" t="s">
        <v>11</v>
      </c>
      <c r="C17084" t="s">
        <v>117</v>
      </c>
      <c r="D17084" t="s">
        <v>118</v>
      </c>
      <c r="E17084" s="6">
        <v>2021</v>
      </c>
      <c r="F17084" s="6">
        <v>2021</v>
      </c>
      <c r="G17084" t="s">
        <v>126</v>
      </c>
      <c r="H17084" t="s">
        <v>124</v>
      </c>
      <c r="I17084" t="s">
        <v>15</v>
      </c>
      <c r="J17084" s="10">
        <v>2.1707818930041154</v>
      </c>
    </row>
    <row r="17085" spans="1:10" x14ac:dyDescent="0.35">
      <c r="A17085" t="s">
        <v>10</v>
      </c>
      <c r="B17085" t="s">
        <v>16</v>
      </c>
      <c r="C17085" t="s">
        <v>117</v>
      </c>
      <c r="D17085" t="s">
        <v>118</v>
      </c>
      <c r="E17085" s="6">
        <v>2021</v>
      </c>
      <c r="F17085" s="6">
        <v>2021</v>
      </c>
      <c r="G17085" t="s">
        <v>126</v>
      </c>
      <c r="H17085" t="s">
        <v>124</v>
      </c>
      <c r="I17085" t="s">
        <v>15</v>
      </c>
      <c r="J17085" s="10">
        <v>2.7885565544334914</v>
      </c>
    </row>
    <row r="17086" spans="1:10" x14ac:dyDescent="0.35">
      <c r="A17086" t="s">
        <v>10</v>
      </c>
      <c r="B17086" t="s">
        <v>17</v>
      </c>
      <c r="C17086" t="s">
        <v>117</v>
      </c>
      <c r="D17086" t="s">
        <v>118</v>
      </c>
      <c r="E17086" s="6">
        <v>2021</v>
      </c>
      <c r="F17086" s="6">
        <v>2021</v>
      </c>
      <c r="G17086" t="s">
        <v>126</v>
      </c>
      <c r="H17086" t="s">
        <v>124</v>
      </c>
      <c r="I17086" t="s">
        <v>15</v>
      </c>
      <c r="J17086" s="10">
        <v>3.2550031045517507</v>
      </c>
    </row>
    <row r="17087" spans="1:10" x14ac:dyDescent="0.35">
      <c r="A17087" t="s">
        <v>10</v>
      </c>
      <c r="B17087" t="s">
        <v>18</v>
      </c>
      <c r="C17087" t="s">
        <v>117</v>
      </c>
      <c r="D17087" t="s">
        <v>118</v>
      </c>
      <c r="E17087" s="6">
        <v>2021</v>
      </c>
      <c r="F17087" s="6">
        <v>2021</v>
      </c>
      <c r="G17087" t="s">
        <v>126</v>
      </c>
      <c r="H17087" t="s">
        <v>124</v>
      </c>
      <c r="I17087" t="s">
        <v>15</v>
      </c>
      <c r="J17087" s="10">
        <v>2.501454333915067</v>
      </c>
    </row>
    <row r="17088" spans="1:10" x14ac:dyDescent="0.35">
      <c r="A17088" t="s">
        <v>10</v>
      </c>
      <c r="B17088" t="s">
        <v>19</v>
      </c>
      <c r="C17088" t="s">
        <v>117</v>
      </c>
      <c r="D17088" t="s">
        <v>118</v>
      </c>
      <c r="E17088" s="6">
        <v>2021</v>
      </c>
      <c r="F17088" s="6">
        <v>2021</v>
      </c>
      <c r="G17088" t="s">
        <v>126</v>
      </c>
      <c r="H17088" t="s">
        <v>124</v>
      </c>
      <c r="I17088" t="s">
        <v>15</v>
      </c>
      <c r="J17088" s="10">
        <v>3.2082794307891334</v>
      </c>
    </row>
    <row r="17089" spans="1:10" x14ac:dyDescent="0.35">
      <c r="A17089" t="s">
        <v>20</v>
      </c>
      <c r="B17089" t="s">
        <v>21</v>
      </c>
      <c r="C17089" t="s">
        <v>117</v>
      </c>
      <c r="D17089" t="s">
        <v>118</v>
      </c>
      <c r="E17089" s="6">
        <v>2021</v>
      </c>
      <c r="F17089" s="6">
        <v>2021</v>
      </c>
      <c r="G17089" t="s">
        <v>126</v>
      </c>
      <c r="H17089" t="s">
        <v>124</v>
      </c>
      <c r="I17089" t="s">
        <v>15</v>
      </c>
      <c r="J17089" s="10">
        <v>1.9848300298970212</v>
      </c>
    </row>
    <row r="17090" spans="1:10" x14ac:dyDescent="0.35">
      <c r="A17090" t="s">
        <v>22</v>
      </c>
      <c r="B17090" t="s">
        <v>23</v>
      </c>
      <c r="C17090" t="s">
        <v>117</v>
      </c>
      <c r="D17090" t="s">
        <v>118</v>
      </c>
      <c r="E17090" s="6">
        <v>2021</v>
      </c>
      <c r="F17090" s="6">
        <v>2021</v>
      </c>
      <c r="G17090" t="s">
        <v>126</v>
      </c>
      <c r="H17090" t="s">
        <v>124</v>
      </c>
      <c r="I17090" t="s">
        <v>15</v>
      </c>
      <c r="J17090" s="10">
        <v>1.7603129445234709</v>
      </c>
    </row>
    <row r="17091" spans="1:10" x14ac:dyDescent="0.35">
      <c r="A17091" t="s">
        <v>10</v>
      </c>
      <c r="B17091" t="s">
        <v>24</v>
      </c>
      <c r="C17091" t="s">
        <v>117</v>
      </c>
      <c r="D17091" t="s">
        <v>118</v>
      </c>
      <c r="E17091" s="6">
        <v>2021</v>
      </c>
      <c r="F17091" s="6">
        <v>2021</v>
      </c>
      <c r="G17091" t="s">
        <v>126</v>
      </c>
      <c r="H17091" t="s">
        <v>124</v>
      </c>
      <c r="I17091" t="s">
        <v>15</v>
      </c>
      <c r="J17091" s="10">
        <v>3.5944803026930781</v>
      </c>
    </row>
    <row r="17092" spans="1:10" x14ac:dyDescent="0.35">
      <c r="A17092" t="s">
        <v>10</v>
      </c>
      <c r="B17092" t="s">
        <v>25</v>
      </c>
      <c r="C17092" t="s">
        <v>117</v>
      </c>
      <c r="D17092" t="s">
        <v>118</v>
      </c>
      <c r="E17092" s="6">
        <v>2021</v>
      </c>
      <c r="F17092" s="6">
        <v>2021</v>
      </c>
      <c r="G17092" t="s">
        <v>126</v>
      </c>
      <c r="H17092" t="s">
        <v>124</v>
      </c>
      <c r="I17092" t="s">
        <v>15</v>
      </c>
      <c r="J17092" s="10">
        <v>3.803901845037986</v>
      </c>
    </row>
    <row r="17093" spans="1:10" x14ac:dyDescent="0.35">
      <c r="A17093" t="s">
        <v>26</v>
      </c>
      <c r="B17093" t="s">
        <v>27</v>
      </c>
      <c r="C17093" t="s">
        <v>117</v>
      </c>
      <c r="D17093" t="s">
        <v>118</v>
      </c>
      <c r="E17093" s="6">
        <v>2021</v>
      </c>
      <c r="F17093" s="6">
        <v>2021</v>
      </c>
      <c r="G17093" t="s">
        <v>126</v>
      </c>
      <c r="H17093" t="s">
        <v>124</v>
      </c>
      <c r="I17093" t="s">
        <v>15</v>
      </c>
      <c r="J17093" s="10">
        <v>3.9377229970807655</v>
      </c>
    </row>
    <row r="17094" spans="1:10" x14ac:dyDescent="0.35">
      <c r="A17094" t="s">
        <v>28</v>
      </c>
      <c r="B17094" t="s">
        <v>29</v>
      </c>
      <c r="C17094" t="s">
        <v>117</v>
      </c>
      <c r="D17094" t="s">
        <v>118</v>
      </c>
      <c r="E17094" s="6">
        <v>2021</v>
      </c>
      <c r="F17094" s="6">
        <v>2021</v>
      </c>
      <c r="G17094" t="s">
        <v>126</v>
      </c>
      <c r="H17094" t="s">
        <v>124</v>
      </c>
      <c r="I17094" t="s">
        <v>15</v>
      </c>
      <c r="J17094" s="10">
        <v>4.2563513340993229</v>
      </c>
    </row>
    <row r="17095" spans="1:10" x14ac:dyDescent="0.35">
      <c r="A17095" t="s">
        <v>10</v>
      </c>
      <c r="B17095" t="s">
        <v>30</v>
      </c>
      <c r="C17095" t="s">
        <v>117</v>
      </c>
      <c r="D17095" t="s">
        <v>118</v>
      </c>
      <c r="E17095" s="6">
        <v>2021</v>
      </c>
      <c r="F17095" s="6">
        <v>2021</v>
      </c>
      <c r="G17095" t="s">
        <v>126</v>
      </c>
      <c r="H17095" t="s">
        <v>124</v>
      </c>
      <c r="I17095" t="s">
        <v>15</v>
      </c>
      <c r="J17095" s="10">
        <v>3.1722611582441904</v>
      </c>
    </row>
    <row r="17096" spans="1:10" x14ac:dyDescent="0.35">
      <c r="A17096" t="s">
        <v>26</v>
      </c>
      <c r="B17096" t="s">
        <v>31</v>
      </c>
      <c r="C17096" t="s">
        <v>117</v>
      </c>
      <c r="D17096" t="s">
        <v>118</v>
      </c>
      <c r="E17096" s="6">
        <v>2021</v>
      </c>
      <c r="F17096" s="6">
        <v>2021</v>
      </c>
      <c r="G17096" t="s">
        <v>126</v>
      </c>
      <c r="H17096" t="s">
        <v>124</v>
      </c>
      <c r="I17096" t="s">
        <v>15</v>
      </c>
      <c r="J17096" s="10">
        <v>3.695279813551231</v>
      </c>
    </row>
    <row r="17097" spans="1:10" x14ac:dyDescent="0.35">
      <c r="A17097" t="s">
        <v>28</v>
      </c>
      <c r="B17097" t="s">
        <v>32</v>
      </c>
      <c r="C17097" t="s">
        <v>117</v>
      </c>
      <c r="D17097" t="s">
        <v>118</v>
      </c>
      <c r="E17097" s="6">
        <v>2021</v>
      </c>
      <c r="F17097" s="6">
        <v>2021</v>
      </c>
      <c r="G17097" t="s">
        <v>126</v>
      </c>
      <c r="H17097" t="s">
        <v>124</v>
      </c>
      <c r="I17097" t="s">
        <v>15</v>
      </c>
      <c r="J17097" s="10">
        <v>3.124126185210605</v>
      </c>
    </row>
    <row r="17098" spans="1:10" x14ac:dyDescent="0.35">
      <c r="A17098" t="s">
        <v>33</v>
      </c>
      <c r="B17098" t="s">
        <v>34</v>
      </c>
      <c r="C17098" t="s">
        <v>117</v>
      </c>
      <c r="D17098" t="s">
        <v>118</v>
      </c>
      <c r="E17098" s="6">
        <v>2021</v>
      </c>
      <c r="F17098" s="6">
        <v>2021</v>
      </c>
      <c r="G17098" t="s">
        <v>126</v>
      </c>
      <c r="H17098" t="s">
        <v>124</v>
      </c>
      <c r="I17098" t="s">
        <v>15</v>
      </c>
      <c r="J17098" s="10">
        <v>2.7704786930195362</v>
      </c>
    </row>
    <row r="17099" spans="1:10" x14ac:dyDescent="0.35">
      <c r="A17099" t="s">
        <v>35</v>
      </c>
      <c r="B17099" t="s">
        <v>36</v>
      </c>
      <c r="C17099" t="s">
        <v>117</v>
      </c>
      <c r="D17099" t="s">
        <v>118</v>
      </c>
      <c r="E17099" s="6">
        <v>2021</v>
      </c>
      <c r="F17099" s="6">
        <v>2021</v>
      </c>
      <c r="G17099" t="s">
        <v>126</v>
      </c>
      <c r="H17099" t="s">
        <v>124</v>
      </c>
      <c r="I17099" t="s">
        <v>15</v>
      </c>
      <c r="J17099" s="10">
        <v>3.684822962265196</v>
      </c>
    </row>
    <row r="17100" spans="1:10" x14ac:dyDescent="0.35">
      <c r="A17100" t="s">
        <v>28</v>
      </c>
      <c r="B17100" t="s">
        <v>37</v>
      </c>
      <c r="C17100" t="s">
        <v>117</v>
      </c>
      <c r="D17100" t="s">
        <v>118</v>
      </c>
      <c r="E17100" s="6">
        <v>2021</v>
      </c>
      <c r="F17100" s="6">
        <v>2021</v>
      </c>
      <c r="G17100" t="s">
        <v>126</v>
      </c>
      <c r="H17100" t="s">
        <v>124</v>
      </c>
      <c r="I17100" t="s">
        <v>15</v>
      </c>
      <c r="J17100" s="10">
        <v>3.0281297314527054</v>
      </c>
    </row>
    <row r="17101" spans="1:10" x14ac:dyDescent="0.35">
      <c r="A17101" t="s">
        <v>20</v>
      </c>
      <c r="B17101" t="s">
        <v>38</v>
      </c>
      <c r="C17101" t="s">
        <v>117</v>
      </c>
      <c r="D17101" t="s">
        <v>118</v>
      </c>
      <c r="E17101" s="6">
        <v>2021</v>
      </c>
      <c r="F17101" s="6">
        <v>2021</v>
      </c>
      <c r="G17101" t="s">
        <v>126</v>
      </c>
      <c r="H17101" t="s">
        <v>124</v>
      </c>
      <c r="I17101" t="s">
        <v>15</v>
      </c>
      <c r="J17101" s="10">
        <v>2.4711050677265831</v>
      </c>
    </row>
    <row r="17102" spans="1:10" x14ac:dyDescent="0.35">
      <c r="A17102" t="s">
        <v>33</v>
      </c>
      <c r="B17102" t="s">
        <v>39</v>
      </c>
      <c r="C17102" t="s">
        <v>117</v>
      </c>
      <c r="D17102" t="s">
        <v>118</v>
      </c>
      <c r="E17102" s="6">
        <v>2021</v>
      </c>
      <c r="F17102" s="6">
        <v>2021</v>
      </c>
      <c r="G17102" t="s">
        <v>126</v>
      </c>
      <c r="H17102" t="s">
        <v>124</v>
      </c>
      <c r="I17102" t="s">
        <v>15</v>
      </c>
      <c r="J17102" s="10">
        <v>2.8330140571459408</v>
      </c>
    </row>
    <row r="17103" spans="1:10" x14ac:dyDescent="0.35">
      <c r="A17103" t="s">
        <v>20</v>
      </c>
      <c r="B17103" t="s">
        <v>40</v>
      </c>
      <c r="C17103" t="s">
        <v>117</v>
      </c>
      <c r="D17103" t="s">
        <v>118</v>
      </c>
      <c r="E17103" s="6">
        <v>2021</v>
      </c>
      <c r="F17103" s="6">
        <v>2021</v>
      </c>
      <c r="G17103" t="s">
        <v>126</v>
      </c>
      <c r="H17103" t="s">
        <v>124</v>
      </c>
      <c r="I17103" t="s">
        <v>15</v>
      </c>
      <c r="J17103" s="10">
        <v>2.2124955030579208</v>
      </c>
    </row>
    <row r="17104" spans="1:10" x14ac:dyDescent="0.35">
      <c r="A17104" t="s">
        <v>35</v>
      </c>
      <c r="B17104" t="s">
        <v>41</v>
      </c>
      <c r="C17104" t="s">
        <v>117</v>
      </c>
      <c r="D17104" t="s">
        <v>118</v>
      </c>
      <c r="E17104" s="6">
        <v>2021</v>
      </c>
      <c r="F17104" s="6">
        <v>2021</v>
      </c>
      <c r="G17104" t="s">
        <v>126</v>
      </c>
      <c r="H17104" t="s">
        <v>124</v>
      </c>
      <c r="I17104" t="s">
        <v>15</v>
      </c>
      <c r="J17104" s="10">
        <v>3.6716343351927403</v>
      </c>
    </row>
    <row r="17105" spans="1:10" x14ac:dyDescent="0.35">
      <c r="A17105" t="s">
        <v>35</v>
      </c>
      <c r="B17105" t="s">
        <v>42</v>
      </c>
      <c r="C17105" t="s">
        <v>117</v>
      </c>
      <c r="D17105" t="s">
        <v>118</v>
      </c>
      <c r="E17105" s="6">
        <v>2021</v>
      </c>
      <c r="F17105" s="6">
        <v>2021</v>
      </c>
      <c r="G17105" t="s">
        <v>126</v>
      </c>
      <c r="H17105" t="s">
        <v>124</v>
      </c>
      <c r="I17105" t="s">
        <v>15</v>
      </c>
      <c r="J17105" s="10">
        <v>2.465156794425087</v>
      </c>
    </row>
    <row r="17106" spans="1:10" x14ac:dyDescent="0.35">
      <c r="A17106" t="s">
        <v>35</v>
      </c>
      <c r="B17106" t="s">
        <v>43</v>
      </c>
      <c r="C17106" t="s">
        <v>117</v>
      </c>
      <c r="D17106" t="s">
        <v>118</v>
      </c>
      <c r="E17106" s="6">
        <v>2021</v>
      </c>
      <c r="F17106" s="6">
        <v>2021</v>
      </c>
      <c r="G17106" t="s">
        <v>126</v>
      </c>
      <c r="H17106" t="s">
        <v>124</v>
      </c>
      <c r="I17106" t="s">
        <v>15</v>
      </c>
      <c r="J17106" s="10">
        <v>2.9352557127312298</v>
      </c>
    </row>
    <row r="17107" spans="1:10" x14ac:dyDescent="0.35">
      <c r="A17107" t="s">
        <v>28</v>
      </c>
      <c r="B17107" t="s">
        <v>44</v>
      </c>
      <c r="C17107" t="s">
        <v>117</v>
      </c>
      <c r="D17107" t="s">
        <v>118</v>
      </c>
      <c r="E17107" s="6">
        <v>2021</v>
      </c>
      <c r="F17107" s="6">
        <v>2021</v>
      </c>
      <c r="G17107" t="s">
        <v>126</v>
      </c>
      <c r="H17107" t="s">
        <v>124</v>
      </c>
      <c r="I17107" t="s">
        <v>15</v>
      </c>
      <c r="J17107" s="10">
        <v>3.6447229856420003</v>
      </c>
    </row>
    <row r="17108" spans="1:10" x14ac:dyDescent="0.35">
      <c r="A17108" t="s">
        <v>10</v>
      </c>
      <c r="B17108" t="s">
        <v>45</v>
      </c>
      <c r="C17108" t="s">
        <v>117</v>
      </c>
      <c r="D17108" t="s">
        <v>118</v>
      </c>
      <c r="E17108" s="6">
        <v>2021</v>
      </c>
      <c r="F17108" s="6">
        <v>2021</v>
      </c>
      <c r="G17108" t="s">
        <v>126</v>
      </c>
      <c r="H17108" t="s">
        <v>124</v>
      </c>
      <c r="I17108" t="s">
        <v>15</v>
      </c>
      <c r="J17108" s="10">
        <v>3.5251974273385978</v>
      </c>
    </row>
    <row r="17109" spans="1:10" x14ac:dyDescent="0.35">
      <c r="A17109" t="s">
        <v>10</v>
      </c>
      <c r="B17109" t="s">
        <v>46</v>
      </c>
      <c r="C17109" t="s">
        <v>117</v>
      </c>
      <c r="D17109" t="s">
        <v>118</v>
      </c>
      <c r="E17109" s="6">
        <v>2021</v>
      </c>
      <c r="F17109" s="6">
        <v>2021</v>
      </c>
      <c r="G17109" t="s">
        <v>126</v>
      </c>
      <c r="H17109" t="s">
        <v>124</v>
      </c>
      <c r="I17109" t="s">
        <v>15</v>
      </c>
      <c r="J17109" s="10">
        <v>2.8649970996948375</v>
      </c>
    </row>
    <row r="17110" spans="1:10" x14ac:dyDescent="0.35">
      <c r="A17110" t="s">
        <v>33</v>
      </c>
      <c r="B17110" t="s">
        <v>47</v>
      </c>
      <c r="C17110" t="s">
        <v>117</v>
      </c>
      <c r="D17110" t="s">
        <v>118</v>
      </c>
      <c r="E17110" s="6">
        <v>2021</v>
      </c>
      <c r="F17110" s="6">
        <v>2021</v>
      </c>
      <c r="G17110" t="s">
        <v>126</v>
      </c>
      <c r="H17110" t="s">
        <v>124</v>
      </c>
      <c r="I17110" t="s">
        <v>15</v>
      </c>
      <c r="J17110" s="10">
        <v>2.4895753657874611</v>
      </c>
    </row>
    <row r="17111" spans="1:10" x14ac:dyDescent="0.35">
      <c r="A17111" t="s">
        <v>20</v>
      </c>
      <c r="B17111" t="s">
        <v>48</v>
      </c>
      <c r="C17111" t="s">
        <v>117</v>
      </c>
      <c r="D17111" t="s">
        <v>118</v>
      </c>
      <c r="E17111" s="6">
        <v>2021</v>
      </c>
      <c r="F17111" s="6">
        <v>2021</v>
      </c>
      <c r="G17111" t="s">
        <v>126</v>
      </c>
      <c r="H17111" t="s">
        <v>124</v>
      </c>
      <c r="I17111" t="s">
        <v>15</v>
      </c>
      <c r="J17111" s="10">
        <v>3.5337618184976547</v>
      </c>
    </row>
    <row r="17112" spans="1:10" x14ac:dyDescent="0.35">
      <c r="A17112" t="s">
        <v>28</v>
      </c>
      <c r="B17112" t="s">
        <v>49</v>
      </c>
      <c r="C17112" t="s">
        <v>117</v>
      </c>
      <c r="D17112" t="s">
        <v>118</v>
      </c>
      <c r="E17112" s="6">
        <v>2021</v>
      </c>
      <c r="F17112" s="6">
        <v>2021</v>
      </c>
      <c r="G17112" t="s">
        <v>126</v>
      </c>
      <c r="H17112" t="s">
        <v>124</v>
      </c>
      <c r="I17112" t="s">
        <v>15</v>
      </c>
      <c r="J17112" s="10">
        <v>3.2129813693310529</v>
      </c>
    </row>
    <row r="17113" spans="1:10" x14ac:dyDescent="0.35">
      <c r="A17113" t="s">
        <v>35</v>
      </c>
      <c r="B17113" t="s">
        <v>50</v>
      </c>
      <c r="C17113" t="s">
        <v>117</v>
      </c>
      <c r="D17113" t="s">
        <v>118</v>
      </c>
      <c r="E17113" s="6">
        <v>2021</v>
      </c>
      <c r="F17113" s="6">
        <v>2021</v>
      </c>
      <c r="G17113" t="s">
        <v>126</v>
      </c>
      <c r="H17113" t="s">
        <v>124</v>
      </c>
      <c r="I17113" t="s">
        <v>15</v>
      </c>
      <c r="J17113" s="10">
        <v>3.998822301330264</v>
      </c>
    </row>
    <row r="17114" spans="1:10" x14ac:dyDescent="0.35">
      <c r="A17114" t="s">
        <v>22</v>
      </c>
      <c r="B17114" t="s">
        <v>51</v>
      </c>
      <c r="C17114" t="s">
        <v>117</v>
      </c>
      <c r="D17114" t="s">
        <v>118</v>
      </c>
      <c r="E17114" s="6">
        <v>2021</v>
      </c>
      <c r="F17114" s="6">
        <v>2021</v>
      </c>
      <c r="G17114" t="s">
        <v>126</v>
      </c>
      <c r="H17114" t="s">
        <v>124</v>
      </c>
      <c r="I17114" t="s">
        <v>15</v>
      </c>
      <c r="J17114" s="10">
        <v>1.8700278954437444</v>
      </c>
    </row>
    <row r="17115" spans="1:10" x14ac:dyDescent="0.35">
      <c r="A17115" t="s">
        <v>22</v>
      </c>
      <c r="B17115" t="s">
        <v>52</v>
      </c>
      <c r="C17115" t="s">
        <v>117</v>
      </c>
      <c r="D17115" t="s">
        <v>118</v>
      </c>
      <c r="E17115" s="6">
        <v>2021</v>
      </c>
      <c r="F17115" s="6">
        <v>2021</v>
      </c>
      <c r="G17115" t="s">
        <v>126</v>
      </c>
      <c r="H17115" t="s">
        <v>124</v>
      </c>
      <c r="I17115" t="s">
        <v>15</v>
      </c>
      <c r="J17115" s="10">
        <v>3.0119849715593059</v>
      </c>
    </row>
    <row r="17116" spans="1:10" x14ac:dyDescent="0.35">
      <c r="A17116" t="s">
        <v>22</v>
      </c>
      <c r="B17116" t="s">
        <v>53</v>
      </c>
      <c r="C17116" t="s">
        <v>117</v>
      </c>
      <c r="D17116" t="s">
        <v>118</v>
      </c>
      <c r="E17116" s="6">
        <v>2021</v>
      </c>
      <c r="F17116" s="6">
        <v>2021</v>
      </c>
      <c r="G17116" t="s">
        <v>126</v>
      </c>
      <c r="H17116" t="s">
        <v>124</v>
      </c>
      <c r="I17116" t="s">
        <v>15</v>
      </c>
      <c r="J17116" s="10">
        <v>2.023163153657177</v>
      </c>
    </row>
    <row r="17117" spans="1:10" x14ac:dyDescent="0.35">
      <c r="A17117" t="s">
        <v>22</v>
      </c>
      <c r="B17117" t="s">
        <v>54</v>
      </c>
      <c r="C17117" t="s">
        <v>117</v>
      </c>
      <c r="D17117" t="s">
        <v>118</v>
      </c>
      <c r="E17117" s="6">
        <v>2021</v>
      </c>
      <c r="F17117" s="6">
        <v>2021</v>
      </c>
      <c r="G17117" t="s">
        <v>126</v>
      </c>
      <c r="H17117" t="s">
        <v>124</v>
      </c>
      <c r="I17117" t="s">
        <v>15</v>
      </c>
      <c r="J17117" s="10">
        <v>3.0689877498388136</v>
      </c>
    </row>
    <row r="17118" spans="1:10" x14ac:dyDescent="0.35">
      <c r="A17118" t="s">
        <v>22</v>
      </c>
      <c r="B17118" t="s">
        <v>55</v>
      </c>
      <c r="C17118" t="s">
        <v>117</v>
      </c>
      <c r="D17118" t="s">
        <v>118</v>
      </c>
      <c r="E17118" s="6">
        <v>2021</v>
      </c>
      <c r="F17118" s="6">
        <v>2021</v>
      </c>
      <c r="G17118" t="s">
        <v>126</v>
      </c>
      <c r="H17118" t="s">
        <v>124</v>
      </c>
      <c r="I17118" t="s">
        <v>15</v>
      </c>
      <c r="J17118" s="10">
        <v>3.6376313321953213</v>
      </c>
    </row>
    <row r="17119" spans="1:10" x14ac:dyDescent="0.35">
      <c r="A17119" t="s">
        <v>22</v>
      </c>
      <c r="B17119" t="s">
        <v>56</v>
      </c>
      <c r="C17119" t="s">
        <v>117</v>
      </c>
      <c r="D17119" t="s">
        <v>118</v>
      </c>
      <c r="E17119" s="6">
        <v>2021</v>
      </c>
      <c r="F17119" s="6">
        <v>2021</v>
      </c>
      <c r="G17119" t="s">
        <v>126</v>
      </c>
      <c r="H17119" t="s">
        <v>124</v>
      </c>
      <c r="I17119" t="s">
        <v>15</v>
      </c>
      <c r="J17119" s="10">
        <v>3.2627194553923324</v>
      </c>
    </row>
    <row r="17120" spans="1:10" x14ac:dyDescent="0.35">
      <c r="A17120" t="s">
        <v>28</v>
      </c>
      <c r="B17120" t="s">
        <v>58</v>
      </c>
      <c r="C17120" t="s">
        <v>117</v>
      </c>
      <c r="D17120" t="s">
        <v>118</v>
      </c>
      <c r="E17120" s="6">
        <v>2021</v>
      </c>
      <c r="F17120" s="6">
        <v>2021</v>
      </c>
      <c r="G17120" t="s">
        <v>126</v>
      </c>
      <c r="H17120" t="s">
        <v>124</v>
      </c>
      <c r="I17120" t="s">
        <v>15</v>
      </c>
      <c r="J17120" s="10">
        <v>3.7178347055279843</v>
      </c>
    </row>
    <row r="17121" spans="1:10" x14ac:dyDescent="0.35">
      <c r="A17121" t="s">
        <v>20</v>
      </c>
      <c r="B17121" t="s">
        <v>59</v>
      </c>
      <c r="C17121" t="s">
        <v>117</v>
      </c>
      <c r="D17121" t="s">
        <v>118</v>
      </c>
      <c r="E17121" s="6">
        <v>2021</v>
      </c>
      <c r="F17121" s="6">
        <v>2021</v>
      </c>
      <c r="G17121" t="s">
        <v>126</v>
      </c>
      <c r="H17121" t="s">
        <v>124</v>
      </c>
      <c r="I17121" t="s">
        <v>15</v>
      </c>
      <c r="J17121" s="10">
        <v>2.520542663678643</v>
      </c>
    </row>
    <row r="17122" spans="1:10" x14ac:dyDescent="0.35">
      <c r="A17122" t="s">
        <v>20</v>
      </c>
      <c r="B17122" t="s">
        <v>60</v>
      </c>
      <c r="C17122" t="s">
        <v>117</v>
      </c>
      <c r="D17122" t="s">
        <v>118</v>
      </c>
      <c r="E17122" s="6">
        <v>2021</v>
      </c>
      <c r="F17122" s="6">
        <v>2021</v>
      </c>
      <c r="G17122" t="s">
        <v>126</v>
      </c>
      <c r="H17122" t="s">
        <v>124</v>
      </c>
      <c r="I17122" t="s">
        <v>15</v>
      </c>
      <c r="J17122" s="10">
        <v>2.810373730401341</v>
      </c>
    </row>
    <row r="17123" spans="1:10" x14ac:dyDescent="0.35">
      <c r="A17123" t="s">
        <v>28</v>
      </c>
      <c r="B17123" t="s">
        <v>61</v>
      </c>
      <c r="C17123" t="s">
        <v>117</v>
      </c>
      <c r="D17123" t="s">
        <v>118</v>
      </c>
      <c r="E17123" s="6">
        <v>2021</v>
      </c>
      <c r="F17123" s="6">
        <v>2021</v>
      </c>
      <c r="G17123" t="s">
        <v>126</v>
      </c>
      <c r="H17123" t="s">
        <v>124</v>
      </c>
      <c r="I17123" t="s">
        <v>15</v>
      </c>
      <c r="J17123" s="10">
        <v>4.0185595050798648</v>
      </c>
    </row>
    <row r="17124" spans="1:10" x14ac:dyDescent="0.35">
      <c r="A17124" t="s">
        <v>62</v>
      </c>
      <c r="B17124" t="s">
        <v>63</v>
      </c>
      <c r="C17124" t="s">
        <v>117</v>
      </c>
      <c r="D17124" t="s">
        <v>118</v>
      </c>
      <c r="E17124" s="6">
        <v>2021</v>
      </c>
      <c r="F17124" s="6">
        <v>2021</v>
      </c>
      <c r="G17124" t="s">
        <v>126</v>
      </c>
      <c r="H17124" t="s">
        <v>124</v>
      </c>
      <c r="I17124" t="s">
        <v>15</v>
      </c>
      <c r="J17124" s="10">
        <v>2.8817928886846875</v>
      </c>
    </row>
    <row r="17125" spans="1:10" x14ac:dyDescent="0.35">
      <c r="A17125" t="s">
        <v>62</v>
      </c>
      <c r="B17125" t="s">
        <v>64</v>
      </c>
      <c r="C17125" t="s">
        <v>117</v>
      </c>
      <c r="D17125" t="s">
        <v>118</v>
      </c>
      <c r="E17125" s="6">
        <v>2021</v>
      </c>
      <c r="F17125" s="6">
        <v>2021</v>
      </c>
      <c r="G17125" t="s">
        <v>126</v>
      </c>
      <c r="H17125" t="s">
        <v>124</v>
      </c>
      <c r="I17125" t="s">
        <v>15</v>
      </c>
      <c r="J17125" s="10">
        <v>2.4015493867010975</v>
      </c>
    </row>
    <row r="17126" spans="1:10" x14ac:dyDescent="0.35">
      <c r="A17126" t="s">
        <v>62</v>
      </c>
      <c r="B17126" t="s">
        <v>65</v>
      </c>
      <c r="C17126" t="s">
        <v>117</v>
      </c>
      <c r="D17126" t="s">
        <v>118</v>
      </c>
      <c r="E17126" s="6">
        <v>2021</v>
      </c>
      <c r="F17126" s="6">
        <v>2021</v>
      </c>
      <c r="G17126" t="s">
        <v>126</v>
      </c>
      <c r="H17126" t="s">
        <v>124</v>
      </c>
      <c r="I17126" t="s">
        <v>15</v>
      </c>
      <c r="J17126" s="10">
        <v>1.287434722370244</v>
      </c>
    </row>
    <row r="17127" spans="1:10" x14ac:dyDescent="0.35">
      <c r="A17127" t="s">
        <v>62</v>
      </c>
      <c r="B17127" t="s">
        <v>66</v>
      </c>
      <c r="C17127" t="s">
        <v>117</v>
      </c>
      <c r="D17127" t="s">
        <v>118</v>
      </c>
      <c r="E17127" s="6">
        <v>2021</v>
      </c>
      <c r="F17127" s="6">
        <v>2021</v>
      </c>
      <c r="G17127" t="s">
        <v>126</v>
      </c>
      <c r="H17127" t="s">
        <v>124</v>
      </c>
      <c r="I17127" t="s">
        <v>15</v>
      </c>
      <c r="J17127" s="10">
        <v>2.5091589573284838</v>
      </c>
    </row>
    <row r="17128" spans="1:10" x14ac:dyDescent="0.35">
      <c r="A17128" t="s">
        <v>62</v>
      </c>
      <c r="B17128" t="s">
        <v>67</v>
      </c>
      <c r="C17128" t="s">
        <v>117</v>
      </c>
      <c r="D17128" t="s">
        <v>118</v>
      </c>
      <c r="E17128" s="6">
        <v>2021</v>
      </c>
      <c r="F17128" s="6">
        <v>2021</v>
      </c>
      <c r="G17128" t="s">
        <v>126</v>
      </c>
      <c r="H17128" t="s">
        <v>124</v>
      </c>
      <c r="I17128" t="s">
        <v>15</v>
      </c>
      <c r="J17128" s="10">
        <v>2.8693201667559447</v>
      </c>
    </row>
    <row r="17129" spans="1:10" x14ac:dyDescent="0.35">
      <c r="A17129" t="s">
        <v>62</v>
      </c>
      <c r="B17129" t="s">
        <v>68</v>
      </c>
      <c r="C17129" t="s">
        <v>117</v>
      </c>
      <c r="D17129" t="s">
        <v>118</v>
      </c>
      <c r="E17129" s="6">
        <v>2021</v>
      </c>
      <c r="F17129" s="6">
        <v>2021</v>
      </c>
      <c r="G17129" t="s">
        <v>126</v>
      </c>
      <c r="H17129" t="s">
        <v>124</v>
      </c>
      <c r="I17129" t="s">
        <v>15</v>
      </c>
      <c r="J17129" s="10">
        <v>2.7371495037988467</v>
      </c>
    </row>
    <row r="17130" spans="1:10" x14ac:dyDescent="0.35">
      <c r="A17130" t="s">
        <v>62</v>
      </c>
      <c r="B17130" t="s">
        <v>69</v>
      </c>
      <c r="C17130" t="s">
        <v>117</v>
      </c>
      <c r="D17130" t="s">
        <v>118</v>
      </c>
      <c r="E17130" s="6">
        <v>2021</v>
      </c>
      <c r="F17130" s="6">
        <v>2021</v>
      </c>
      <c r="G17130" t="s">
        <v>126</v>
      </c>
      <c r="H17130" t="s">
        <v>124</v>
      </c>
      <c r="I17130" t="s">
        <v>15</v>
      </c>
      <c r="J17130" s="10">
        <v>2.3812387251954297</v>
      </c>
    </row>
    <row r="17131" spans="1:10" x14ac:dyDescent="0.35">
      <c r="A17131" t="s">
        <v>62</v>
      </c>
      <c r="B17131" t="s">
        <v>70</v>
      </c>
      <c r="C17131" t="s">
        <v>117</v>
      </c>
      <c r="D17131" t="s">
        <v>118</v>
      </c>
      <c r="E17131" s="6">
        <v>2021</v>
      </c>
      <c r="F17131" s="6">
        <v>2021</v>
      </c>
      <c r="G17131" t="s">
        <v>126</v>
      </c>
      <c r="H17131" t="s">
        <v>124</v>
      </c>
      <c r="I17131" t="s">
        <v>15</v>
      </c>
      <c r="J17131" s="10">
        <v>2.3492516037063438</v>
      </c>
    </row>
    <row r="17132" spans="1:10" x14ac:dyDescent="0.35">
      <c r="A17132" t="s">
        <v>35</v>
      </c>
      <c r="B17132" t="s">
        <v>71</v>
      </c>
      <c r="C17132" t="s">
        <v>117</v>
      </c>
      <c r="D17132" t="s">
        <v>118</v>
      </c>
      <c r="E17132" s="6">
        <v>2021</v>
      </c>
      <c r="F17132" s="6">
        <v>2021</v>
      </c>
      <c r="G17132" t="s">
        <v>126</v>
      </c>
      <c r="H17132" t="s">
        <v>124</v>
      </c>
      <c r="I17132" t="s">
        <v>15</v>
      </c>
      <c r="J17132" s="10">
        <v>3.4851825956004943</v>
      </c>
    </row>
    <row r="17133" spans="1:10" x14ac:dyDescent="0.35">
      <c r="A17133" t="s">
        <v>20</v>
      </c>
      <c r="B17133" t="s">
        <v>72</v>
      </c>
      <c r="C17133" t="s">
        <v>117</v>
      </c>
      <c r="D17133" t="s">
        <v>118</v>
      </c>
      <c r="E17133" s="6">
        <v>2021</v>
      </c>
      <c r="F17133" s="6">
        <v>2021</v>
      </c>
      <c r="G17133" t="s">
        <v>126</v>
      </c>
      <c r="H17133" t="s">
        <v>124</v>
      </c>
      <c r="I17133" t="s">
        <v>15</v>
      </c>
      <c r="J17133" s="10">
        <v>2.5551205439934064</v>
      </c>
    </row>
    <row r="17134" spans="1:10" x14ac:dyDescent="0.35">
      <c r="A17134" t="s">
        <v>26</v>
      </c>
      <c r="B17134" t="s">
        <v>73</v>
      </c>
      <c r="C17134" t="s">
        <v>117</v>
      </c>
      <c r="D17134" t="s">
        <v>118</v>
      </c>
      <c r="E17134" s="6">
        <v>2021</v>
      </c>
      <c r="F17134" s="6">
        <v>2021</v>
      </c>
      <c r="G17134" t="s">
        <v>126</v>
      </c>
      <c r="H17134" t="s">
        <v>124</v>
      </c>
      <c r="I17134" t="s">
        <v>15</v>
      </c>
      <c r="J17134" s="10">
        <v>3.4514664428808128</v>
      </c>
    </row>
    <row r="17135" spans="1:10" x14ac:dyDescent="0.35">
      <c r="A17135" t="s">
        <v>28</v>
      </c>
      <c r="B17135" t="s">
        <v>74</v>
      </c>
      <c r="C17135" t="s">
        <v>117</v>
      </c>
      <c r="D17135" t="s">
        <v>118</v>
      </c>
      <c r="E17135" s="6">
        <v>2021</v>
      </c>
      <c r="F17135" s="6">
        <v>2021</v>
      </c>
      <c r="G17135" t="s">
        <v>126</v>
      </c>
      <c r="H17135" t="s">
        <v>124</v>
      </c>
      <c r="I17135" t="s">
        <v>15</v>
      </c>
      <c r="J17135" s="10">
        <v>2.7697097846039456</v>
      </c>
    </row>
    <row r="17136" spans="1:10" x14ac:dyDescent="0.35">
      <c r="A17136" t="s">
        <v>33</v>
      </c>
      <c r="B17136" t="s">
        <v>75</v>
      </c>
      <c r="C17136" t="s">
        <v>117</v>
      </c>
      <c r="D17136" t="s">
        <v>118</v>
      </c>
      <c r="E17136" s="6">
        <v>2021</v>
      </c>
      <c r="F17136" s="6">
        <v>2021</v>
      </c>
      <c r="G17136" t="s">
        <v>126</v>
      </c>
      <c r="H17136" t="s">
        <v>124</v>
      </c>
      <c r="I17136" t="s">
        <v>15</v>
      </c>
      <c r="J17136" s="10">
        <v>3.2878396655600639</v>
      </c>
    </row>
    <row r="17137" spans="1:10" x14ac:dyDescent="0.35">
      <c r="A17137" t="s">
        <v>22</v>
      </c>
      <c r="B17137" t="s">
        <v>76</v>
      </c>
      <c r="C17137" t="s">
        <v>117</v>
      </c>
      <c r="D17137" t="s">
        <v>118</v>
      </c>
      <c r="E17137" s="6">
        <v>2021</v>
      </c>
      <c r="F17137" s="6">
        <v>2021</v>
      </c>
      <c r="G17137" t="s">
        <v>126</v>
      </c>
      <c r="H17137" t="s">
        <v>124</v>
      </c>
      <c r="I17137" t="s">
        <v>15</v>
      </c>
      <c r="J17137" s="10">
        <v>2.4894250035418648</v>
      </c>
    </row>
    <row r="17138" spans="1:10" x14ac:dyDescent="0.35">
      <c r="A17138" t="s">
        <v>33</v>
      </c>
      <c r="B17138" t="s">
        <v>77</v>
      </c>
      <c r="C17138" t="s">
        <v>117</v>
      </c>
      <c r="D17138" t="s">
        <v>118</v>
      </c>
      <c r="E17138" s="6">
        <v>2021</v>
      </c>
      <c r="F17138" s="6">
        <v>2021</v>
      </c>
      <c r="G17138" t="s">
        <v>126</v>
      </c>
      <c r="H17138" t="s">
        <v>124</v>
      </c>
      <c r="I17138" t="s">
        <v>15</v>
      </c>
      <c r="J17138" s="10">
        <v>3.1521830335915864</v>
      </c>
    </row>
    <row r="17139" spans="1:10" x14ac:dyDescent="0.35">
      <c r="A17139" t="s">
        <v>22</v>
      </c>
      <c r="B17139" t="s">
        <v>78</v>
      </c>
      <c r="C17139" t="s">
        <v>117</v>
      </c>
      <c r="D17139" t="s">
        <v>118</v>
      </c>
      <c r="E17139" s="6">
        <v>2021</v>
      </c>
      <c r="F17139" s="6">
        <v>2021</v>
      </c>
      <c r="G17139" t="s">
        <v>126</v>
      </c>
      <c r="H17139" t="s">
        <v>124</v>
      </c>
      <c r="I17139" t="s">
        <v>15</v>
      </c>
      <c r="J17139" s="10">
        <v>2.6468137362396384</v>
      </c>
    </row>
    <row r="17140" spans="1:10" x14ac:dyDescent="0.35">
      <c r="A17140" t="s">
        <v>28</v>
      </c>
      <c r="B17140" t="s">
        <v>79</v>
      </c>
      <c r="C17140" t="s">
        <v>117</v>
      </c>
      <c r="D17140" t="s">
        <v>118</v>
      </c>
      <c r="E17140" s="6">
        <v>2021</v>
      </c>
      <c r="F17140" s="6">
        <v>2021</v>
      </c>
      <c r="G17140" t="s">
        <v>126</v>
      </c>
      <c r="H17140" t="s">
        <v>124</v>
      </c>
      <c r="I17140" t="s">
        <v>15</v>
      </c>
      <c r="J17140" s="10">
        <v>2.9128072568871017</v>
      </c>
    </row>
    <row r="17141" spans="1:10" x14ac:dyDescent="0.35">
      <c r="A17141" t="s">
        <v>26</v>
      </c>
      <c r="B17141" t="s">
        <v>80</v>
      </c>
      <c r="C17141" t="s">
        <v>117</v>
      </c>
      <c r="D17141" t="s">
        <v>118</v>
      </c>
      <c r="E17141" s="6">
        <v>2021</v>
      </c>
      <c r="F17141" s="6">
        <v>2021</v>
      </c>
      <c r="G17141" t="s">
        <v>126</v>
      </c>
      <c r="H17141" t="s">
        <v>124</v>
      </c>
      <c r="I17141" t="s">
        <v>15</v>
      </c>
      <c r="J17141" s="10">
        <v>3.5615499473722863</v>
      </c>
    </row>
    <row r="17142" spans="1:10" x14ac:dyDescent="0.35">
      <c r="A17142" t="s">
        <v>20</v>
      </c>
      <c r="B17142" t="s">
        <v>81</v>
      </c>
      <c r="C17142" t="s">
        <v>117</v>
      </c>
      <c r="D17142" t="s">
        <v>118</v>
      </c>
      <c r="E17142" s="6">
        <v>2021</v>
      </c>
      <c r="F17142" s="6">
        <v>2021</v>
      </c>
      <c r="G17142" t="s">
        <v>126</v>
      </c>
      <c r="H17142" t="s">
        <v>124</v>
      </c>
      <c r="I17142" t="s">
        <v>15</v>
      </c>
      <c r="J17142" s="10">
        <v>2.7194571290083931</v>
      </c>
    </row>
    <row r="17143" spans="1:10" x14ac:dyDescent="0.35">
      <c r="A17143" t="s">
        <v>26</v>
      </c>
      <c r="B17143" t="s">
        <v>57</v>
      </c>
      <c r="C17143" t="s">
        <v>117</v>
      </c>
      <c r="D17143" t="s">
        <v>118</v>
      </c>
      <c r="E17143" s="6">
        <v>2021</v>
      </c>
      <c r="F17143" s="6">
        <v>2021</v>
      </c>
      <c r="G17143" t="s">
        <v>126</v>
      </c>
      <c r="H17143" t="s">
        <v>124</v>
      </c>
      <c r="I17143" t="s">
        <v>15</v>
      </c>
      <c r="J17143" s="10">
        <v>4.4383317225485097</v>
      </c>
    </row>
    <row r="17144" spans="1:10" x14ac:dyDescent="0.35">
      <c r="A17144" t="s">
        <v>33</v>
      </c>
      <c r="B17144" t="s">
        <v>82</v>
      </c>
      <c r="C17144" t="s">
        <v>117</v>
      </c>
      <c r="D17144" t="s">
        <v>118</v>
      </c>
      <c r="E17144" s="6">
        <v>2021</v>
      </c>
      <c r="F17144" s="6">
        <v>2021</v>
      </c>
      <c r="G17144" t="s">
        <v>126</v>
      </c>
      <c r="H17144" t="s">
        <v>124</v>
      </c>
      <c r="I17144" t="s">
        <v>15</v>
      </c>
      <c r="J17144" s="10">
        <v>3.6302007865866277</v>
      </c>
    </row>
    <row r="17145" spans="1:10" x14ac:dyDescent="0.35">
      <c r="A17145" t="s">
        <v>26</v>
      </c>
      <c r="B17145" t="s">
        <v>83</v>
      </c>
      <c r="C17145" t="s">
        <v>117</v>
      </c>
      <c r="D17145" t="s">
        <v>118</v>
      </c>
      <c r="E17145" s="6">
        <v>2021</v>
      </c>
      <c r="F17145" s="6">
        <v>2021</v>
      </c>
      <c r="G17145" t="s">
        <v>126</v>
      </c>
      <c r="H17145" t="s">
        <v>124</v>
      </c>
      <c r="I17145" t="s">
        <v>15</v>
      </c>
      <c r="J17145" s="10">
        <v>3.4315455187014821</v>
      </c>
    </row>
    <row r="17146" spans="1:10" x14ac:dyDescent="0.35">
      <c r="A17146" t="s">
        <v>35</v>
      </c>
      <c r="B17146" t="s">
        <v>84</v>
      </c>
      <c r="C17146" t="s">
        <v>117</v>
      </c>
      <c r="D17146" t="s">
        <v>118</v>
      </c>
      <c r="E17146" s="6">
        <v>2021</v>
      </c>
      <c r="F17146" s="6">
        <v>2021</v>
      </c>
      <c r="G17146" t="s">
        <v>126</v>
      </c>
      <c r="H17146" t="s">
        <v>124</v>
      </c>
      <c r="I17146" t="s">
        <v>15</v>
      </c>
      <c r="J17146" s="10">
        <v>3.1686734035691249</v>
      </c>
    </row>
    <row r="17147" spans="1:10" x14ac:dyDescent="0.35">
      <c r="A17147" t="s">
        <v>33</v>
      </c>
      <c r="B17147" t="s">
        <v>85</v>
      </c>
      <c r="C17147" t="s">
        <v>117</v>
      </c>
      <c r="D17147" t="s">
        <v>118</v>
      </c>
      <c r="E17147" s="6">
        <v>2021</v>
      </c>
      <c r="F17147" s="6">
        <v>2021</v>
      </c>
      <c r="G17147" t="s">
        <v>126</v>
      </c>
      <c r="H17147" t="s">
        <v>124</v>
      </c>
      <c r="I17147" t="s">
        <v>15</v>
      </c>
      <c r="J17147" s="10">
        <v>4.2307381574340885</v>
      </c>
    </row>
    <row r="17148" spans="1:10" x14ac:dyDescent="0.35">
      <c r="A17148" t="s">
        <v>33</v>
      </c>
      <c r="B17148" t="s">
        <v>86</v>
      </c>
      <c r="C17148" t="s">
        <v>117</v>
      </c>
      <c r="D17148" t="s">
        <v>118</v>
      </c>
      <c r="E17148" s="6">
        <v>2021</v>
      </c>
      <c r="F17148" s="6">
        <v>2021</v>
      </c>
      <c r="G17148" t="s">
        <v>126</v>
      </c>
      <c r="H17148" t="s">
        <v>124</v>
      </c>
      <c r="I17148" t="s">
        <v>15</v>
      </c>
      <c r="J17148" s="10">
        <v>3.8095470519328387</v>
      </c>
    </row>
    <row r="17149" spans="1:10" x14ac:dyDescent="0.35">
      <c r="A17149" t="s">
        <v>35</v>
      </c>
      <c r="B17149" t="s">
        <v>87</v>
      </c>
      <c r="C17149" t="s">
        <v>117</v>
      </c>
      <c r="D17149" t="s">
        <v>118</v>
      </c>
      <c r="E17149" s="6">
        <v>2021</v>
      </c>
      <c r="F17149" s="6">
        <v>2021</v>
      </c>
      <c r="G17149" t="s">
        <v>126</v>
      </c>
      <c r="H17149" t="s">
        <v>124</v>
      </c>
      <c r="I17149" t="s">
        <v>15</v>
      </c>
      <c r="J17149" s="10">
        <v>3.23958393863676</v>
      </c>
    </row>
    <row r="17150" spans="1:10" x14ac:dyDescent="0.35">
      <c r="A17150" t="s">
        <v>35</v>
      </c>
      <c r="B17150" t="s">
        <v>88</v>
      </c>
      <c r="C17150" t="s">
        <v>117</v>
      </c>
      <c r="D17150" t="s">
        <v>118</v>
      </c>
      <c r="E17150" s="6">
        <v>2021</v>
      </c>
      <c r="F17150" s="6">
        <v>2021</v>
      </c>
      <c r="G17150" t="s">
        <v>126</v>
      </c>
      <c r="H17150" t="s">
        <v>124</v>
      </c>
      <c r="I17150" t="s">
        <v>15</v>
      </c>
      <c r="J17150" s="10">
        <v>2.8494114463536735</v>
      </c>
    </row>
    <row r="17151" spans="1:10" x14ac:dyDescent="0.35">
      <c r="A17151" t="s">
        <v>62</v>
      </c>
      <c r="B17151" t="s">
        <v>89</v>
      </c>
      <c r="C17151" t="s">
        <v>117</v>
      </c>
      <c r="D17151" t="s">
        <v>118</v>
      </c>
      <c r="E17151" s="6">
        <v>2021</v>
      </c>
      <c r="F17151" s="6">
        <v>2021</v>
      </c>
      <c r="G17151" t="s">
        <v>126</v>
      </c>
      <c r="H17151" t="s">
        <v>124</v>
      </c>
      <c r="I17151" t="s">
        <v>15</v>
      </c>
      <c r="J17151" s="10">
        <v>2.5452656574651233</v>
      </c>
    </row>
    <row r="17152" spans="1:10" x14ac:dyDescent="0.35">
      <c r="A17152" t="s">
        <v>26</v>
      </c>
      <c r="B17152" t="s">
        <v>90</v>
      </c>
      <c r="C17152" t="s">
        <v>117</v>
      </c>
      <c r="D17152" t="s">
        <v>118</v>
      </c>
      <c r="E17152" s="6">
        <v>2021</v>
      </c>
      <c r="F17152" s="6">
        <v>2021</v>
      </c>
      <c r="G17152" t="s">
        <v>126</v>
      </c>
      <c r="H17152" t="s">
        <v>124</v>
      </c>
      <c r="I17152" t="s">
        <v>15</v>
      </c>
      <c r="J17152" s="10">
        <v>3.015030946065429</v>
      </c>
    </row>
    <row r="17153" spans="1:10" x14ac:dyDescent="0.35">
      <c r="A17153" t="s">
        <v>26</v>
      </c>
      <c r="B17153" t="s">
        <v>91</v>
      </c>
      <c r="C17153" t="s">
        <v>117</v>
      </c>
      <c r="D17153" t="s">
        <v>118</v>
      </c>
      <c r="E17153" s="6">
        <v>2021</v>
      </c>
      <c r="F17153" s="6">
        <v>2021</v>
      </c>
      <c r="G17153" t="s">
        <v>126</v>
      </c>
      <c r="H17153" t="s">
        <v>124</v>
      </c>
      <c r="I17153" t="s">
        <v>15</v>
      </c>
      <c r="J17153" s="10">
        <v>3.1588332696471788</v>
      </c>
    </row>
    <row r="17154" spans="1:10" x14ac:dyDescent="0.35">
      <c r="A17154" t="s">
        <v>33</v>
      </c>
      <c r="B17154" t="s">
        <v>92</v>
      </c>
      <c r="C17154" t="s">
        <v>117</v>
      </c>
      <c r="D17154" t="s">
        <v>118</v>
      </c>
      <c r="E17154" s="6">
        <v>2021</v>
      </c>
      <c r="F17154" s="6">
        <v>2021</v>
      </c>
      <c r="G17154" t="s">
        <v>126</v>
      </c>
      <c r="H17154" t="s">
        <v>124</v>
      </c>
      <c r="I17154" t="s">
        <v>15</v>
      </c>
      <c r="J17154" s="10">
        <v>3.0149614628985946</v>
      </c>
    </row>
    <row r="17155" spans="1:10" x14ac:dyDescent="0.35">
      <c r="A17155" t="s">
        <v>35</v>
      </c>
      <c r="B17155" t="s">
        <v>93</v>
      </c>
      <c r="C17155" t="s">
        <v>117</v>
      </c>
      <c r="D17155" t="s">
        <v>118</v>
      </c>
      <c r="E17155" s="6">
        <v>2021</v>
      </c>
      <c r="F17155" s="6">
        <v>2021</v>
      </c>
      <c r="G17155" t="s">
        <v>126</v>
      </c>
      <c r="H17155" t="s">
        <v>124</v>
      </c>
      <c r="I17155" t="s">
        <v>15</v>
      </c>
      <c r="J17155" s="10">
        <v>3.4669241912119753</v>
      </c>
    </row>
    <row r="17156" spans="1:10" x14ac:dyDescent="0.35">
      <c r="A17156" t="s">
        <v>20</v>
      </c>
      <c r="B17156" t="s">
        <v>94</v>
      </c>
      <c r="C17156" t="s">
        <v>117</v>
      </c>
      <c r="D17156" t="s">
        <v>118</v>
      </c>
      <c r="E17156" s="6">
        <v>2021</v>
      </c>
      <c r="F17156" s="6">
        <v>2021</v>
      </c>
      <c r="G17156" t="s">
        <v>126</v>
      </c>
      <c r="H17156" t="s">
        <v>124</v>
      </c>
      <c r="I17156" t="s">
        <v>15</v>
      </c>
      <c r="J17156" s="10">
        <v>2.3520485584218513</v>
      </c>
    </row>
    <row r="17157" spans="1:10" x14ac:dyDescent="0.35">
      <c r="A17157" t="s">
        <v>10</v>
      </c>
      <c r="B17157" t="s">
        <v>11</v>
      </c>
      <c r="C17157" t="s">
        <v>117</v>
      </c>
      <c r="D17157" t="s">
        <v>118</v>
      </c>
      <c r="E17157" s="6">
        <v>2021</v>
      </c>
      <c r="F17157" s="6">
        <v>2021</v>
      </c>
      <c r="G17157" t="s">
        <v>14</v>
      </c>
      <c r="H17157" t="s">
        <v>124</v>
      </c>
      <c r="I17157" t="s">
        <v>15</v>
      </c>
      <c r="J17157" s="10">
        <v>1.5941848906560636</v>
      </c>
    </row>
    <row r="17158" spans="1:10" x14ac:dyDescent="0.35">
      <c r="A17158" t="s">
        <v>10</v>
      </c>
      <c r="B17158" t="s">
        <v>16</v>
      </c>
      <c r="C17158" t="s">
        <v>117</v>
      </c>
      <c r="D17158" t="s">
        <v>118</v>
      </c>
      <c r="E17158" s="6">
        <v>2021</v>
      </c>
      <c r="F17158" s="6">
        <v>2021</v>
      </c>
      <c r="G17158" t="s">
        <v>14</v>
      </c>
      <c r="H17158" t="s">
        <v>124</v>
      </c>
      <c r="I17158" t="s">
        <v>15</v>
      </c>
      <c r="J17158" s="10">
        <v>2.2373300370828182</v>
      </c>
    </row>
    <row r="17159" spans="1:10" x14ac:dyDescent="0.35">
      <c r="A17159" t="s">
        <v>10</v>
      </c>
      <c r="B17159" t="s">
        <v>17</v>
      </c>
      <c r="C17159" t="s">
        <v>117</v>
      </c>
      <c r="D17159" t="s">
        <v>118</v>
      </c>
      <c r="E17159" s="6">
        <v>2021</v>
      </c>
      <c r="F17159" s="6">
        <v>2021</v>
      </c>
      <c r="G17159" t="s">
        <v>14</v>
      </c>
      <c r="H17159" t="s">
        <v>124</v>
      </c>
      <c r="I17159" t="s">
        <v>15</v>
      </c>
      <c r="J17159" s="10">
        <v>2.4509087365394921</v>
      </c>
    </row>
    <row r="17160" spans="1:10" x14ac:dyDescent="0.35">
      <c r="A17160" t="s">
        <v>10</v>
      </c>
      <c r="B17160" t="s">
        <v>18</v>
      </c>
      <c r="C17160" t="s">
        <v>117</v>
      </c>
      <c r="D17160" t="s">
        <v>118</v>
      </c>
      <c r="E17160" s="6">
        <v>2021</v>
      </c>
      <c r="F17160" s="6">
        <v>2021</v>
      </c>
      <c r="G17160" t="s">
        <v>14</v>
      </c>
      <c r="H17160" t="s">
        <v>124</v>
      </c>
      <c r="I17160" t="s">
        <v>15</v>
      </c>
      <c r="J17160" s="10">
        <v>2.0990384497904628</v>
      </c>
    </row>
    <row r="17161" spans="1:10" x14ac:dyDescent="0.35">
      <c r="A17161" t="s">
        <v>10</v>
      </c>
      <c r="B17161" t="s">
        <v>19</v>
      </c>
      <c r="C17161" t="s">
        <v>117</v>
      </c>
      <c r="D17161" t="s">
        <v>118</v>
      </c>
      <c r="E17161" s="6">
        <v>2021</v>
      </c>
      <c r="F17161" s="6">
        <v>2021</v>
      </c>
      <c r="G17161" t="s">
        <v>14</v>
      </c>
      <c r="H17161" t="s">
        <v>124</v>
      </c>
      <c r="I17161" t="s">
        <v>15</v>
      </c>
      <c r="J17161" s="10">
        <v>2.5965223285278554</v>
      </c>
    </row>
    <row r="17162" spans="1:10" x14ac:dyDescent="0.35">
      <c r="A17162" t="s">
        <v>20</v>
      </c>
      <c r="B17162" t="s">
        <v>21</v>
      </c>
      <c r="C17162" t="s">
        <v>117</v>
      </c>
      <c r="D17162" t="s">
        <v>118</v>
      </c>
      <c r="E17162" s="6">
        <v>2021</v>
      </c>
      <c r="F17162" s="6">
        <v>2021</v>
      </c>
      <c r="G17162" t="s">
        <v>14</v>
      </c>
      <c r="H17162" t="s">
        <v>124</v>
      </c>
      <c r="I17162" t="s">
        <v>15</v>
      </c>
      <c r="J17162" s="10">
        <v>1.6230953834793598</v>
      </c>
    </row>
    <row r="17163" spans="1:10" x14ac:dyDescent="0.35">
      <c r="A17163" t="s">
        <v>22</v>
      </c>
      <c r="B17163" t="s">
        <v>23</v>
      </c>
      <c r="C17163" t="s">
        <v>117</v>
      </c>
      <c r="D17163" t="s">
        <v>118</v>
      </c>
      <c r="E17163" s="6">
        <v>2021</v>
      </c>
      <c r="F17163" s="6">
        <v>2021</v>
      </c>
      <c r="G17163" t="s">
        <v>14</v>
      </c>
      <c r="H17163" t="s">
        <v>124</v>
      </c>
      <c r="I17163" t="s">
        <v>15</v>
      </c>
      <c r="J17163" s="10">
        <v>1.5210885890124781</v>
      </c>
    </row>
    <row r="17164" spans="1:10" x14ac:dyDescent="0.35">
      <c r="A17164" t="s">
        <v>10</v>
      </c>
      <c r="B17164" t="s">
        <v>24</v>
      </c>
      <c r="C17164" t="s">
        <v>117</v>
      </c>
      <c r="D17164" t="s">
        <v>118</v>
      </c>
      <c r="E17164" s="6">
        <v>2021</v>
      </c>
      <c r="F17164" s="6">
        <v>2021</v>
      </c>
      <c r="G17164" t="s">
        <v>14</v>
      </c>
      <c r="H17164" t="s">
        <v>124</v>
      </c>
      <c r="I17164" t="s">
        <v>15</v>
      </c>
      <c r="J17164" s="10">
        <v>2.8618765753773827</v>
      </c>
    </row>
    <row r="17165" spans="1:10" x14ac:dyDescent="0.35">
      <c r="A17165" t="s">
        <v>10</v>
      </c>
      <c r="B17165" t="s">
        <v>25</v>
      </c>
      <c r="C17165" t="s">
        <v>117</v>
      </c>
      <c r="D17165" t="s">
        <v>118</v>
      </c>
      <c r="E17165" s="6">
        <v>2021</v>
      </c>
      <c r="F17165" s="6">
        <v>2021</v>
      </c>
      <c r="G17165" t="s">
        <v>14</v>
      </c>
      <c r="H17165" t="s">
        <v>124</v>
      </c>
      <c r="I17165" t="s">
        <v>15</v>
      </c>
      <c r="J17165" s="10">
        <v>3.0347194791397087</v>
      </c>
    </row>
    <row r="17166" spans="1:10" x14ac:dyDescent="0.35">
      <c r="A17166" t="s">
        <v>26</v>
      </c>
      <c r="B17166" t="s">
        <v>27</v>
      </c>
      <c r="C17166" t="s">
        <v>117</v>
      </c>
      <c r="D17166" t="s">
        <v>118</v>
      </c>
      <c r="E17166" s="6">
        <v>2021</v>
      </c>
      <c r="F17166" s="6">
        <v>2021</v>
      </c>
      <c r="G17166" t="s">
        <v>14</v>
      </c>
      <c r="H17166" t="s">
        <v>124</v>
      </c>
      <c r="I17166" t="s">
        <v>15</v>
      </c>
      <c r="J17166" s="10">
        <v>3.2076971483456429</v>
      </c>
    </row>
    <row r="17167" spans="1:10" x14ac:dyDescent="0.35">
      <c r="A17167" t="s">
        <v>28</v>
      </c>
      <c r="B17167" t="s">
        <v>29</v>
      </c>
      <c r="C17167" t="s">
        <v>117</v>
      </c>
      <c r="D17167" t="s">
        <v>118</v>
      </c>
      <c r="E17167" s="6">
        <v>2021</v>
      </c>
      <c r="F17167" s="6">
        <v>2021</v>
      </c>
      <c r="G17167" t="s">
        <v>14</v>
      </c>
      <c r="H17167" t="s">
        <v>124</v>
      </c>
      <c r="I17167" t="s">
        <v>15</v>
      </c>
      <c r="J17167" s="10">
        <v>3.53568509760313</v>
      </c>
    </row>
    <row r="17168" spans="1:10" x14ac:dyDescent="0.35">
      <c r="A17168" t="s">
        <v>10</v>
      </c>
      <c r="B17168" t="s">
        <v>30</v>
      </c>
      <c r="C17168" t="s">
        <v>117</v>
      </c>
      <c r="D17168" t="s">
        <v>118</v>
      </c>
      <c r="E17168" s="6">
        <v>2021</v>
      </c>
      <c r="F17168" s="6">
        <v>2021</v>
      </c>
      <c r="G17168" t="s">
        <v>14</v>
      </c>
      <c r="H17168" t="s">
        <v>124</v>
      </c>
      <c r="I17168" t="s">
        <v>15</v>
      </c>
      <c r="J17168" s="10">
        <v>2.5532253360553594</v>
      </c>
    </row>
    <row r="17169" spans="1:10" x14ac:dyDescent="0.35">
      <c r="A17169" t="s">
        <v>26</v>
      </c>
      <c r="B17169" t="s">
        <v>31</v>
      </c>
      <c r="C17169" t="s">
        <v>117</v>
      </c>
      <c r="D17169" t="s">
        <v>118</v>
      </c>
      <c r="E17169" s="6">
        <v>2021</v>
      </c>
      <c r="F17169" s="6">
        <v>2021</v>
      </c>
      <c r="G17169" t="s">
        <v>14</v>
      </c>
      <c r="H17169" t="s">
        <v>124</v>
      </c>
      <c r="I17169" t="s">
        <v>15</v>
      </c>
      <c r="J17169" s="10">
        <v>3.0777553170287275</v>
      </c>
    </row>
    <row r="17170" spans="1:10" x14ac:dyDescent="0.35">
      <c r="A17170" t="s">
        <v>28</v>
      </c>
      <c r="B17170" t="s">
        <v>32</v>
      </c>
      <c r="C17170" t="s">
        <v>117</v>
      </c>
      <c r="D17170" t="s">
        <v>118</v>
      </c>
      <c r="E17170" s="6">
        <v>2021</v>
      </c>
      <c r="F17170" s="6">
        <v>2021</v>
      </c>
      <c r="G17170" t="s">
        <v>14</v>
      </c>
      <c r="H17170" t="s">
        <v>124</v>
      </c>
      <c r="I17170" t="s">
        <v>15</v>
      </c>
      <c r="J17170" s="10">
        <v>2.5599519601060012</v>
      </c>
    </row>
    <row r="17171" spans="1:10" x14ac:dyDescent="0.35">
      <c r="A17171" t="s">
        <v>33</v>
      </c>
      <c r="B17171" t="s">
        <v>34</v>
      </c>
      <c r="C17171" t="s">
        <v>117</v>
      </c>
      <c r="D17171" t="s">
        <v>118</v>
      </c>
      <c r="E17171" s="6">
        <v>2021</v>
      </c>
      <c r="F17171" s="6">
        <v>2021</v>
      </c>
      <c r="G17171" t="s">
        <v>14</v>
      </c>
      <c r="H17171" t="s">
        <v>124</v>
      </c>
      <c r="I17171" t="s">
        <v>15</v>
      </c>
      <c r="J17171" s="10">
        <v>2.3378449639655479</v>
      </c>
    </row>
    <row r="17172" spans="1:10" x14ac:dyDescent="0.35">
      <c r="A17172" t="s">
        <v>35</v>
      </c>
      <c r="B17172" t="s">
        <v>36</v>
      </c>
      <c r="C17172" t="s">
        <v>117</v>
      </c>
      <c r="D17172" t="s">
        <v>118</v>
      </c>
      <c r="E17172" s="6">
        <v>2021</v>
      </c>
      <c r="F17172" s="6">
        <v>2021</v>
      </c>
      <c r="G17172" t="s">
        <v>14</v>
      </c>
      <c r="H17172" t="s">
        <v>124</v>
      </c>
      <c r="I17172" t="s">
        <v>15</v>
      </c>
      <c r="J17172" s="10">
        <v>2.888559462299046</v>
      </c>
    </row>
    <row r="17173" spans="1:10" x14ac:dyDescent="0.35">
      <c r="A17173" t="s">
        <v>28</v>
      </c>
      <c r="B17173" t="s">
        <v>37</v>
      </c>
      <c r="C17173" t="s">
        <v>117</v>
      </c>
      <c r="D17173" t="s">
        <v>118</v>
      </c>
      <c r="E17173" s="6">
        <v>2021</v>
      </c>
      <c r="F17173" s="6">
        <v>2021</v>
      </c>
      <c r="G17173" t="s">
        <v>14</v>
      </c>
      <c r="H17173" t="s">
        <v>124</v>
      </c>
      <c r="I17173" t="s">
        <v>15</v>
      </c>
      <c r="J17173" s="10">
        <v>2.3941392338212788</v>
      </c>
    </row>
    <row r="17174" spans="1:10" x14ac:dyDescent="0.35">
      <c r="A17174" t="s">
        <v>20</v>
      </c>
      <c r="B17174" t="s">
        <v>38</v>
      </c>
      <c r="C17174" t="s">
        <v>117</v>
      </c>
      <c r="D17174" t="s">
        <v>118</v>
      </c>
      <c r="E17174" s="6">
        <v>2021</v>
      </c>
      <c r="F17174" s="6">
        <v>2021</v>
      </c>
      <c r="G17174" t="s">
        <v>14</v>
      </c>
      <c r="H17174" t="s">
        <v>124</v>
      </c>
      <c r="I17174" t="s">
        <v>15</v>
      </c>
      <c r="J17174" s="10">
        <v>1.893790694841146</v>
      </c>
    </row>
    <row r="17175" spans="1:10" x14ac:dyDescent="0.35">
      <c r="A17175" t="s">
        <v>33</v>
      </c>
      <c r="B17175" t="s">
        <v>39</v>
      </c>
      <c r="C17175" t="s">
        <v>117</v>
      </c>
      <c r="D17175" t="s">
        <v>118</v>
      </c>
      <c r="E17175" s="6">
        <v>2021</v>
      </c>
      <c r="F17175" s="6">
        <v>2021</v>
      </c>
      <c r="G17175" t="s">
        <v>14</v>
      </c>
      <c r="H17175" t="s">
        <v>124</v>
      </c>
      <c r="I17175" t="s">
        <v>15</v>
      </c>
      <c r="J17175" s="10">
        <v>2.286759347111643</v>
      </c>
    </row>
    <row r="17176" spans="1:10" x14ac:dyDescent="0.35">
      <c r="A17176" t="s">
        <v>20</v>
      </c>
      <c r="B17176" t="s">
        <v>40</v>
      </c>
      <c r="C17176" t="s">
        <v>117</v>
      </c>
      <c r="D17176" t="s">
        <v>118</v>
      </c>
      <c r="E17176" s="6">
        <v>2021</v>
      </c>
      <c r="F17176" s="6">
        <v>2021</v>
      </c>
      <c r="G17176" t="s">
        <v>14</v>
      </c>
      <c r="H17176" t="s">
        <v>124</v>
      </c>
      <c r="I17176" t="s">
        <v>15</v>
      </c>
      <c r="J17176" s="10">
        <v>1.853410649706946</v>
      </c>
    </row>
    <row r="17177" spans="1:10" x14ac:dyDescent="0.35">
      <c r="A17177" t="s">
        <v>35</v>
      </c>
      <c r="B17177" t="s">
        <v>41</v>
      </c>
      <c r="C17177" t="s">
        <v>117</v>
      </c>
      <c r="D17177" t="s">
        <v>118</v>
      </c>
      <c r="E17177" s="6">
        <v>2021</v>
      </c>
      <c r="F17177" s="6">
        <v>2021</v>
      </c>
      <c r="G17177" t="s">
        <v>14</v>
      </c>
      <c r="H17177" t="s">
        <v>124</v>
      </c>
      <c r="I17177" t="s">
        <v>15</v>
      </c>
      <c r="J17177" s="10">
        <v>2.9772558606539485</v>
      </c>
    </row>
    <row r="17178" spans="1:10" x14ac:dyDescent="0.35">
      <c r="A17178" t="s">
        <v>35</v>
      </c>
      <c r="B17178" t="s">
        <v>42</v>
      </c>
      <c r="C17178" t="s">
        <v>117</v>
      </c>
      <c r="D17178" t="s">
        <v>118</v>
      </c>
      <c r="E17178" s="6">
        <v>2021</v>
      </c>
      <c r="F17178" s="6">
        <v>2021</v>
      </c>
      <c r="G17178" t="s">
        <v>14</v>
      </c>
      <c r="H17178" t="s">
        <v>124</v>
      </c>
      <c r="I17178" t="s">
        <v>15</v>
      </c>
      <c r="J17178" s="10">
        <v>2.0809478007297821</v>
      </c>
    </row>
    <row r="17179" spans="1:10" x14ac:dyDescent="0.35">
      <c r="A17179" t="s">
        <v>35</v>
      </c>
      <c r="B17179" t="s">
        <v>43</v>
      </c>
      <c r="C17179" t="s">
        <v>117</v>
      </c>
      <c r="D17179" t="s">
        <v>118</v>
      </c>
      <c r="E17179" s="6">
        <v>2021</v>
      </c>
      <c r="F17179" s="6">
        <v>2021</v>
      </c>
      <c r="G17179" t="s">
        <v>14</v>
      </c>
      <c r="H17179" t="s">
        <v>124</v>
      </c>
      <c r="I17179" t="s">
        <v>15</v>
      </c>
      <c r="J17179" s="10">
        <v>2.3113201061474791</v>
      </c>
    </row>
    <row r="17180" spans="1:10" x14ac:dyDescent="0.35">
      <c r="A17180" t="s">
        <v>28</v>
      </c>
      <c r="B17180" t="s">
        <v>44</v>
      </c>
      <c r="C17180" t="s">
        <v>117</v>
      </c>
      <c r="D17180" t="s">
        <v>118</v>
      </c>
      <c r="E17180" s="6">
        <v>2021</v>
      </c>
      <c r="F17180" s="6">
        <v>2021</v>
      </c>
      <c r="G17180" t="s">
        <v>14</v>
      </c>
      <c r="H17180" t="s">
        <v>124</v>
      </c>
      <c r="I17180" t="s">
        <v>15</v>
      </c>
      <c r="J17180" s="10">
        <v>3.1206475179355113</v>
      </c>
    </row>
    <row r="17181" spans="1:10" x14ac:dyDescent="0.35">
      <c r="A17181" t="s">
        <v>10</v>
      </c>
      <c r="B17181" t="s">
        <v>45</v>
      </c>
      <c r="C17181" t="s">
        <v>117</v>
      </c>
      <c r="D17181" t="s">
        <v>118</v>
      </c>
      <c r="E17181" s="6">
        <v>2021</v>
      </c>
      <c r="F17181" s="6">
        <v>2021</v>
      </c>
      <c r="G17181" t="s">
        <v>14</v>
      </c>
      <c r="H17181" t="s">
        <v>124</v>
      </c>
      <c r="I17181" t="s">
        <v>15</v>
      </c>
      <c r="J17181" s="10">
        <v>2.754437078635871</v>
      </c>
    </row>
    <row r="17182" spans="1:10" x14ac:dyDescent="0.35">
      <c r="A17182" t="s">
        <v>10</v>
      </c>
      <c r="B17182" t="s">
        <v>46</v>
      </c>
      <c r="C17182" t="s">
        <v>117</v>
      </c>
      <c r="D17182" t="s">
        <v>118</v>
      </c>
      <c r="E17182" s="6">
        <v>2021</v>
      </c>
      <c r="F17182" s="6">
        <v>2021</v>
      </c>
      <c r="G17182" t="s">
        <v>14</v>
      </c>
      <c r="H17182" t="s">
        <v>124</v>
      </c>
      <c r="I17182" t="s">
        <v>15</v>
      </c>
      <c r="J17182" s="10">
        <v>2.3020437975244881</v>
      </c>
    </row>
    <row r="17183" spans="1:10" x14ac:dyDescent="0.35">
      <c r="A17183" t="s">
        <v>33</v>
      </c>
      <c r="B17183" t="s">
        <v>47</v>
      </c>
      <c r="C17183" t="s">
        <v>117</v>
      </c>
      <c r="D17183" t="s">
        <v>118</v>
      </c>
      <c r="E17183" s="6">
        <v>2021</v>
      </c>
      <c r="F17183" s="6">
        <v>2021</v>
      </c>
      <c r="G17183" t="s">
        <v>14</v>
      </c>
      <c r="H17183" t="s">
        <v>124</v>
      </c>
      <c r="I17183" t="s">
        <v>15</v>
      </c>
      <c r="J17183" s="10">
        <v>2.0495842705147966</v>
      </c>
    </row>
    <row r="17184" spans="1:10" x14ac:dyDescent="0.35">
      <c r="A17184" t="s">
        <v>20</v>
      </c>
      <c r="B17184" t="s">
        <v>48</v>
      </c>
      <c r="C17184" t="s">
        <v>117</v>
      </c>
      <c r="D17184" t="s">
        <v>118</v>
      </c>
      <c r="E17184" s="6">
        <v>2021</v>
      </c>
      <c r="F17184" s="6">
        <v>2021</v>
      </c>
      <c r="G17184" t="s">
        <v>14</v>
      </c>
      <c r="H17184" t="s">
        <v>124</v>
      </c>
      <c r="I17184" t="s">
        <v>15</v>
      </c>
      <c r="J17184" s="10">
        <v>2.6557268103161822</v>
      </c>
    </row>
    <row r="17185" spans="1:10" x14ac:dyDescent="0.35">
      <c r="A17185" t="s">
        <v>28</v>
      </c>
      <c r="B17185" t="s">
        <v>49</v>
      </c>
      <c r="C17185" t="s">
        <v>117</v>
      </c>
      <c r="D17185" t="s">
        <v>118</v>
      </c>
      <c r="E17185" s="6">
        <v>2021</v>
      </c>
      <c r="F17185" s="6">
        <v>2021</v>
      </c>
      <c r="G17185" t="s">
        <v>14</v>
      </c>
      <c r="H17185" t="s">
        <v>124</v>
      </c>
      <c r="I17185" t="s">
        <v>15</v>
      </c>
      <c r="J17185" s="10">
        <v>2.6783149832455724</v>
      </c>
    </row>
    <row r="17186" spans="1:10" x14ac:dyDescent="0.35">
      <c r="A17186" t="s">
        <v>35</v>
      </c>
      <c r="B17186" t="s">
        <v>50</v>
      </c>
      <c r="C17186" t="s">
        <v>117</v>
      </c>
      <c r="D17186" t="s">
        <v>118</v>
      </c>
      <c r="E17186" s="6">
        <v>2021</v>
      </c>
      <c r="F17186" s="6">
        <v>2021</v>
      </c>
      <c r="G17186" t="s">
        <v>14</v>
      </c>
      <c r="H17186" t="s">
        <v>124</v>
      </c>
      <c r="I17186" t="s">
        <v>15</v>
      </c>
      <c r="J17186" s="10">
        <v>3.1526394837848359</v>
      </c>
    </row>
    <row r="17187" spans="1:10" x14ac:dyDescent="0.35">
      <c r="A17187" t="s">
        <v>22</v>
      </c>
      <c r="B17187" t="s">
        <v>51</v>
      </c>
      <c r="C17187" t="s">
        <v>117</v>
      </c>
      <c r="D17187" t="s">
        <v>118</v>
      </c>
      <c r="E17187" s="6">
        <v>2021</v>
      </c>
      <c r="F17187" s="6">
        <v>2021</v>
      </c>
      <c r="G17187" t="s">
        <v>14</v>
      </c>
      <c r="H17187" t="s">
        <v>124</v>
      </c>
      <c r="I17187" t="s">
        <v>15</v>
      </c>
      <c r="J17187" s="10">
        <v>1.5818402607639701</v>
      </c>
    </row>
    <row r="17188" spans="1:10" x14ac:dyDescent="0.35">
      <c r="A17188" t="s">
        <v>22</v>
      </c>
      <c r="B17188" t="s">
        <v>52</v>
      </c>
      <c r="C17188" t="s">
        <v>117</v>
      </c>
      <c r="D17188" t="s">
        <v>118</v>
      </c>
      <c r="E17188" s="6">
        <v>2021</v>
      </c>
      <c r="F17188" s="6">
        <v>2021</v>
      </c>
      <c r="G17188" t="s">
        <v>14</v>
      </c>
      <c r="H17188" t="s">
        <v>124</v>
      </c>
      <c r="I17188" t="s">
        <v>15</v>
      </c>
      <c r="J17188" s="10">
        <v>2.4237540967541729</v>
      </c>
    </row>
    <row r="17189" spans="1:10" x14ac:dyDescent="0.35">
      <c r="A17189" t="s">
        <v>22</v>
      </c>
      <c r="B17189" t="s">
        <v>53</v>
      </c>
      <c r="C17189" t="s">
        <v>117</v>
      </c>
      <c r="D17189" t="s">
        <v>118</v>
      </c>
      <c r="E17189" s="6">
        <v>2021</v>
      </c>
      <c r="F17189" s="6">
        <v>2021</v>
      </c>
      <c r="G17189" t="s">
        <v>14</v>
      </c>
      <c r="H17189" t="s">
        <v>124</v>
      </c>
      <c r="I17189" t="s">
        <v>15</v>
      </c>
      <c r="J17189" s="10">
        <v>1.5752263612684498</v>
      </c>
    </row>
    <row r="17190" spans="1:10" x14ac:dyDescent="0.35">
      <c r="A17190" t="s">
        <v>22</v>
      </c>
      <c r="B17190" t="s">
        <v>54</v>
      </c>
      <c r="C17190" t="s">
        <v>117</v>
      </c>
      <c r="D17190" t="s">
        <v>118</v>
      </c>
      <c r="E17190" s="6">
        <v>2021</v>
      </c>
      <c r="F17190" s="6">
        <v>2021</v>
      </c>
      <c r="G17190" t="s">
        <v>14</v>
      </c>
      <c r="H17190" t="s">
        <v>124</v>
      </c>
      <c r="I17190" t="s">
        <v>15</v>
      </c>
      <c r="J17190" s="10">
        <v>2.3678924598269471</v>
      </c>
    </row>
    <row r="17191" spans="1:10" x14ac:dyDescent="0.35">
      <c r="A17191" t="s">
        <v>22</v>
      </c>
      <c r="B17191" t="s">
        <v>55</v>
      </c>
      <c r="C17191" t="s">
        <v>117</v>
      </c>
      <c r="D17191" t="s">
        <v>118</v>
      </c>
      <c r="E17191" s="6">
        <v>2021</v>
      </c>
      <c r="F17191" s="6">
        <v>2021</v>
      </c>
      <c r="G17191" t="s">
        <v>14</v>
      </c>
      <c r="H17191" t="s">
        <v>124</v>
      </c>
      <c r="I17191" t="s">
        <v>15</v>
      </c>
      <c r="J17191" s="10">
        <v>2.8296816608131588</v>
      </c>
    </row>
    <row r="17192" spans="1:10" x14ac:dyDescent="0.35">
      <c r="A17192" t="s">
        <v>22</v>
      </c>
      <c r="B17192" t="s">
        <v>56</v>
      </c>
      <c r="C17192" t="s">
        <v>117</v>
      </c>
      <c r="D17192" t="s">
        <v>118</v>
      </c>
      <c r="E17192" s="6">
        <v>2021</v>
      </c>
      <c r="F17192" s="6">
        <v>2021</v>
      </c>
      <c r="G17192" t="s">
        <v>14</v>
      </c>
      <c r="H17192" t="s">
        <v>124</v>
      </c>
      <c r="I17192" t="s">
        <v>15</v>
      </c>
      <c r="J17192" s="10">
        <v>2.613228309973358</v>
      </c>
    </row>
    <row r="17193" spans="1:10" x14ac:dyDescent="0.35">
      <c r="A17193" t="s">
        <v>28</v>
      </c>
      <c r="B17193" t="s">
        <v>58</v>
      </c>
      <c r="C17193" t="s">
        <v>117</v>
      </c>
      <c r="D17193" t="s">
        <v>118</v>
      </c>
      <c r="E17193" s="6">
        <v>2021</v>
      </c>
      <c r="F17193" s="6">
        <v>2021</v>
      </c>
      <c r="G17193" t="s">
        <v>14</v>
      </c>
      <c r="H17193" t="s">
        <v>124</v>
      </c>
      <c r="I17193" t="s">
        <v>15</v>
      </c>
      <c r="J17193" s="10">
        <v>3.1310091743119264</v>
      </c>
    </row>
    <row r="17194" spans="1:10" x14ac:dyDescent="0.35">
      <c r="A17194" t="s">
        <v>20</v>
      </c>
      <c r="B17194" t="s">
        <v>59</v>
      </c>
      <c r="C17194" t="s">
        <v>117</v>
      </c>
      <c r="D17194" t="s">
        <v>118</v>
      </c>
      <c r="E17194" s="6">
        <v>2021</v>
      </c>
      <c r="F17194" s="6">
        <v>2021</v>
      </c>
      <c r="G17194" t="s">
        <v>14</v>
      </c>
      <c r="H17194" t="s">
        <v>124</v>
      </c>
      <c r="I17194" t="s">
        <v>15</v>
      </c>
      <c r="J17194" s="10">
        <v>2.102407175687897</v>
      </c>
    </row>
    <row r="17195" spans="1:10" x14ac:dyDescent="0.35">
      <c r="A17195" t="s">
        <v>20</v>
      </c>
      <c r="B17195" t="s">
        <v>60</v>
      </c>
      <c r="C17195" t="s">
        <v>117</v>
      </c>
      <c r="D17195" t="s">
        <v>118</v>
      </c>
      <c r="E17195" s="6">
        <v>2021</v>
      </c>
      <c r="F17195" s="6">
        <v>2021</v>
      </c>
      <c r="G17195" t="s">
        <v>14</v>
      </c>
      <c r="H17195" t="s">
        <v>124</v>
      </c>
      <c r="I17195" t="s">
        <v>15</v>
      </c>
      <c r="J17195" s="10">
        <v>2.3154920420589375</v>
      </c>
    </row>
    <row r="17196" spans="1:10" x14ac:dyDescent="0.35">
      <c r="A17196" t="s">
        <v>28</v>
      </c>
      <c r="B17196" t="s">
        <v>61</v>
      </c>
      <c r="C17196" t="s">
        <v>117</v>
      </c>
      <c r="D17196" t="s">
        <v>118</v>
      </c>
      <c r="E17196" s="6">
        <v>2021</v>
      </c>
      <c r="F17196" s="6">
        <v>2021</v>
      </c>
      <c r="G17196" t="s">
        <v>14</v>
      </c>
      <c r="H17196" t="s">
        <v>124</v>
      </c>
      <c r="I17196" t="s">
        <v>15</v>
      </c>
      <c r="J17196" s="10">
        <v>3.3322326784436735</v>
      </c>
    </row>
    <row r="17197" spans="1:10" x14ac:dyDescent="0.35">
      <c r="A17197" t="s">
        <v>62</v>
      </c>
      <c r="B17197" t="s">
        <v>63</v>
      </c>
      <c r="C17197" t="s">
        <v>117</v>
      </c>
      <c r="D17197" t="s">
        <v>118</v>
      </c>
      <c r="E17197" s="6">
        <v>2021</v>
      </c>
      <c r="F17197" s="6">
        <v>2021</v>
      </c>
      <c r="G17197" t="s">
        <v>14</v>
      </c>
      <c r="H17197" t="s">
        <v>124</v>
      </c>
      <c r="I17197" t="s">
        <v>15</v>
      </c>
      <c r="J17197" s="10">
        <v>2.1097215007791585</v>
      </c>
    </row>
    <row r="17198" spans="1:10" x14ac:dyDescent="0.35">
      <c r="A17198" t="s">
        <v>62</v>
      </c>
      <c r="B17198" t="s">
        <v>64</v>
      </c>
      <c r="C17198" t="s">
        <v>117</v>
      </c>
      <c r="D17198" t="s">
        <v>118</v>
      </c>
      <c r="E17198" s="6">
        <v>2021</v>
      </c>
      <c r="F17198" s="6">
        <v>2021</v>
      </c>
      <c r="G17198" t="s">
        <v>14</v>
      </c>
      <c r="H17198" t="s">
        <v>124</v>
      </c>
      <c r="I17198" t="s">
        <v>15</v>
      </c>
      <c r="J17198" s="10">
        <v>1.8176007669875764</v>
      </c>
    </row>
    <row r="17199" spans="1:10" x14ac:dyDescent="0.35">
      <c r="A17199" t="s">
        <v>62</v>
      </c>
      <c r="B17199" t="s">
        <v>65</v>
      </c>
      <c r="C17199" t="s">
        <v>117</v>
      </c>
      <c r="D17199" t="s">
        <v>118</v>
      </c>
      <c r="E17199" s="6">
        <v>2021</v>
      </c>
      <c r="F17199" s="6">
        <v>2021</v>
      </c>
      <c r="G17199" t="s">
        <v>14</v>
      </c>
      <c r="H17199" t="s">
        <v>124</v>
      </c>
      <c r="I17199" t="s">
        <v>15</v>
      </c>
      <c r="J17199" s="10">
        <v>0.99095171768508583</v>
      </c>
    </row>
    <row r="17200" spans="1:10" x14ac:dyDescent="0.35">
      <c r="A17200" t="s">
        <v>62</v>
      </c>
      <c r="B17200" t="s">
        <v>66</v>
      </c>
      <c r="C17200" t="s">
        <v>117</v>
      </c>
      <c r="D17200" t="s">
        <v>118</v>
      </c>
      <c r="E17200" s="6">
        <v>2021</v>
      </c>
      <c r="F17200" s="6">
        <v>2021</v>
      </c>
      <c r="G17200" t="s">
        <v>14</v>
      </c>
      <c r="H17200" t="s">
        <v>124</v>
      </c>
      <c r="I17200" t="s">
        <v>15</v>
      </c>
      <c r="J17200" s="10">
        <v>1.8696425254106845</v>
      </c>
    </row>
    <row r="17201" spans="1:10" x14ac:dyDescent="0.35">
      <c r="A17201" t="s">
        <v>62</v>
      </c>
      <c r="B17201" t="s">
        <v>67</v>
      </c>
      <c r="C17201" t="s">
        <v>117</v>
      </c>
      <c r="D17201" t="s">
        <v>118</v>
      </c>
      <c r="E17201" s="6">
        <v>2021</v>
      </c>
      <c r="F17201" s="6">
        <v>2021</v>
      </c>
      <c r="G17201" t="s">
        <v>14</v>
      </c>
      <c r="H17201" t="s">
        <v>124</v>
      </c>
      <c r="I17201" t="s">
        <v>15</v>
      </c>
      <c r="J17201" s="10">
        <v>2.0707495942697465</v>
      </c>
    </row>
    <row r="17202" spans="1:10" x14ac:dyDescent="0.35">
      <c r="A17202" t="s">
        <v>62</v>
      </c>
      <c r="B17202" t="s">
        <v>68</v>
      </c>
      <c r="C17202" t="s">
        <v>117</v>
      </c>
      <c r="D17202" t="s">
        <v>118</v>
      </c>
      <c r="E17202" s="6">
        <v>2021</v>
      </c>
      <c r="F17202" s="6">
        <v>2021</v>
      </c>
      <c r="G17202" t="s">
        <v>14</v>
      </c>
      <c r="H17202" t="s">
        <v>124</v>
      </c>
      <c r="I17202" t="s">
        <v>15</v>
      </c>
      <c r="J17202" s="10">
        <v>1.9658130618211662</v>
      </c>
    </row>
    <row r="17203" spans="1:10" x14ac:dyDescent="0.35">
      <c r="A17203" t="s">
        <v>62</v>
      </c>
      <c r="B17203" t="s">
        <v>69</v>
      </c>
      <c r="C17203" t="s">
        <v>117</v>
      </c>
      <c r="D17203" t="s">
        <v>118</v>
      </c>
      <c r="E17203" s="6">
        <v>2021</v>
      </c>
      <c r="F17203" s="6">
        <v>2021</v>
      </c>
      <c r="G17203" t="s">
        <v>14</v>
      </c>
      <c r="H17203" t="s">
        <v>124</v>
      </c>
      <c r="I17203" t="s">
        <v>15</v>
      </c>
      <c r="J17203" s="10">
        <v>1.7264389012908863</v>
      </c>
    </row>
    <row r="17204" spans="1:10" x14ac:dyDescent="0.35">
      <c r="A17204" t="s">
        <v>62</v>
      </c>
      <c r="B17204" t="s">
        <v>70</v>
      </c>
      <c r="C17204" t="s">
        <v>117</v>
      </c>
      <c r="D17204" t="s">
        <v>118</v>
      </c>
      <c r="E17204" s="6">
        <v>2021</v>
      </c>
      <c r="F17204" s="6">
        <v>2021</v>
      </c>
      <c r="G17204" t="s">
        <v>14</v>
      </c>
      <c r="H17204" t="s">
        <v>124</v>
      </c>
      <c r="I17204" t="s">
        <v>15</v>
      </c>
      <c r="J17204" s="10">
        <v>1.6411812131895762</v>
      </c>
    </row>
    <row r="17205" spans="1:10" x14ac:dyDescent="0.35">
      <c r="A17205" t="s">
        <v>35</v>
      </c>
      <c r="B17205" t="s">
        <v>71</v>
      </c>
      <c r="C17205" t="s">
        <v>117</v>
      </c>
      <c r="D17205" t="s">
        <v>118</v>
      </c>
      <c r="E17205" s="6">
        <v>2021</v>
      </c>
      <c r="F17205" s="6">
        <v>2021</v>
      </c>
      <c r="G17205" t="s">
        <v>14</v>
      </c>
      <c r="H17205" t="s">
        <v>124</v>
      </c>
      <c r="I17205" t="s">
        <v>15</v>
      </c>
      <c r="J17205" s="10">
        <v>2.6586957130456694</v>
      </c>
    </row>
    <row r="17206" spans="1:10" x14ac:dyDescent="0.35">
      <c r="A17206" t="s">
        <v>20</v>
      </c>
      <c r="B17206" t="s">
        <v>72</v>
      </c>
      <c r="C17206" t="s">
        <v>117</v>
      </c>
      <c r="D17206" t="s">
        <v>118</v>
      </c>
      <c r="E17206" s="6">
        <v>2021</v>
      </c>
      <c r="F17206" s="6">
        <v>2021</v>
      </c>
      <c r="G17206" t="s">
        <v>14</v>
      </c>
      <c r="H17206" t="s">
        <v>124</v>
      </c>
      <c r="I17206" t="s">
        <v>15</v>
      </c>
      <c r="J17206" s="10">
        <v>2.0955172184107105</v>
      </c>
    </row>
    <row r="17207" spans="1:10" x14ac:dyDescent="0.35">
      <c r="A17207" t="s">
        <v>26</v>
      </c>
      <c r="B17207" t="s">
        <v>73</v>
      </c>
      <c r="C17207" t="s">
        <v>117</v>
      </c>
      <c r="D17207" t="s">
        <v>118</v>
      </c>
      <c r="E17207" s="6">
        <v>2021</v>
      </c>
      <c r="F17207" s="6">
        <v>2021</v>
      </c>
      <c r="G17207" t="s">
        <v>14</v>
      </c>
      <c r="H17207" t="s">
        <v>124</v>
      </c>
      <c r="I17207" t="s">
        <v>15</v>
      </c>
      <c r="J17207" s="10">
        <v>2.7399674023170788</v>
      </c>
    </row>
    <row r="17208" spans="1:10" x14ac:dyDescent="0.35">
      <c r="A17208" t="s">
        <v>28</v>
      </c>
      <c r="B17208" t="s">
        <v>74</v>
      </c>
      <c r="C17208" t="s">
        <v>117</v>
      </c>
      <c r="D17208" t="s">
        <v>118</v>
      </c>
      <c r="E17208" s="6">
        <v>2021</v>
      </c>
      <c r="F17208" s="6">
        <v>2021</v>
      </c>
      <c r="G17208" t="s">
        <v>14</v>
      </c>
      <c r="H17208" t="s">
        <v>124</v>
      </c>
      <c r="I17208" t="s">
        <v>15</v>
      </c>
      <c r="J17208" s="10">
        <v>2.2264141875330417</v>
      </c>
    </row>
    <row r="17209" spans="1:10" x14ac:dyDescent="0.35">
      <c r="A17209" t="s">
        <v>33</v>
      </c>
      <c r="B17209" t="s">
        <v>75</v>
      </c>
      <c r="C17209" t="s">
        <v>117</v>
      </c>
      <c r="D17209" t="s">
        <v>118</v>
      </c>
      <c r="E17209" s="6">
        <v>2021</v>
      </c>
      <c r="F17209" s="6">
        <v>2021</v>
      </c>
      <c r="G17209" t="s">
        <v>14</v>
      </c>
      <c r="H17209" t="s">
        <v>124</v>
      </c>
      <c r="I17209" t="s">
        <v>15</v>
      </c>
      <c r="J17209" s="10">
        <v>2.690281216276265</v>
      </c>
    </row>
    <row r="17210" spans="1:10" x14ac:dyDescent="0.35">
      <c r="A17210" t="s">
        <v>22</v>
      </c>
      <c r="B17210" t="s">
        <v>76</v>
      </c>
      <c r="C17210" t="s">
        <v>117</v>
      </c>
      <c r="D17210" t="s">
        <v>118</v>
      </c>
      <c r="E17210" s="6">
        <v>2021</v>
      </c>
      <c r="F17210" s="6">
        <v>2021</v>
      </c>
      <c r="G17210" t="s">
        <v>14</v>
      </c>
      <c r="H17210" t="s">
        <v>124</v>
      </c>
      <c r="I17210" t="s">
        <v>15</v>
      </c>
      <c r="J17210" s="10">
        <v>2.036588508116465</v>
      </c>
    </row>
    <row r="17211" spans="1:10" x14ac:dyDescent="0.35">
      <c r="A17211" t="s">
        <v>33</v>
      </c>
      <c r="B17211" t="s">
        <v>77</v>
      </c>
      <c r="C17211" t="s">
        <v>117</v>
      </c>
      <c r="D17211" t="s">
        <v>118</v>
      </c>
      <c r="E17211" s="6">
        <v>2021</v>
      </c>
      <c r="F17211" s="6">
        <v>2021</v>
      </c>
      <c r="G17211" t="s">
        <v>14</v>
      </c>
      <c r="H17211" t="s">
        <v>124</v>
      </c>
      <c r="I17211" t="s">
        <v>15</v>
      </c>
      <c r="J17211" s="10">
        <v>2.6001526959477954</v>
      </c>
    </row>
    <row r="17212" spans="1:10" x14ac:dyDescent="0.35">
      <c r="A17212" t="s">
        <v>22</v>
      </c>
      <c r="B17212" t="s">
        <v>78</v>
      </c>
      <c r="C17212" t="s">
        <v>117</v>
      </c>
      <c r="D17212" t="s">
        <v>118</v>
      </c>
      <c r="E17212" s="6">
        <v>2021</v>
      </c>
      <c r="F17212" s="6">
        <v>2021</v>
      </c>
      <c r="G17212" t="s">
        <v>14</v>
      </c>
      <c r="H17212" t="s">
        <v>124</v>
      </c>
      <c r="I17212" t="s">
        <v>15</v>
      </c>
      <c r="J17212" s="10">
        <v>2.1465251626155428</v>
      </c>
    </row>
    <row r="17213" spans="1:10" x14ac:dyDescent="0.35">
      <c r="A17213" t="s">
        <v>28</v>
      </c>
      <c r="B17213" t="s">
        <v>79</v>
      </c>
      <c r="C17213" t="s">
        <v>117</v>
      </c>
      <c r="D17213" t="s">
        <v>118</v>
      </c>
      <c r="E17213" s="6">
        <v>2021</v>
      </c>
      <c r="F17213" s="6">
        <v>2021</v>
      </c>
      <c r="G17213" t="s">
        <v>14</v>
      </c>
      <c r="H17213" t="s">
        <v>124</v>
      </c>
      <c r="I17213" t="s">
        <v>15</v>
      </c>
      <c r="J17213" s="10">
        <v>2.367689742481319</v>
      </c>
    </row>
    <row r="17214" spans="1:10" x14ac:dyDescent="0.35">
      <c r="A17214" t="s">
        <v>26</v>
      </c>
      <c r="B17214" t="s">
        <v>80</v>
      </c>
      <c r="C17214" t="s">
        <v>117</v>
      </c>
      <c r="D17214" t="s">
        <v>118</v>
      </c>
      <c r="E17214" s="6">
        <v>2021</v>
      </c>
      <c r="F17214" s="6">
        <v>2021</v>
      </c>
      <c r="G17214" t="s">
        <v>14</v>
      </c>
      <c r="H17214" t="s">
        <v>124</v>
      </c>
      <c r="I17214" t="s">
        <v>15</v>
      </c>
      <c r="J17214" s="10">
        <v>2.9071773636991027</v>
      </c>
    </row>
    <row r="17215" spans="1:10" x14ac:dyDescent="0.35">
      <c r="A17215" t="s">
        <v>20</v>
      </c>
      <c r="B17215" t="s">
        <v>81</v>
      </c>
      <c r="C17215" t="s">
        <v>117</v>
      </c>
      <c r="D17215" t="s">
        <v>118</v>
      </c>
      <c r="E17215" s="6">
        <v>2021</v>
      </c>
      <c r="F17215" s="6">
        <v>2021</v>
      </c>
      <c r="G17215" t="s">
        <v>14</v>
      </c>
      <c r="H17215" t="s">
        <v>124</v>
      </c>
      <c r="I17215" t="s">
        <v>15</v>
      </c>
      <c r="J17215" s="10">
        <v>2.146085817228955</v>
      </c>
    </row>
    <row r="17216" spans="1:10" x14ac:dyDescent="0.35">
      <c r="A17216" t="s">
        <v>26</v>
      </c>
      <c r="B17216" t="s">
        <v>57</v>
      </c>
      <c r="C17216" t="s">
        <v>117</v>
      </c>
      <c r="D17216" t="s">
        <v>118</v>
      </c>
      <c r="E17216" s="6">
        <v>2021</v>
      </c>
      <c r="F17216" s="6">
        <v>2021</v>
      </c>
      <c r="G17216" t="s">
        <v>14</v>
      </c>
      <c r="H17216" t="s">
        <v>124</v>
      </c>
      <c r="I17216" t="s">
        <v>15</v>
      </c>
      <c r="J17216" s="10">
        <v>3.4984984984984986</v>
      </c>
    </row>
    <row r="17217" spans="1:10" x14ac:dyDescent="0.35">
      <c r="A17217" t="s">
        <v>33</v>
      </c>
      <c r="B17217" t="s">
        <v>82</v>
      </c>
      <c r="C17217" t="s">
        <v>117</v>
      </c>
      <c r="D17217" t="s">
        <v>118</v>
      </c>
      <c r="E17217" s="6">
        <v>2021</v>
      </c>
      <c r="F17217" s="6">
        <v>2021</v>
      </c>
      <c r="G17217" t="s">
        <v>14</v>
      </c>
      <c r="H17217" t="s">
        <v>124</v>
      </c>
      <c r="I17217" t="s">
        <v>15</v>
      </c>
      <c r="J17217" s="10">
        <v>2.9202651134766016</v>
      </c>
    </row>
    <row r="17218" spans="1:10" x14ac:dyDescent="0.35">
      <c r="A17218" t="s">
        <v>26</v>
      </c>
      <c r="B17218" t="s">
        <v>83</v>
      </c>
      <c r="C17218" t="s">
        <v>117</v>
      </c>
      <c r="D17218" t="s">
        <v>118</v>
      </c>
      <c r="E17218" s="6">
        <v>2021</v>
      </c>
      <c r="F17218" s="6">
        <v>2021</v>
      </c>
      <c r="G17218" t="s">
        <v>14</v>
      </c>
      <c r="H17218" t="s">
        <v>124</v>
      </c>
      <c r="I17218" t="s">
        <v>15</v>
      </c>
      <c r="J17218" s="10">
        <v>2.945874001774623</v>
      </c>
    </row>
    <row r="17219" spans="1:10" x14ac:dyDescent="0.35">
      <c r="A17219" t="s">
        <v>35</v>
      </c>
      <c r="B17219" t="s">
        <v>84</v>
      </c>
      <c r="C17219" t="s">
        <v>117</v>
      </c>
      <c r="D17219" t="s">
        <v>118</v>
      </c>
      <c r="E17219" s="6">
        <v>2021</v>
      </c>
      <c r="F17219" s="6">
        <v>2021</v>
      </c>
      <c r="G17219" t="s">
        <v>14</v>
      </c>
      <c r="H17219" t="s">
        <v>124</v>
      </c>
      <c r="I17219" t="s">
        <v>15</v>
      </c>
      <c r="J17219" s="10">
        <v>2.4362973801176047</v>
      </c>
    </row>
    <row r="17220" spans="1:10" x14ac:dyDescent="0.35">
      <c r="A17220" t="s">
        <v>33</v>
      </c>
      <c r="B17220" t="s">
        <v>85</v>
      </c>
      <c r="C17220" t="s">
        <v>117</v>
      </c>
      <c r="D17220" t="s">
        <v>118</v>
      </c>
      <c r="E17220" s="6">
        <v>2021</v>
      </c>
      <c r="F17220" s="6">
        <v>2021</v>
      </c>
      <c r="G17220" t="s">
        <v>14</v>
      </c>
      <c r="H17220" t="s">
        <v>124</v>
      </c>
      <c r="I17220" t="s">
        <v>15</v>
      </c>
      <c r="J17220" s="10">
        <v>3.483970749840589</v>
      </c>
    </row>
    <row r="17221" spans="1:10" x14ac:dyDescent="0.35">
      <c r="A17221" t="s">
        <v>33</v>
      </c>
      <c r="B17221" t="s">
        <v>86</v>
      </c>
      <c r="C17221" t="s">
        <v>117</v>
      </c>
      <c r="D17221" t="s">
        <v>118</v>
      </c>
      <c r="E17221" s="6">
        <v>2021</v>
      </c>
      <c r="F17221" s="6">
        <v>2021</v>
      </c>
      <c r="G17221" t="s">
        <v>14</v>
      </c>
      <c r="H17221" t="s">
        <v>124</v>
      </c>
      <c r="I17221" t="s">
        <v>15</v>
      </c>
      <c r="J17221" s="10">
        <v>3.163506073582103</v>
      </c>
    </row>
    <row r="17222" spans="1:10" x14ac:dyDescent="0.35">
      <c r="A17222" t="s">
        <v>35</v>
      </c>
      <c r="B17222" t="s">
        <v>87</v>
      </c>
      <c r="C17222" t="s">
        <v>117</v>
      </c>
      <c r="D17222" t="s">
        <v>118</v>
      </c>
      <c r="E17222" s="6">
        <v>2021</v>
      </c>
      <c r="F17222" s="6">
        <v>2021</v>
      </c>
      <c r="G17222" t="s">
        <v>14</v>
      </c>
      <c r="H17222" t="s">
        <v>124</v>
      </c>
      <c r="I17222" t="s">
        <v>15</v>
      </c>
      <c r="J17222" s="10">
        <v>2.6485991686549917</v>
      </c>
    </row>
    <row r="17223" spans="1:10" x14ac:dyDescent="0.35">
      <c r="A17223" t="s">
        <v>35</v>
      </c>
      <c r="B17223" t="s">
        <v>88</v>
      </c>
      <c r="C17223" t="s">
        <v>117</v>
      </c>
      <c r="D17223" t="s">
        <v>118</v>
      </c>
      <c r="E17223" s="6">
        <v>2021</v>
      </c>
      <c r="F17223" s="6">
        <v>2021</v>
      </c>
      <c r="G17223" t="s">
        <v>14</v>
      </c>
      <c r="H17223" t="s">
        <v>124</v>
      </c>
      <c r="I17223" t="s">
        <v>15</v>
      </c>
      <c r="J17223" s="10">
        <v>2.3092894168161466</v>
      </c>
    </row>
    <row r="17224" spans="1:10" x14ac:dyDescent="0.35">
      <c r="A17224" t="s">
        <v>62</v>
      </c>
      <c r="B17224" t="s">
        <v>89</v>
      </c>
      <c r="C17224" t="s">
        <v>117</v>
      </c>
      <c r="D17224" t="s">
        <v>118</v>
      </c>
      <c r="E17224" s="6">
        <v>2021</v>
      </c>
      <c r="F17224" s="6">
        <v>2021</v>
      </c>
      <c r="G17224" t="s">
        <v>14</v>
      </c>
      <c r="H17224" t="s">
        <v>124</v>
      </c>
      <c r="I17224" t="s">
        <v>15</v>
      </c>
      <c r="J17224" s="10">
        <v>1.9902737752161381</v>
      </c>
    </row>
    <row r="17225" spans="1:10" x14ac:dyDescent="0.35">
      <c r="A17225" t="s">
        <v>26</v>
      </c>
      <c r="B17225" t="s">
        <v>90</v>
      </c>
      <c r="C17225" t="s">
        <v>117</v>
      </c>
      <c r="D17225" t="s">
        <v>118</v>
      </c>
      <c r="E17225" s="6">
        <v>2021</v>
      </c>
      <c r="F17225" s="6">
        <v>2021</v>
      </c>
      <c r="G17225" t="s">
        <v>14</v>
      </c>
      <c r="H17225" t="s">
        <v>124</v>
      </c>
      <c r="I17225" t="s">
        <v>15</v>
      </c>
      <c r="J17225" s="10">
        <v>2.4280732345248475</v>
      </c>
    </row>
    <row r="17226" spans="1:10" x14ac:dyDescent="0.35">
      <c r="A17226" t="s">
        <v>26</v>
      </c>
      <c r="B17226" t="s">
        <v>91</v>
      </c>
      <c r="C17226" t="s">
        <v>117</v>
      </c>
      <c r="D17226" t="s">
        <v>118</v>
      </c>
      <c r="E17226" s="6">
        <v>2021</v>
      </c>
      <c r="F17226" s="6">
        <v>2021</v>
      </c>
      <c r="G17226" t="s">
        <v>14</v>
      </c>
      <c r="H17226" t="s">
        <v>124</v>
      </c>
      <c r="I17226" t="s">
        <v>15</v>
      </c>
      <c r="J17226" s="10">
        <v>2.6503051551746526</v>
      </c>
    </row>
    <row r="17227" spans="1:10" x14ac:dyDescent="0.35">
      <c r="A17227" t="s">
        <v>33</v>
      </c>
      <c r="B17227" t="s">
        <v>92</v>
      </c>
      <c r="C17227" t="s">
        <v>117</v>
      </c>
      <c r="D17227" t="s">
        <v>118</v>
      </c>
      <c r="E17227" s="6">
        <v>2021</v>
      </c>
      <c r="F17227" s="6">
        <v>2021</v>
      </c>
      <c r="G17227" t="s">
        <v>14</v>
      </c>
      <c r="H17227" t="s">
        <v>124</v>
      </c>
      <c r="I17227" t="s">
        <v>15</v>
      </c>
      <c r="J17227" s="10">
        <v>2.3898256495791093</v>
      </c>
    </row>
    <row r="17228" spans="1:10" x14ac:dyDescent="0.35">
      <c r="A17228" t="s">
        <v>35</v>
      </c>
      <c r="B17228" t="s">
        <v>93</v>
      </c>
      <c r="C17228" t="s">
        <v>117</v>
      </c>
      <c r="D17228" t="s">
        <v>118</v>
      </c>
      <c r="E17228" s="6">
        <v>2021</v>
      </c>
      <c r="F17228" s="6">
        <v>2021</v>
      </c>
      <c r="G17228" t="s">
        <v>14</v>
      </c>
      <c r="H17228" t="s">
        <v>124</v>
      </c>
      <c r="I17228" t="s">
        <v>15</v>
      </c>
      <c r="J17228" s="10">
        <v>2.9347311801180367</v>
      </c>
    </row>
    <row r="17229" spans="1:10" x14ac:dyDescent="0.35">
      <c r="A17229" t="s">
        <v>20</v>
      </c>
      <c r="B17229" t="s">
        <v>94</v>
      </c>
      <c r="C17229" t="s">
        <v>117</v>
      </c>
      <c r="D17229" t="s">
        <v>118</v>
      </c>
      <c r="E17229" s="6">
        <v>2021</v>
      </c>
      <c r="F17229" s="6">
        <v>2021</v>
      </c>
      <c r="G17229" t="s">
        <v>14</v>
      </c>
      <c r="H17229" t="s">
        <v>124</v>
      </c>
      <c r="I17229" t="s">
        <v>15</v>
      </c>
      <c r="J17229" s="10">
        <v>1.8635795248275584</v>
      </c>
    </row>
    <row r="17230" spans="1:10" x14ac:dyDescent="0.35">
      <c r="A17230" t="s">
        <v>20</v>
      </c>
      <c r="B17230" t="s">
        <v>21</v>
      </c>
      <c r="C17230" t="s">
        <v>99</v>
      </c>
      <c r="D17230" t="s">
        <v>113</v>
      </c>
      <c r="E17230">
        <v>2022</v>
      </c>
      <c r="F17230">
        <v>2022</v>
      </c>
      <c r="G17230" t="s">
        <v>15</v>
      </c>
      <c r="H17230" t="s">
        <v>14</v>
      </c>
      <c r="I17230" t="s">
        <v>15</v>
      </c>
      <c r="J17230" s="10">
        <v>125000</v>
      </c>
    </row>
    <row r="17231" spans="1:10" x14ac:dyDescent="0.35">
      <c r="A17231" t="s">
        <v>20</v>
      </c>
      <c r="B17231" t="s">
        <v>38</v>
      </c>
      <c r="C17231" t="s">
        <v>99</v>
      </c>
      <c r="D17231" t="s">
        <v>113</v>
      </c>
      <c r="E17231">
        <v>2022</v>
      </c>
      <c r="F17231">
        <v>2022</v>
      </c>
      <c r="G17231" t="s">
        <v>15</v>
      </c>
      <c r="H17231" t="s">
        <v>14</v>
      </c>
      <c r="I17231" t="s">
        <v>15</v>
      </c>
      <c r="J17231" s="10">
        <v>160000</v>
      </c>
    </row>
    <row r="17232" spans="1:10" x14ac:dyDescent="0.35">
      <c r="A17232" t="s">
        <v>20</v>
      </c>
      <c r="B17232" t="s">
        <v>40</v>
      </c>
      <c r="C17232" t="s">
        <v>99</v>
      </c>
      <c r="D17232" t="s">
        <v>113</v>
      </c>
      <c r="E17232">
        <v>2022</v>
      </c>
      <c r="F17232">
        <v>2022</v>
      </c>
      <c r="G17232" t="s">
        <v>15</v>
      </c>
      <c r="H17232" t="s">
        <v>14</v>
      </c>
      <c r="I17232" t="s">
        <v>15</v>
      </c>
      <c r="J17232" s="10">
        <v>120000</v>
      </c>
    </row>
    <row r="17233" spans="1:10" x14ac:dyDescent="0.35">
      <c r="A17233" t="s">
        <v>20</v>
      </c>
      <c r="B17233" t="s">
        <v>48</v>
      </c>
      <c r="C17233" t="s">
        <v>99</v>
      </c>
      <c r="D17233" t="s">
        <v>113</v>
      </c>
      <c r="E17233">
        <v>2022</v>
      </c>
      <c r="F17233">
        <v>2022</v>
      </c>
      <c r="G17233" t="s">
        <v>15</v>
      </c>
      <c r="H17233" t="s">
        <v>14</v>
      </c>
      <c r="I17233" t="s">
        <v>15</v>
      </c>
      <c r="J17233" s="10">
        <v>137000</v>
      </c>
    </row>
    <row r="17234" spans="1:10" x14ac:dyDescent="0.35">
      <c r="A17234" t="s">
        <v>20</v>
      </c>
      <c r="B17234" t="s">
        <v>59</v>
      </c>
      <c r="C17234" t="s">
        <v>99</v>
      </c>
      <c r="D17234" t="s">
        <v>113</v>
      </c>
      <c r="E17234">
        <v>2022</v>
      </c>
      <c r="F17234">
        <v>2022</v>
      </c>
      <c r="G17234" t="s">
        <v>15</v>
      </c>
      <c r="H17234" t="s">
        <v>14</v>
      </c>
      <c r="I17234" t="s">
        <v>15</v>
      </c>
      <c r="J17234" s="10">
        <v>150247.5</v>
      </c>
    </row>
    <row r="17235" spans="1:10" x14ac:dyDescent="0.35">
      <c r="A17235" t="s">
        <v>20</v>
      </c>
      <c r="B17235" t="s">
        <v>60</v>
      </c>
      <c r="C17235" t="s">
        <v>99</v>
      </c>
      <c r="D17235" t="s">
        <v>113</v>
      </c>
      <c r="E17235">
        <v>2022</v>
      </c>
      <c r="F17235">
        <v>2022</v>
      </c>
      <c r="G17235" t="s">
        <v>15</v>
      </c>
      <c r="H17235" t="s">
        <v>14</v>
      </c>
      <c r="I17235" t="s">
        <v>15</v>
      </c>
      <c r="J17235" s="10">
        <v>146000</v>
      </c>
    </row>
    <row r="17236" spans="1:10" x14ac:dyDescent="0.35">
      <c r="A17236" t="s">
        <v>20</v>
      </c>
      <c r="B17236" t="s">
        <v>72</v>
      </c>
      <c r="C17236" t="s">
        <v>99</v>
      </c>
      <c r="D17236" t="s">
        <v>113</v>
      </c>
      <c r="E17236">
        <v>2022</v>
      </c>
      <c r="F17236">
        <v>2022</v>
      </c>
      <c r="G17236" t="s">
        <v>15</v>
      </c>
      <c r="H17236" t="s">
        <v>14</v>
      </c>
      <c r="I17236" t="s">
        <v>15</v>
      </c>
      <c r="J17236" s="10">
        <v>149995</v>
      </c>
    </row>
    <row r="17237" spans="1:10" x14ac:dyDescent="0.35">
      <c r="A17237" t="s">
        <v>20</v>
      </c>
      <c r="B17237" t="s">
        <v>81</v>
      </c>
      <c r="C17237" t="s">
        <v>99</v>
      </c>
      <c r="D17237" t="s">
        <v>113</v>
      </c>
      <c r="E17237">
        <v>2022</v>
      </c>
      <c r="F17237">
        <v>2022</v>
      </c>
      <c r="G17237" t="s">
        <v>15</v>
      </c>
      <c r="H17237" t="s">
        <v>14</v>
      </c>
      <c r="I17237" t="s">
        <v>15</v>
      </c>
      <c r="J17237" s="10">
        <v>118003.5</v>
      </c>
    </row>
    <row r="17238" spans="1:10" x14ac:dyDescent="0.35">
      <c r="A17238" t="s">
        <v>20</v>
      </c>
      <c r="B17238" t="s">
        <v>94</v>
      </c>
      <c r="C17238" t="s">
        <v>99</v>
      </c>
      <c r="D17238" t="s">
        <v>113</v>
      </c>
      <c r="E17238">
        <v>2022</v>
      </c>
      <c r="F17238">
        <v>2022</v>
      </c>
      <c r="G17238" t="s">
        <v>15</v>
      </c>
      <c r="H17238" t="s">
        <v>14</v>
      </c>
      <c r="I17238" t="s">
        <v>15</v>
      </c>
      <c r="J17238" s="10">
        <v>130000</v>
      </c>
    </row>
    <row r="17239" spans="1:10" x14ac:dyDescent="0.35">
      <c r="A17239" t="s">
        <v>62</v>
      </c>
      <c r="B17239" t="s">
        <v>63</v>
      </c>
      <c r="C17239" t="s">
        <v>99</v>
      </c>
      <c r="D17239" t="s">
        <v>113</v>
      </c>
      <c r="E17239">
        <v>2022</v>
      </c>
      <c r="F17239">
        <v>2022</v>
      </c>
      <c r="G17239" t="s">
        <v>15</v>
      </c>
      <c r="H17239" t="s">
        <v>14</v>
      </c>
      <c r="I17239" t="s">
        <v>15</v>
      </c>
      <c r="J17239" s="10">
        <v>171001</v>
      </c>
    </row>
    <row r="17240" spans="1:10" x14ac:dyDescent="0.35">
      <c r="A17240" t="s">
        <v>62</v>
      </c>
      <c r="B17240" t="s">
        <v>64</v>
      </c>
      <c r="C17240" t="s">
        <v>99</v>
      </c>
      <c r="D17240" t="s">
        <v>113</v>
      </c>
      <c r="E17240">
        <v>2022</v>
      </c>
      <c r="F17240">
        <v>2022</v>
      </c>
      <c r="G17240" t="s">
        <v>15</v>
      </c>
      <c r="H17240" t="s">
        <v>14</v>
      </c>
      <c r="I17240" t="s">
        <v>15</v>
      </c>
      <c r="J17240" s="10">
        <v>177000</v>
      </c>
    </row>
    <row r="17241" spans="1:10" x14ac:dyDescent="0.35">
      <c r="A17241" t="s">
        <v>62</v>
      </c>
      <c r="B17241" t="s">
        <v>65</v>
      </c>
      <c r="C17241" t="s">
        <v>99</v>
      </c>
      <c r="D17241" t="s">
        <v>113</v>
      </c>
      <c r="E17241">
        <v>2022</v>
      </c>
      <c r="F17241">
        <v>2022</v>
      </c>
      <c r="G17241" t="s">
        <v>15</v>
      </c>
      <c r="H17241" t="s">
        <v>14</v>
      </c>
      <c r="I17241" t="s">
        <v>15</v>
      </c>
      <c r="J17241" s="10">
        <v>230000</v>
      </c>
    </row>
    <row r="17242" spans="1:10" x14ac:dyDescent="0.35">
      <c r="A17242" t="s">
        <v>62</v>
      </c>
      <c r="B17242" t="s">
        <v>66</v>
      </c>
      <c r="C17242" t="s">
        <v>99</v>
      </c>
      <c r="D17242" t="s">
        <v>113</v>
      </c>
      <c r="E17242">
        <v>2022</v>
      </c>
      <c r="F17242">
        <v>2022</v>
      </c>
      <c r="G17242" t="s">
        <v>15</v>
      </c>
      <c r="H17242" t="s">
        <v>14</v>
      </c>
      <c r="I17242" t="s">
        <v>15</v>
      </c>
      <c r="J17242" s="10">
        <v>145000</v>
      </c>
    </row>
    <row r="17243" spans="1:10" x14ac:dyDescent="0.35">
      <c r="A17243" t="s">
        <v>62</v>
      </c>
      <c r="B17243" t="s">
        <v>67</v>
      </c>
      <c r="C17243" t="s">
        <v>99</v>
      </c>
      <c r="D17243" t="s">
        <v>113</v>
      </c>
      <c r="E17243">
        <v>2022</v>
      </c>
      <c r="F17243">
        <v>2022</v>
      </c>
      <c r="G17243" t="s">
        <v>15</v>
      </c>
      <c r="H17243" t="s">
        <v>14</v>
      </c>
      <c r="I17243" t="s">
        <v>15</v>
      </c>
      <c r="J17243" s="10">
        <v>130500</v>
      </c>
    </row>
    <row r="17244" spans="1:10" x14ac:dyDescent="0.35">
      <c r="A17244" t="s">
        <v>62</v>
      </c>
      <c r="B17244" t="s">
        <v>68</v>
      </c>
      <c r="C17244" t="s">
        <v>99</v>
      </c>
      <c r="D17244" t="s">
        <v>113</v>
      </c>
      <c r="E17244">
        <v>2022</v>
      </c>
      <c r="F17244">
        <v>2022</v>
      </c>
      <c r="G17244" t="s">
        <v>15</v>
      </c>
      <c r="H17244" t="s">
        <v>14</v>
      </c>
      <c r="I17244" t="s">
        <v>15</v>
      </c>
      <c r="J17244" s="10">
        <v>157119.5</v>
      </c>
    </row>
    <row r="17245" spans="1:10" x14ac:dyDescent="0.35">
      <c r="A17245" t="s">
        <v>62</v>
      </c>
      <c r="B17245" t="s">
        <v>69</v>
      </c>
      <c r="C17245" t="s">
        <v>99</v>
      </c>
      <c r="D17245" t="s">
        <v>113</v>
      </c>
      <c r="E17245">
        <v>2022</v>
      </c>
      <c r="F17245">
        <v>2022</v>
      </c>
      <c r="G17245" t="s">
        <v>15</v>
      </c>
      <c r="H17245" t="s">
        <v>14</v>
      </c>
      <c r="I17245" t="s">
        <v>15</v>
      </c>
      <c r="J17245" s="10">
        <v>143888</v>
      </c>
    </row>
    <row r="17246" spans="1:10" x14ac:dyDescent="0.35">
      <c r="A17246" t="s">
        <v>62</v>
      </c>
      <c r="B17246" t="s">
        <v>70</v>
      </c>
      <c r="C17246" t="s">
        <v>99</v>
      </c>
      <c r="D17246" t="s">
        <v>113</v>
      </c>
      <c r="E17246">
        <v>2022</v>
      </c>
      <c r="F17246">
        <v>2022</v>
      </c>
      <c r="G17246" t="s">
        <v>15</v>
      </c>
      <c r="H17246" t="s">
        <v>14</v>
      </c>
      <c r="I17246" t="s">
        <v>15</v>
      </c>
      <c r="J17246" s="10">
        <v>165000</v>
      </c>
    </row>
    <row r="17247" spans="1:10" x14ac:dyDescent="0.35">
      <c r="A17247" t="s">
        <v>62</v>
      </c>
      <c r="B17247" t="s">
        <v>89</v>
      </c>
      <c r="C17247" t="s">
        <v>99</v>
      </c>
      <c r="D17247" t="s">
        <v>113</v>
      </c>
      <c r="E17247">
        <v>2022</v>
      </c>
      <c r="F17247">
        <v>2022</v>
      </c>
      <c r="G17247" t="s">
        <v>15</v>
      </c>
      <c r="H17247" t="s">
        <v>14</v>
      </c>
      <c r="I17247" t="s">
        <v>15</v>
      </c>
      <c r="J17247" s="10">
        <v>165165</v>
      </c>
    </row>
    <row r="17248" spans="1:10" x14ac:dyDescent="0.35">
      <c r="A17248" t="s">
        <v>26</v>
      </c>
      <c r="B17248" t="s">
        <v>27</v>
      </c>
      <c r="C17248" t="s">
        <v>99</v>
      </c>
      <c r="D17248" t="s">
        <v>113</v>
      </c>
      <c r="E17248">
        <v>2022</v>
      </c>
      <c r="F17248">
        <v>2022</v>
      </c>
      <c r="G17248" t="s">
        <v>15</v>
      </c>
      <c r="H17248" t="s">
        <v>14</v>
      </c>
      <c r="I17248" t="s">
        <v>15</v>
      </c>
      <c r="J17248" s="10">
        <v>165000</v>
      </c>
    </row>
    <row r="17249" spans="1:10" x14ac:dyDescent="0.35">
      <c r="A17249" t="s">
        <v>26</v>
      </c>
      <c r="B17249" t="s">
        <v>31</v>
      </c>
      <c r="C17249" t="s">
        <v>99</v>
      </c>
      <c r="D17249" t="s">
        <v>113</v>
      </c>
      <c r="E17249">
        <v>2022</v>
      </c>
      <c r="F17249">
        <v>2022</v>
      </c>
      <c r="G17249" t="s">
        <v>15</v>
      </c>
      <c r="H17249" t="s">
        <v>14</v>
      </c>
      <c r="I17249" t="s">
        <v>15</v>
      </c>
      <c r="J17249" s="10">
        <v>155000</v>
      </c>
    </row>
    <row r="17250" spans="1:10" x14ac:dyDescent="0.35">
      <c r="A17250" t="s">
        <v>26</v>
      </c>
      <c r="B17250" t="s">
        <v>73</v>
      </c>
      <c r="C17250" t="s">
        <v>99</v>
      </c>
      <c r="D17250" t="s">
        <v>113</v>
      </c>
      <c r="E17250">
        <v>2022</v>
      </c>
      <c r="F17250">
        <v>2022</v>
      </c>
      <c r="G17250" t="s">
        <v>15</v>
      </c>
      <c r="H17250" t="s">
        <v>14</v>
      </c>
      <c r="I17250" t="s">
        <v>15</v>
      </c>
      <c r="J17250" s="10">
        <v>203000</v>
      </c>
    </row>
    <row r="17251" spans="1:10" x14ac:dyDescent="0.35">
      <c r="A17251" t="s">
        <v>26</v>
      </c>
      <c r="B17251" t="s">
        <v>80</v>
      </c>
      <c r="C17251" t="s">
        <v>99</v>
      </c>
      <c r="D17251" t="s">
        <v>113</v>
      </c>
      <c r="E17251">
        <v>2022</v>
      </c>
      <c r="F17251">
        <v>2022</v>
      </c>
      <c r="G17251" t="s">
        <v>15</v>
      </c>
      <c r="H17251" t="s">
        <v>14</v>
      </c>
      <c r="I17251" t="s">
        <v>15</v>
      </c>
      <c r="J17251" s="10">
        <v>180000</v>
      </c>
    </row>
    <row r="17252" spans="1:10" x14ac:dyDescent="0.35">
      <c r="A17252" t="s">
        <v>26</v>
      </c>
      <c r="B17252" t="s">
        <v>57</v>
      </c>
      <c r="C17252" t="s">
        <v>99</v>
      </c>
      <c r="D17252" t="s">
        <v>113</v>
      </c>
      <c r="E17252">
        <v>2022</v>
      </c>
      <c r="F17252">
        <v>2022</v>
      </c>
      <c r="G17252" t="s">
        <v>15</v>
      </c>
      <c r="H17252" t="s">
        <v>14</v>
      </c>
      <c r="I17252" t="s">
        <v>15</v>
      </c>
      <c r="J17252" s="10">
        <v>136500</v>
      </c>
    </row>
    <row r="17253" spans="1:10" x14ac:dyDescent="0.35">
      <c r="A17253" t="s">
        <v>26</v>
      </c>
      <c r="B17253" t="s">
        <v>83</v>
      </c>
      <c r="C17253" t="s">
        <v>99</v>
      </c>
      <c r="D17253" t="s">
        <v>113</v>
      </c>
      <c r="E17253">
        <v>2022</v>
      </c>
      <c r="F17253">
        <v>2022</v>
      </c>
      <c r="G17253" t="s">
        <v>15</v>
      </c>
      <c r="H17253" t="s">
        <v>14</v>
      </c>
      <c r="I17253" t="s">
        <v>15</v>
      </c>
      <c r="J17253" s="10">
        <v>195000</v>
      </c>
    </row>
    <row r="17254" spans="1:10" x14ac:dyDescent="0.35">
      <c r="A17254" t="s">
        <v>26</v>
      </c>
      <c r="B17254" t="s">
        <v>90</v>
      </c>
      <c r="C17254" t="s">
        <v>99</v>
      </c>
      <c r="D17254" t="s">
        <v>113</v>
      </c>
      <c r="E17254">
        <v>2022</v>
      </c>
      <c r="F17254">
        <v>2022</v>
      </c>
      <c r="G17254" t="s">
        <v>15</v>
      </c>
      <c r="H17254" t="s">
        <v>14</v>
      </c>
      <c r="I17254" t="s">
        <v>15</v>
      </c>
      <c r="J17254" s="10">
        <v>178000</v>
      </c>
    </row>
    <row r="17255" spans="1:10" x14ac:dyDescent="0.35">
      <c r="A17255" t="s">
        <v>26</v>
      </c>
      <c r="B17255" t="s">
        <v>91</v>
      </c>
      <c r="C17255" t="s">
        <v>99</v>
      </c>
      <c r="D17255" t="s">
        <v>113</v>
      </c>
      <c r="E17255">
        <v>2022</v>
      </c>
      <c r="F17255">
        <v>2022</v>
      </c>
      <c r="G17255" t="s">
        <v>15</v>
      </c>
      <c r="H17255" t="s">
        <v>14</v>
      </c>
      <c r="I17255" t="s">
        <v>15</v>
      </c>
      <c r="J17255" s="10">
        <v>230000</v>
      </c>
    </row>
    <row r="17256" spans="1:10" x14ac:dyDescent="0.35">
      <c r="A17256" t="s">
        <v>22</v>
      </c>
      <c r="B17256" t="s">
        <v>23</v>
      </c>
      <c r="C17256" t="s">
        <v>99</v>
      </c>
      <c r="D17256" t="s">
        <v>113</v>
      </c>
      <c r="E17256">
        <v>2022</v>
      </c>
      <c r="F17256">
        <v>2022</v>
      </c>
      <c r="G17256" t="s">
        <v>15</v>
      </c>
      <c r="H17256" t="s">
        <v>14</v>
      </c>
      <c r="I17256" t="s">
        <v>15</v>
      </c>
      <c r="J17256" s="10">
        <v>199995</v>
      </c>
    </row>
    <row r="17257" spans="1:10" x14ac:dyDescent="0.35">
      <c r="A17257" t="s">
        <v>22</v>
      </c>
      <c r="B17257" t="s">
        <v>51</v>
      </c>
      <c r="C17257" t="s">
        <v>99</v>
      </c>
      <c r="D17257" t="s">
        <v>113</v>
      </c>
      <c r="E17257">
        <v>2022</v>
      </c>
      <c r="F17257">
        <v>2022</v>
      </c>
      <c r="G17257" t="s">
        <v>15</v>
      </c>
      <c r="H17257" t="s">
        <v>14</v>
      </c>
      <c r="I17257" t="s">
        <v>15</v>
      </c>
      <c r="J17257" s="10">
        <v>324750</v>
      </c>
    </row>
    <row r="17258" spans="1:10" x14ac:dyDescent="0.35">
      <c r="A17258" t="s">
        <v>22</v>
      </c>
      <c r="B17258" t="s">
        <v>52</v>
      </c>
      <c r="C17258" t="s">
        <v>99</v>
      </c>
      <c r="D17258" t="s">
        <v>113</v>
      </c>
      <c r="E17258">
        <v>2022</v>
      </c>
      <c r="F17258">
        <v>2022</v>
      </c>
      <c r="G17258" t="s">
        <v>15</v>
      </c>
      <c r="H17258" t="s">
        <v>14</v>
      </c>
      <c r="I17258" t="s">
        <v>15</v>
      </c>
      <c r="J17258" s="10">
        <v>249000</v>
      </c>
    </row>
    <row r="17259" spans="1:10" x14ac:dyDescent="0.35">
      <c r="A17259" t="s">
        <v>22</v>
      </c>
      <c r="B17259" t="s">
        <v>53</v>
      </c>
      <c r="C17259" t="s">
        <v>99</v>
      </c>
      <c r="D17259" t="s">
        <v>113</v>
      </c>
      <c r="E17259">
        <v>2022</v>
      </c>
      <c r="F17259">
        <v>2022</v>
      </c>
      <c r="G17259" t="s">
        <v>15</v>
      </c>
      <c r="H17259" t="s">
        <v>14</v>
      </c>
      <c r="I17259" t="s">
        <v>15</v>
      </c>
      <c r="J17259" s="10">
        <v>238000</v>
      </c>
    </row>
    <row r="17260" spans="1:10" x14ac:dyDescent="0.35">
      <c r="A17260" t="s">
        <v>22</v>
      </c>
      <c r="B17260" t="s">
        <v>54</v>
      </c>
      <c r="C17260" t="s">
        <v>99</v>
      </c>
      <c r="D17260" t="s">
        <v>113</v>
      </c>
      <c r="E17260">
        <v>2022</v>
      </c>
      <c r="F17260">
        <v>2022</v>
      </c>
      <c r="G17260" t="s">
        <v>15</v>
      </c>
      <c r="H17260" t="s">
        <v>14</v>
      </c>
      <c r="I17260" t="s">
        <v>15</v>
      </c>
      <c r="J17260" s="10">
        <v>222000</v>
      </c>
    </row>
    <row r="17261" spans="1:10" x14ac:dyDescent="0.35">
      <c r="A17261" t="s">
        <v>22</v>
      </c>
      <c r="B17261" t="s">
        <v>55</v>
      </c>
      <c r="C17261" t="s">
        <v>99</v>
      </c>
      <c r="D17261" t="s">
        <v>113</v>
      </c>
      <c r="E17261">
        <v>2022</v>
      </c>
      <c r="F17261">
        <v>2022</v>
      </c>
      <c r="G17261" t="s">
        <v>15</v>
      </c>
      <c r="H17261" t="s">
        <v>14</v>
      </c>
      <c r="I17261" t="s">
        <v>15</v>
      </c>
      <c r="J17261" s="10">
        <v>320000</v>
      </c>
    </row>
    <row r="17262" spans="1:10" x14ac:dyDescent="0.35">
      <c r="A17262" t="s">
        <v>22</v>
      </c>
      <c r="B17262" t="s">
        <v>56</v>
      </c>
      <c r="C17262" t="s">
        <v>99</v>
      </c>
      <c r="D17262" t="s">
        <v>113</v>
      </c>
      <c r="E17262">
        <v>2022</v>
      </c>
      <c r="F17262">
        <v>2022</v>
      </c>
      <c r="G17262" t="s">
        <v>15</v>
      </c>
      <c r="H17262" t="s">
        <v>14</v>
      </c>
      <c r="I17262" t="s">
        <v>15</v>
      </c>
      <c r="J17262" s="10">
        <v>272300</v>
      </c>
    </row>
    <row r="17263" spans="1:10" x14ac:dyDescent="0.35">
      <c r="A17263" t="s">
        <v>22</v>
      </c>
      <c r="B17263" t="s">
        <v>76</v>
      </c>
      <c r="C17263" t="s">
        <v>99</v>
      </c>
      <c r="D17263" t="s">
        <v>113</v>
      </c>
      <c r="E17263">
        <v>2022</v>
      </c>
      <c r="F17263">
        <v>2022</v>
      </c>
      <c r="G17263" t="s">
        <v>15</v>
      </c>
      <c r="H17263" t="s">
        <v>14</v>
      </c>
      <c r="I17263" t="s">
        <v>15</v>
      </c>
      <c r="J17263" s="10">
        <v>175000</v>
      </c>
    </row>
    <row r="17264" spans="1:10" x14ac:dyDescent="0.35">
      <c r="A17264" t="s">
        <v>22</v>
      </c>
      <c r="B17264" t="s">
        <v>78</v>
      </c>
      <c r="C17264" t="s">
        <v>99</v>
      </c>
      <c r="D17264" t="s">
        <v>113</v>
      </c>
      <c r="E17264">
        <v>2022</v>
      </c>
      <c r="F17264">
        <v>2022</v>
      </c>
      <c r="G17264" t="s">
        <v>15</v>
      </c>
      <c r="H17264" t="s">
        <v>14</v>
      </c>
      <c r="I17264" t="s">
        <v>15</v>
      </c>
      <c r="J17264" s="10">
        <v>245995</v>
      </c>
    </row>
    <row r="17265" spans="1:10" x14ac:dyDescent="0.35">
      <c r="A17265" t="s">
        <v>33</v>
      </c>
      <c r="B17265" t="s">
        <v>34</v>
      </c>
      <c r="C17265" t="s">
        <v>99</v>
      </c>
      <c r="D17265" t="s">
        <v>113</v>
      </c>
      <c r="E17265">
        <v>2022</v>
      </c>
      <c r="F17265">
        <v>2022</v>
      </c>
      <c r="G17265" t="s">
        <v>15</v>
      </c>
      <c r="H17265" t="s">
        <v>14</v>
      </c>
      <c r="I17265" t="s">
        <v>15</v>
      </c>
      <c r="J17265" s="10">
        <v>176000</v>
      </c>
    </row>
    <row r="17266" spans="1:10" x14ac:dyDescent="0.35">
      <c r="A17266" t="s">
        <v>33</v>
      </c>
      <c r="B17266" t="s">
        <v>39</v>
      </c>
      <c r="C17266" t="s">
        <v>99</v>
      </c>
      <c r="D17266" t="s">
        <v>113</v>
      </c>
      <c r="E17266">
        <v>2022</v>
      </c>
      <c r="F17266">
        <v>2022</v>
      </c>
      <c r="G17266" t="s">
        <v>15</v>
      </c>
      <c r="H17266" t="s">
        <v>14</v>
      </c>
      <c r="I17266" t="s">
        <v>15</v>
      </c>
      <c r="J17266" s="10">
        <v>139000</v>
      </c>
    </row>
    <row r="17267" spans="1:10" x14ac:dyDescent="0.35">
      <c r="A17267" t="s">
        <v>33</v>
      </c>
      <c r="B17267" t="s">
        <v>47</v>
      </c>
      <c r="C17267" t="s">
        <v>99</v>
      </c>
      <c r="D17267" t="s">
        <v>113</v>
      </c>
      <c r="E17267">
        <v>2022</v>
      </c>
      <c r="F17267">
        <v>2022</v>
      </c>
      <c r="G17267" t="s">
        <v>15</v>
      </c>
      <c r="H17267" t="s">
        <v>14</v>
      </c>
      <c r="I17267" t="s">
        <v>15</v>
      </c>
      <c r="J17267" s="10">
        <v>172000</v>
      </c>
    </row>
    <row r="17268" spans="1:10" x14ac:dyDescent="0.35">
      <c r="A17268" t="s">
        <v>33</v>
      </c>
      <c r="B17268" t="s">
        <v>75</v>
      </c>
      <c r="C17268" t="s">
        <v>99</v>
      </c>
      <c r="D17268" t="s">
        <v>113</v>
      </c>
      <c r="E17268">
        <v>2022</v>
      </c>
      <c r="F17268">
        <v>2022</v>
      </c>
      <c r="G17268" t="s">
        <v>15</v>
      </c>
      <c r="H17268" t="s">
        <v>14</v>
      </c>
      <c r="I17268" t="s">
        <v>15</v>
      </c>
      <c r="J17268" s="10">
        <v>120000</v>
      </c>
    </row>
    <row r="17269" spans="1:10" x14ac:dyDescent="0.35">
      <c r="A17269" t="s">
        <v>33</v>
      </c>
      <c r="B17269" t="s">
        <v>77</v>
      </c>
      <c r="C17269" t="s">
        <v>99</v>
      </c>
      <c r="D17269" t="s">
        <v>113</v>
      </c>
      <c r="E17269">
        <v>2022</v>
      </c>
      <c r="F17269">
        <v>2022</v>
      </c>
      <c r="G17269" t="s">
        <v>15</v>
      </c>
      <c r="H17269" t="s">
        <v>14</v>
      </c>
      <c r="I17269" t="s">
        <v>15</v>
      </c>
      <c r="J17269" s="10">
        <v>120000</v>
      </c>
    </row>
    <row r="17270" spans="1:10" x14ac:dyDescent="0.35">
      <c r="A17270" t="s">
        <v>33</v>
      </c>
      <c r="B17270" t="s">
        <v>82</v>
      </c>
      <c r="C17270" t="s">
        <v>99</v>
      </c>
      <c r="D17270" t="s">
        <v>113</v>
      </c>
      <c r="E17270">
        <v>2022</v>
      </c>
      <c r="F17270">
        <v>2022</v>
      </c>
      <c r="G17270" t="s">
        <v>15</v>
      </c>
      <c r="H17270" t="s">
        <v>14</v>
      </c>
      <c r="I17270" t="s">
        <v>15</v>
      </c>
      <c r="J17270" s="10">
        <v>246821</v>
      </c>
    </row>
    <row r="17271" spans="1:10" x14ac:dyDescent="0.35">
      <c r="A17271" t="s">
        <v>33</v>
      </c>
      <c r="B17271" t="s">
        <v>85</v>
      </c>
      <c r="C17271" t="s">
        <v>99</v>
      </c>
      <c r="D17271" t="s">
        <v>113</v>
      </c>
      <c r="E17271">
        <v>2022</v>
      </c>
      <c r="F17271">
        <v>2022</v>
      </c>
      <c r="G17271" t="s">
        <v>15</v>
      </c>
      <c r="H17271" t="s">
        <v>14</v>
      </c>
      <c r="I17271" t="s">
        <v>15</v>
      </c>
      <c r="J17271" s="10">
        <v>195000</v>
      </c>
    </row>
    <row r="17272" spans="1:10" x14ac:dyDescent="0.35">
      <c r="A17272" t="s">
        <v>33</v>
      </c>
      <c r="B17272" t="s">
        <v>86</v>
      </c>
      <c r="C17272" t="s">
        <v>99</v>
      </c>
      <c r="D17272" t="s">
        <v>113</v>
      </c>
      <c r="E17272">
        <v>2022</v>
      </c>
      <c r="F17272">
        <v>2022</v>
      </c>
      <c r="G17272" t="s">
        <v>15</v>
      </c>
      <c r="H17272" t="s">
        <v>14</v>
      </c>
      <c r="I17272" t="s">
        <v>15</v>
      </c>
      <c r="J17272" s="10">
        <v>230575</v>
      </c>
    </row>
    <row r="17273" spans="1:10" x14ac:dyDescent="0.35">
      <c r="A17273" t="s">
        <v>33</v>
      </c>
      <c r="B17273" t="s">
        <v>92</v>
      </c>
      <c r="C17273" t="s">
        <v>99</v>
      </c>
      <c r="D17273" t="s">
        <v>113</v>
      </c>
      <c r="E17273">
        <v>2022</v>
      </c>
      <c r="F17273">
        <v>2022</v>
      </c>
      <c r="G17273" t="s">
        <v>15</v>
      </c>
      <c r="H17273" t="s">
        <v>14</v>
      </c>
      <c r="I17273" t="s">
        <v>15</v>
      </c>
      <c r="J17273" s="10">
        <v>185995</v>
      </c>
    </row>
    <row r="17274" spans="1:10" x14ac:dyDescent="0.35">
      <c r="A17274" t="s">
        <v>10</v>
      </c>
      <c r="B17274" t="s">
        <v>11</v>
      </c>
      <c r="C17274" t="s">
        <v>99</v>
      </c>
      <c r="D17274" t="s">
        <v>113</v>
      </c>
      <c r="E17274">
        <v>2022</v>
      </c>
      <c r="F17274">
        <v>2022</v>
      </c>
      <c r="G17274" t="s">
        <v>15</v>
      </c>
      <c r="H17274" t="s">
        <v>14</v>
      </c>
      <c r="I17274" t="s">
        <v>15</v>
      </c>
      <c r="J17274" s="10">
        <v>118500</v>
      </c>
    </row>
    <row r="17275" spans="1:10" x14ac:dyDescent="0.35">
      <c r="A17275" t="s">
        <v>10</v>
      </c>
      <c r="B17275" t="s">
        <v>16</v>
      </c>
      <c r="C17275" t="s">
        <v>99</v>
      </c>
      <c r="D17275" t="s">
        <v>113</v>
      </c>
      <c r="E17275">
        <v>2022</v>
      </c>
      <c r="F17275">
        <v>2022</v>
      </c>
      <c r="G17275" t="s">
        <v>15</v>
      </c>
      <c r="H17275" t="s">
        <v>14</v>
      </c>
      <c r="I17275" t="s">
        <v>15</v>
      </c>
      <c r="J17275" s="10">
        <v>163000</v>
      </c>
    </row>
    <row r="17276" spans="1:10" x14ac:dyDescent="0.35">
      <c r="A17276" t="s">
        <v>10</v>
      </c>
      <c r="B17276" t="s">
        <v>17</v>
      </c>
      <c r="C17276" t="s">
        <v>99</v>
      </c>
      <c r="D17276" t="s">
        <v>113</v>
      </c>
      <c r="E17276">
        <v>2022</v>
      </c>
      <c r="F17276">
        <v>2022</v>
      </c>
      <c r="G17276" t="s">
        <v>15</v>
      </c>
      <c r="H17276" t="s">
        <v>14</v>
      </c>
      <c r="I17276" t="s">
        <v>15</v>
      </c>
      <c r="J17276" s="10">
        <v>219972.5</v>
      </c>
    </row>
    <row r="17277" spans="1:10" x14ac:dyDescent="0.35">
      <c r="A17277" t="s">
        <v>10</v>
      </c>
      <c r="B17277" t="s">
        <v>18</v>
      </c>
      <c r="C17277" t="s">
        <v>99</v>
      </c>
      <c r="D17277" t="s">
        <v>113</v>
      </c>
      <c r="E17277">
        <v>2022</v>
      </c>
      <c r="F17277">
        <v>2022</v>
      </c>
      <c r="G17277" t="s">
        <v>15</v>
      </c>
      <c r="H17277" t="s">
        <v>14</v>
      </c>
      <c r="I17277" t="s">
        <v>15</v>
      </c>
      <c r="J17277" s="10">
        <v>210000</v>
      </c>
    </row>
    <row r="17278" spans="1:10" x14ac:dyDescent="0.35">
      <c r="A17278" t="s">
        <v>10</v>
      </c>
      <c r="B17278" t="s">
        <v>19</v>
      </c>
      <c r="C17278" t="s">
        <v>99</v>
      </c>
      <c r="D17278" t="s">
        <v>113</v>
      </c>
      <c r="E17278">
        <v>2022</v>
      </c>
      <c r="F17278">
        <v>2022</v>
      </c>
      <c r="G17278" t="s">
        <v>15</v>
      </c>
      <c r="H17278" t="s">
        <v>14</v>
      </c>
      <c r="I17278" t="s">
        <v>15</v>
      </c>
      <c r="J17278" s="10">
        <v>247600</v>
      </c>
    </row>
    <row r="17279" spans="1:10" x14ac:dyDescent="0.35">
      <c r="A17279" t="s">
        <v>10</v>
      </c>
      <c r="B17279" t="s">
        <v>24</v>
      </c>
      <c r="C17279" t="s">
        <v>99</v>
      </c>
      <c r="D17279" t="s">
        <v>113</v>
      </c>
      <c r="E17279">
        <v>2022</v>
      </c>
      <c r="F17279">
        <v>2022</v>
      </c>
      <c r="G17279" t="s">
        <v>15</v>
      </c>
      <c r="H17279" t="s">
        <v>14</v>
      </c>
      <c r="I17279" t="s">
        <v>15</v>
      </c>
      <c r="J17279" s="10">
        <v>185000</v>
      </c>
    </row>
    <row r="17280" spans="1:10" x14ac:dyDescent="0.35">
      <c r="A17280" t="s">
        <v>10</v>
      </c>
      <c r="B17280" t="s">
        <v>25</v>
      </c>
      <c r="C17280" t="s">
        <v>99</v>
      </c>
      <c r="D17280" t="s">
        <v>113</v>
      </c>
      <c r="E17280">
        <v>2022</v>
      </c>
      <c r="F17280">
        <v>2022</v>
      </c>
      <c r="G17280" t="s">
        <v>15</v>
      </c>
      <c r="H17280" t="s">
        <v>14</v>
      </c>
      <c r="I17280" t="s">
        <v>15</v>
      </c>
      <c r="J17280" s="10">
        <v>185000</v>
      </c>
    </row>
    <row r="17281" spans="1:10" x14ac:dyDescent="0.35">
      <c r="A17281" t="s">
        <v>10</v>
      </c>
      <c r="B17281" t="s">
        <v>30</v>
      </c>
      <c r="C17281" t="s">
        <v>99</v>
      </c>
      <c r="D17281" t="s">
        <v>113</v>
      </c>
      <c r="E17281">
        <v>2022</v>
      </c>
      <c r="F17281">
        <v>2022</v>
      </c>
      <c r="G17281" t="s">
        <v>15</v>
      </c>
      <c r="H17281" t="s">
        <v>14</v>
      </c>
      <c r="I17281" t="s">
        <v>15</v>
      </c>
      <c r="J17281" s="10">
        <v>145000</v>
      </c>
    </row>
    <row r="17282" spans="1:10" x14ac:dyDescent="0.35">
      <c r="A17282" t="s">
        <v>10</v>
      </c>
      <c r="B17282" t="s">
        <v>45</v>
      </c>
      <c r="C17282" t="s">
        <v>99</v>
      </c>
      <c r="D17282" t="s">
        <v>113</v>
      </c>
      <c r="E17282">
        <v>2022</v>
      </c>
      <c r="F17282">
        <v>2022</v>
      </c>
      <c r="G17282" t="s">
        <v>15</v>
      </c>
      <c r="H17282" t="s">
        <v>14</v>
      </c>
      <c r="I17282" t="s">
        <v>15</v>
      </c>
      <c r="J17282" s="10">
        <v>130000</v>
      </c>
    </row>
    <row r="17283" spans="1:10" x14ac:dyDescent="0.35">
      <c r="A17283" t="s">
        <v>10</v>
      </c>
      <c r="B17283" t="s">
        <v>46</v>
      </c>
      <c r="C17283" t="s">
        <v>99</v>
      </c>
      <c r="D17283" t="s">
        <v>113</v>
      </c>
      <c r="E17283">
        <v>2022</v>
      </c>
      <c r="F17283">
        <v>2022</v>
      </c>
      <c r="G17283" t="s">
        <v>15</v>
      </c>
      <c r="H17283" t="s">
        <v>14</v>
      </c>
      <c r="I17283" t="s">
        <v>15</v>
      </c>
      <c r="J17283" s="10">
        <v>135927.5</v>
      </c>
    </row>
    <row r="17284" spans="1:10" x14ac:dyDescent="0.35">
      <c r="A17284" t="s">
        <v>28</v>
      </c>
      <c r="B17284" t="s">
        <v>29</v>
      </c>
      <c r="C17284" t="s">
        <v>99</v>
      </c>
      <c r="D17284" t="s">
        <v>113</v>
      </c>
      <c r="E17284">
        <v>2022</v>
      </c>
      <c r="F17284">
        <v>2022</v>
      </c>
      <c r="G17284" t="s">
        <v>15</v>
      </c>
      <c r="H17284" t="s">
        <v>14</v>
      </c>
      <c r="I17284" t="s">
        <v>15</v>
      </c>
      <c r="J17284" s="10">
        <v>165499</v>
      </c>
    </row>
    <row r="17285" spans="1:10" x14ac:dyDescent="0.35">
      <c r="A17285" t="s">
        <v>28</v>
      </c>
      <c r="B17285" t="s">
        <v>32</v>
      </c>
      <c r="C17285" t="s">
        <v>99</v>
      </c>
      <c r="D17285" t="s">
        <v>113</v>
      </c>
      <c r="E17285">
        <v>2022</v>
      </c>
      <c r="F17285">
        <v>2022</v>
      </c>
      <c r="G17285" t="s">
        <v>15</v>
      </c>
      <c r="H17285" t="s">
        <v>14</v>
      </c>
      <c r="I17285" t="s">
        <v>15</v>
      </c>
      <c r="J17285" s="10">
        <v>124225</v>
      </c>
    </row>
    <row r="17286" spans="1:10" x14ac:dyDescent="0.35">
      <c r="A17286" t="s">
        <v>28</v>
      </c>
      <c r="B17286" t="s">
        <v>37</v>
      </c>
      <c r="C17286" t="s">
        <v>99</v>
      </c>
      <c r="D17286" t="s">
        <v>113</v>
      </c>
      <c r="E17286">
        <v>2022</v>
      </c>
      <c r="F17286">
        <v>2022</v>
      </c>
      <c r="G17286" t="s">
        <v>15</v>
      </c>
      <c r="H17286" t="s">
        <v>14</v>
      </c>
      <c r="I17286" t="s">
        <v>15</v>
      </c>
      <c r="J17286" s="10">
        <v>191995</v>
      </c>
    </row>
    <row r="17287" spans="1:10" x14ac:dyDescent="0.35">
      <c r="A17287" t="s">
        <v>28</v>
      </c>
      <c r="B17287" t="s">
        <v>44</v>
      </c>
      <c r="C17287" t="s">
        <v>99</v>
      </c>
      <c r="D17287" t="s">
        <v>113</v>
      </c>
      <c r="E17287">
        <v>2022</v>
      </c>
      <c r="F17287">
        <v>2022</v>
      </c>
      <c r="G17287" t="s">
        <v>15</v>
      </c>
      <c r="H17287" t="s">
        <v>14</v>
      </c>
      <c r="I17287" t="s">
        <v>15</v>
      </c>
      <c r="J17287" s="10">
        <v>150000</v>
      </c>
    </row>
    <row r="17288" spans="1:10" x14ac:dyDescent="0.35">
      <c r="A17288" t="s">
        <v>28</v>
      </c>
      <c r="B17288" t="s">
        <v>49</v>
      </c>
      <c r="C17288" t="s">
        <v>99</v>
      </c>
      <c r="D17288" t="s">
        <v>113</v>
      </c>
      <c r="E17288">
        <v>2022</v>
      </c>
      <c r="F17288">
        <v>2022</v>
      </c>
      <c r="G17288" t="s">
        <v>15</v>
      </c>
      <c r="H17288" t="s">
        <v>14</v>
      </c>
      <c r="I17288" t="s">
        <v>15</v>
      </c>
      <c r="J17288" s="10">
        <v>281999</v>
      </c>
    </row>
    <row r="17289" spans="1:10" x14ac:dyDescent="0.35">
      <c r="A17289" t="s">
        <v>28</v>
      </c>
      <c r="B17289" t="s">
        <v>58</v>
      </c>
      <c r="C17289" t="s">
        <v>99</v>
      </c>
      <c r="D17289" t="s">
        <v>113</v>
      </c>
      <c r="E17289">
        <v>2022</v>
      </c>
      <c r="F17289">
        <v>2022</v>
      </c>
      <c r="G17289" t="s">
        <v>15</v>
      </c>
      <c r="H17289" t="s">
        <v>14</v>
      </c>
      <c r="I17289" t="s">
        <v>15</v>
      </c>
      <c r="J17289" s="10">
        <v>165000</v>
      </c>
    </row>
    <row r="17290" spans="1:10" x14ac:dyDescent="0.35">
      <c r="A17290" t="s">
        <v>28</v>
      </c>
      <c r="B17290" t="s">
        <v>61</v>
      </c>
      <c r="C17290" t="s">
        <v>99</v>
      </c>
      <c r="D17290" t="s">
        <v>113</v>
      </c>
      <c r="E17290">
        <v>2022</v>
      </c>
      <c r="F17290">
        <v>2022</v>
      </c>
      <c r="G17290" t="s">
        <v>15</v>
      </c>
      <c r="H17290" t="s">
        <v>14</v>
      </c>
      <c r="I17290" t="s">
        <v>15</v>
      </c>
      <c r="J17290" s="10">
        <v>150812.5</v>
      </c>
    </row>
    <row r="17291" spans="1:10" x14ac:dyDescent="0.35">
      <c r="A17291" t="s">
        <v>28</v>
      </c>
      <c r="B17291" t="s">
        <v>74</v>
      </c>
      <c r="C17291" t="s">
        <v>99</v>
      </c>
      <c r="D17291" t="s">
        <v>113</v>
      </c>
      <c r="E17291">
        <v>2022</v>
      </c>
      <c r="F17291">
        <v>2022</v>
      </c>
      <c r="G17291" t="s">
        <v>15</v>
      </c>
      <c r="H17291" t="s">
        <v>14</v>
      </c>
      <c r="I17291" t="s">
        <v>15</v>
      </c>
      <c r="J17291" s="10">
        <v>125000</v>
      </c>
    </row>
    <row r="17292" spans="1:10" x14ac:dyDescent="0.35">
      <c r="A17292" t="s">
        <v>28</v>
      </c>
      <c r="B17292" t="s">
        <v>79</v>
      </c>
      <c r="C17292" t="s">
        <v>99</v>
      </c>
      <c r="D17292" t="s">
        <v>113</v>
      </c>
      <c r="E17292">
        <v>2022</v>
      </c>
      <c r="F17292">
        <v>2022</v>
      </c>
      <c r="G17292" t="s">
        <v>15</v>
      </c>
      <c r="H17292" t="s">
        <v>14</v>
      </c>
      <c r="I17292" t="s">
        <v>15</v>
      </c>
      <c r="J17292" s="10">
        <v>215000</v>
      </c>
    </row>
    <row r="17293" spans="1:10" x14ac:dyDescent="0.35">
      <c r="A17293" t="s">
        <v>35</v>
      </c>
      <c r="B17293" t="s">
        <v>36</v>
      </c>
      <c r="C17293" t="s">
        <v>99</v>
      </c>
      <c r="D17293" t="s">
        <v>113</v>
      </c>
      <c r="E17293">
        <v>2022</v>
      </c>
      <c r="F17293">
        <v>2022</v>
      </c>
      <c r="G17293" t="s">
        <v>15</v>
      </c>
      <c r="H17293" t="s">
        <v>14</v>
      </c>
      <c r="I17293" t="s">
        <v>15</v>
      </c>
      <c r="J17293" s="10">
        <v>169006.5</v>
      </c>
    </row>
    <row r="17294" spans="1:10" x14ac:dyDescent="0.35">
      <c r="A17294" t="s">
        <v>35</v>
      </c>
      <c r="B17294" t="s">
        <v>41</v>
      </c>
      <c r="C17294" t="s">
        <v>99</v>
      </c>
      <c r="D17294" t="s">
        <v>113</v>
      </c>
      <c r="E17294">
        <v>2022</v>
      </c>
      <c r="F17294">
        <v>2022</v>
      </c>
      <c r="G17294" t="s">
        <v>15</v>
      </c>
      <c r="H17294" t="s">
        <v>14</v>
      </c>
      <c r="I17294" t="s">
        <v>15</v>
      </c>
      <c r="J17294" s="10">
        <v>127640.5</v>
      </c>
    </row>
    <row r="17295" spans="1:10" x14ac:dyDescent="0.35">
      <c r="A17295" t="s">
        <v>35</v>
      </c>
      <c r="B17295" t="s">
        <v>42</v>
      </c>
      <c r="C17295" t="s">
        <v>99</v>
      </c>
      <c r="D17295" t="s">
        <v>113</v>
      </c>
      <c r="E17295">
        <v>2022</v>
      </c>
      <c r="F17295">
        <v>2022</v>
      </c>
      <c r="G17295" t="s">
        <v>15</v>
      </c>
      <c r="H17295" t="s">
        <v>14</v>
      </c>
      <c r="I17295" t="s">
        <v>15</v>
      </c>
      <c r="J17295" s="10">
        <v>110000</v>
      </c>
    </row>
    <row r="17296" spans="1:10" x14ac:dyDescent="0.35">
      <c r="A17296" t="s">
        <v>35</v>
      </c>
      <c r="B17296" t="s">
        <v>43</v>
      </c>
      <c r="C17296" t="s">
        <v>99</v>
      </c>
      <c r="D17296" t="s">
        <v>113</v>
      </c>
      <c r="E17296">
        <v>2022</v>
      </c>
      <c r="F17296">
        <v>2022</v>
      </c>
      <c r="G17296" t="s">
        <v>15</v>
      </c>
      <c r="H17296" t="s">
        <v>14</v>
      </c>
      <c r="I17296" t="s">
        <v>15</v>
      </c>
      <c r="J17296" s="10">
        <v>140150</v>
      </c>
    </row>
    <row r="17297" spans="1:10" x14ac:dyDescent="0.35">
      <c r="A17297" t="s">
        <v>35</v>
      </c>
      <c r="B17297" t="s">
        <v>50</v>
      </c>
      <c r="C17297" t="s">
        <v>99</v>
      </c>
      <c r="D17297" t="s">
        <v>113</v>
      </c>
      <c r="E17297">
        <v>2022</v>
      </c>
      <c r="F17297">
        <v>2022</v>
      </c>
      <c r="G17297" t="s">
        <v>15</v>
      </c>
      <c r="H17297" t="s">
        <v>14</v>
      </c>
      <c r="I17297" t="s">
        <v>15</v>
      </c>
      <c r="J17297" s="10">
        <v>314995</v>
      </c>
    </row>
    <row r="17298" spans="1:10" x14ac:dyDescent="0.35">
      <c r="A17298" t="s">
        <v>35</v>
      </c>
      <c r="B17298" t="s">
        <v>71</v>
      </c>
      <c r="C17298" t="s">
        <v>99</v>
      </c>
      <c r="D17298" t="s">
        <v>113</v>
      </c>
      <c r="E17298">
        <v>2022</v>
      </c>
      <c r="F17298">
        <v>2022</v>
      </c>
      <c r="G17298" t="s">
        <v>15</v>
      </c>
      <c r="H17298" t="s">
        <v>14</v>
      </c>
      <c r="I17298" t="s">
        <v>15</v>
      </c>
      <c r="J17298" s="10">
        <v>90000</v>
      </c>
    </row>
    <row r="17299" spans="1:10" x14ac:dyDescent="0.35">
      <c r="A17299" t="s">
        <v>35</v>
      </c>
      <c r="B17299" t="s">
        <v>84</v>
      </c>
      <c r="C17299" t="s">
        <v>99</v>
      </c>
      <c r="D17299" t="s">
        <v>113</v>
      </c>
      <c r="E17299">
        <v>2022</v>
      </c>
      <c r="F17299">
        <v>2022</v>
      </c>
      <c r="G17299" t="s">
        <v>15</v>
      </c>
      <c r="H17299" t="s">
        <v>14</v>
      </c>
      <c r="I17299" t="s">
        <v>15</v>
      </c>
      <c r="J17299" s="10">
        <v>110100</v>
      </c>
    </row>
    <row r="17300" spans="1:10" x14ac:dyDescent="0.35">
      <c r="A17300" t="s">
        <v>35</v>
      </c>
      <c r="B17300" t="s">
        <v>87</v>
      </c>
      <c r="C17300" t="s">
        <v>99</v>
      </c>
      <c r="D17300" t="s">
        <v>113</v>
      </c>
      <c r="E17300">
        <v>2022</v>
      </c>
      <c r="F17300">
        <v>2022</v>
      </c>
      <c r="G17300" t="s">
        <v>15</v>
      </c>
      <c r="H17300" t="s">
        <v>14</v>
      </c>
      <c r="I17300" t="s">
        <v>15</v>
      </c>
      <c r="J17300" s="10">
        <v>180000</v>
      </c>
    </row>
    <row r="17301" spans="1:10" x14ac:dyDescent="0.35">
      <c r="A17301" t="s">
        <v>35</v>
      </c>
      <c r="B17301" t="s">
        <v>88</v>
      </c>
      <c r="C17301" t="s">
        <v>99</v>
      </c>
      <c r="D17301" t="s">
        <v>113</v>
      </c>
      <c r="E17301">
        <v>2022</v>
      </c>
      <c r="F17301">
        <v>2022</v>
      </c>
      <c r="G17301" t="s">
        <v>15</v>
      </c>
      <c r="H17301" t="s">
        <v>14</v>
      </c>
      <c r="I17301" t="s">
        <v>15</v>
      </c>
      <c r="J17301" s="10">
        <v>172500</v>
      </c>
    </row>
    <row r="17302" spans="1:10" x14ac:dyDescent="0.35">
      <c r="A17302" t="s">
        <v>35</v>
      </c>
      <c r="B17302" t="s">
        <v>93</v>
      </c>
      <c r="C17302" t="s">
        <v>99</v>
      </c>
      <c r="D17302" t="s">
        <v>113</v>
      </c>
      <c r="E17302">
        <v>2022</v>
      </c>
      <c r="F17302">
        <v>2022</v>
      </c>
      <c r="G17302" t="s">
        <v>15</v>
      </c>
      <c r="H17302" t="s">
        <v>14</v>
      </c>
      <c r="I17302" t="s">
        <v>15</v>
      </c>
      <c r="J17302" s="10">
        <v>230000</v>
      </c>
    </row>
    <row r="17303" spans="1:10" x14ac:dyDescent="0.35">
      <c r="A17303" t="s">
        <v>10</v>
      </c>
      <c r="B17303" t="s">
        <v>11</v>
      </c>
      <c r="C17303" t="s">
        <v>99</v>
      </c>
      <c r="D17303" t="s">
        <v>100</v>
      </c>
      <c r="E17303">
        <v>2023</v>
      </c>
      <c r="F17303">
        <v>2023</v>
      </c>
      <c r="G17303" t="s">
        <v>15</v>
      </c>
      <c r="H17303" t="s">
        <v>14</v>
      </c>
      <c r="I17303" t="s">
        <v>134</v>
      </c>
      <c r="J17303">
        <v>0.62839943899999995</v>
      </c>
    </row>
    <row r="17304" spans="1:10" x14ac:dyDescent="0.35">
      <c r="A17304" t="s">
        <v>10</v>
      </c>
      <c r="B17304" t="s">
        <v>11</v>
      </c>
      <c r="C17304" t="s">
        <v>99</v>
      </c>
      <c r="D17304" t="s">
        <v>100</v>
      </c>
      <c r="E17304">
        <v>2023</v>
      </c>
      <c r="F17304">
        <v>2023</v>
      </c>
      <c r="G17304" t="s">
        <v>15</v>
      </c>
      <c r="H17304" t="s">
        <v>14</v>
      </c>
      <c r="I17304" t="s">
        <v>135</v>
      </c>
      <c r="J17304">
        <v>0.27033819100000001</v>
      </c>
    </row>
    <row r="17305" spans="1:10" x14ac:dyDescent="0.35">
      <c r="A17305" t="s">
        <v>10</v>
      </c>
      <c r="B17305" t="s">
        <v>11</v>
      </c>
      <c r="C17305" t="s">
        <v>99</v>
      </c>
      <c r="D17305" t="s">
        <v>100</v>
      </c>
      <c r="E17305">
        <v>2023</v>
      </c>
      <c r="F17305">
        <v>2023</v>
      </c>
      <c r="G17305" t="s">
        <v>15</v>
      </c>
      <c r="H17305" t="s">
        <v>14</v>
      </c>
      <c r="I17305" t="s">
        <v>136</v>
      </c>
      <c r="J17305">
        <v>0.10126237</v>
      </c>
    </row>
    <row r="17306" spans="1:10" x14ac:dyDescent="0.35">
      <c r="A17306" t="s">
        <v>10</v>
      </c>
      <c r="B17306" t="s">
        <v>16</v>
      </c>
      <c r="C17306" t="s">
        <v>99</v>
      </c>
      <c r="D17306" t="s">
        <v>100</v>
      </c>
      <c r="E17306">
        <v>2023</v>
      </c>
      <c r="F17306">
        <v>2023</v>
      </c>
      <c r="G17306" t="s">
        <v>15</v>
      </c>
      <c r="H17306" t="s">
        <v>14</v>
      </c>
      <c r="I17306" t="s">
        <v>134</v>
      </c>
      <c r="J17306">
        <v>0.61994103499999997</v>
      </c>
    </row>
    <row r="17307" spans="1:10" x14ac:dyDescent="0.35">
      <c r="A17307" t="s">
        <v>10</v>
      </c>
      <c r="B17307" t="s">
        <v>16</v>
      </c>
      <c r="C17307" t="s">
        <v>99</v>
      </c>
      <c r="D17307" t="s">
        <v>100</v>
      </c>
      <c r="E17307">
        <v>2023</v>
      </c>
      <c r="F17307">
        <v>2023</v>
      </c>
      <c r="G17307" t="s">
        <v>15</v>
      </c>
      <c r="H17307" t="s">
        <v>14</v>
      </c>
      <c r="I17307" t="s">
        <v>135</v>
      </c>
      <c r="J17307">
        <v>0.26843887799999999</v>
      </c>
    </row>
    <row r="17308" spans="1:10" x14ac:dyDescent="0.35">
      <c r="A17308" t="s">
        <v>10</v>
      </c>
      <c r="B17308" t="s">
        <v>16</v>
      </c>
      <c r="C17308" t="s">
        <v>99</v>
      </c>
      <c r="D17308" t="s">
        <v>100</v>
      </c>
      <c r="E17308">
        <v>2023</v>
      </c>
      <c r="F17308">
        <v>2023</v>
      </c>
      <c r="G17308" t="s">
        <v>15</v>
      </c>
      <c r="H17308" t="s">
        <v>14</v>
      </c>
      <c r="I17308" t="s">
        <v>136</v>
      </c>
      <c r="J17308">
        <v>0.11162008700000001</v>
      </c>
    </row>
    <row r="17309" spans="1:10" x14ac:dyDescent="0.35">
      <c r="A17309" t="s">
        <v>10</v>
      </c>
      <c r="B17309" t="s">
        <v>17</v>
      </c>
      <c r="C17309" t="s">
        <v>99</v>
      </c>
      <c r="D17309" t="s">
        <v>100</v>
      </c>
      <c r="E17309">
        <v>2023</v>
      </c>
      <c r="F17309">
        <v>2023</v>
      </c>
      <c r="G17309" t="s">
        <v>15</v>
      </c>
      <c r="H17309" t="s">
        <v>14</v>
      </c>
      <c r="I17309" t="s">
        <v>134</v>
      </c>
      <c r="J17309">
        <v>0.43919518899999999</v>
      </c>
    </row>
    <row r="17310" spans="1:10" x14ac:dyDescent="0.35">
      <c r="A17310" t="s">
        <v>10</v>
      </c>
      <c r="B17310" t="s">
        <v>17</v>
      </c>
      <c r="C17310" t="s">
        <v>99</v>
      </c>
      <c r="D17310" t="s">
        <v>100</v>
      </c>
      <c r="E17310">
        <v>2023</v>
      </c>
      <c r="F17310">
        <v>2023</v>
      </c>
      <c r="G17310" t="s">
        <v>15</v>
      </c>
      <c r="H17310" t="s">
        <v>14</v>
      </c>
      <c r="I17310" t="s">
        <v>135</v>
      </c>
      <c r="J17310">
        <v>0.28188668700000002</v>
      </c>
    </row>
    <row r="17311" spans="1:10" x14ac:dyDescent="0.35">
      <c r="A17311" t="s">
        <v>10</v>
      </c>
      <c r="B17311" t="s">
        <v>17</v>
      </c>
      <c r="C17311" t="s">
        <v>99</v>
      </c>
      <c r="D17311" t="s">
        <v>100</v>
      </c>
      <c r="E17311">
        <v>2023</v>
      </c>
      <c r="F17311">
        <v>2023</v>
      </c>
      <c r="G17311" t="s">
        <v>15</v>
      </c>
      <c r="H17311" t="s">
        <v>14</v>
      </c>
      <c r="I17311" t="s">
        <v>136</v>
      </c>
      <c r="J17311">
        <v>0.27891812300000002</v>
      </c>
    </row>
    <row r="17312" spans="1:10" x14ac:dyDescent="0.35">
      <c r="A17312" t="s">
        <v>10</v>
      </c>
      <c r="B17312" t="s">
        <v>18</v>
      </c>
      <c r="C17312" t="s">
        <v>99</v>
      </c>
      <c r="D17312" t="s">
        <v>100</v>
      </c>
      <c r="E17312">
        <v>2023</v>
      </c>
      <c r="F17312">
        <v>2023</v>
      </c>
      <c r="G17312" t="s">
        <v>15</v>
      </c>
      <c r="H17312" t="s">
        <v>14</v>
      </c>
      <c r="I17312" t="s">
        <v>134</v>
      </c>
      <c r="J17312">
        <v>0.39447196499999998</v>
      </c>
    </row>
    <row r="17313" spans="1:10" x14ac:dyDescent="0.35">
      <c r="A17313" t="s">
        <v>10</v>
      </c>
      <c r="B17313" t="s">
        <v>18</v>
      </c>
      <c r="C17313" t="s">
        <v>99</v>
      </c>
      <c r="D17313" t="s">
        <v>100</v>
      </c>
      <c r="E17313">
        <v>2023</v>
      </c>
      <c r="F17313">
        <v>2023</v>
      </c>
      <c r="G17313" t="s">
        <v>15</v>
      </c>
      <c r="H17313" t="s">
        <v>14</v>
      </c>
      <c r="I17313" t="s">
        <v>135</v>
      </c>
      <c r="J17313">
        <v>0.370257167</v>
      </c>
    </row>
    <row r="17314" spans="1:10" x14ac:dyDescent="0.35">
      <c r="A17314" t="s">
        <v>10</v>
      </c>
      <c r="B17314" t="s">
        <v>18</v>
      </c>
      <c r="C17314" t="s">
        <v>99</v>
      </c>
      <c r="D17314" t="s">
        <v>100</v>
      </c>
      <c r="E17314">
        <v>2023</v>
      </c>
      <c r="F17314">
        <v>2023</v>
      </c>
      <c r="G17314" t="s">
        <v>15</v>
      </c>
      <c r="H17314" t="s">
        <v>14</v>
      </c>
      <c r="I17314" t="s">
        <v>136</v>
      </c>
      <c r="J17314">
        <v>0.23527086799999999</v>
      </c>
    </row>
    <row r="17315" spans="1:10" x14ac:dyDescent="0.35">
      <c r="A17315" t="s">
        <v>10</v>
      </c>
      <c r="B17315" t="s">
        <v>19</v>
      </c>
      <c r="C17315" t="s">
        <v>99</v>
      </c>
      <c r="D17315" t="s">
        <v>100</v>
      </c>
      <c r="E17315">
        <v>2023</v>
      </c>
      <c r="F17315">
        <v>2023</v>
      </c>
      <c r="G17315" t="s">
        <v>15</v>
      </c>
      <c r="H17315" t="s">
        <v>14</v>
      </c>
      <c r="I17315" t="s">
        <v>134</v>
      </c>
      <c r="J17315">
        <v>0.278109567</v>
      </c>
    </row>
    <row r="17316" spans="1:10" x14ac:dyDescent="0.35">
      <c r="A17316" t="s">
        <v>10</v>
      </c>
      <c r="B17316" t="s">
        <v>19</v>
      </c>
      <c r="C17316" t="s">
        <v>99</v>
      </c>
      <c r="D17316" t="s">
        <v>100</v>
      </c>
      <c r="E17316">
        <v>2023</v>
      </c>
      <c r="F17316">
        <v>2023</v>
      </c>
      <c r="G17316" t="s">
        <v>15</v>
      </c>
      <c r="H17316" t="s">
        <v>14</v>
      </c>
      <c r="I17316" t="s">
        <v>135</v>
      </c>
      <c r="J17316">
        <v>0.34147812100000002</v>
      </c>
    </row>
    <row r="17317" spans="1:10" x14ac:dyDescent="0.35">
      <c r="A17317" t="s">
        <v>10</v>
      </c>
      <c r="B17317" t="s">
        <v>19</v>
      </c>
      <c r="C17317" t="s">
        <v>99</v>
      </c>
      <c r="D17317" t="s">
        <v>100</v>
      </c>
      <c r="E17317">
        <v>2023</v>
      </c>
      <c r="F17317">
        <v>2023</v>
      </c>
      <c r="G17317" t="s">
        <v>15</v>
      </c>
      <c r="H17317" t="s">
        <v>14</v>
      </c>
      <c r="I17317" t="s">
        <v>136</v>
      </c>
      <c r="J17317">
        <v>0.38041231199999997</v>
      </c>
    </row>
    <row r="17318" spans="1:10" x14ac:dyDescent="0.35">
      <c r="A17318" t="s">
        <v>20</v>
      </c>
      <c r="B17318" t="s">
        <v>21</v>
      </c>
      <c r="C17318" t="s">
        <v>99</v>
      </c>
      <c r="D17318" t="s">
        <v>100</v>
      </c>
      <c r="E17318">
        <v>2023</v>
      </c>
      <c r="F17318">
        <v>2023</v>
      </c>
      <c r="G17318" t="s">
        <v>15</v>
      </c>
      <c r="H17318" t="s">
        <v>14</v>
      </c>
      <c r="I17318" t="s">
        <v>134</v>
      </c>
      <c r="J17318">
        <v>0.68234582799999999</v>
      </c>
    </row>
    <row r="17319" spans="1:10" x14ac:dyDescent="0.35">
      <c r="A17319" t="s">
        <v>20</v>
      </c>
      <c r="B17319" t="s">
        <v>21</v>
      </c>
      <c r="C17319" t="s">
        <v>99</v>
      </c>
      <c r="D17319" t="s">
        <v>100</v>
      </c>
      <c r="E17319">
        <v>2023</v>
      </c>
      <c r="F17319">
        <v>2023</v>
      </c>
      <c r="G17319" t="s">
        <v>15</v>
      </c>
      <c r="H17319" t="s">
        <v>14</v>
      </c>
      <c r="I17319" t="s">
        <v>135</v>
      </c>
      <c r="J17319">
        <v>0.23431076200000001</v>
      </c>
    </row>
    <row r="17320" spans="1:10" x14ac:dyDescent="0.35">
      <c r="A17320" t="s">
        <v>20</v>
      </c>
      <c r="B17320" t="s">
        <v>21</v>
      </c>
      <c r="C17320" t="s">
        <v>99</v>
      </c>
      <c r="D17320" t="s">
        <v>100</v>
      </c>
      <c r="E17320">
        <v>2023</v>
      </c>
      <c r="F17320">
        <v>2023</v>
      </c>
      <c r="G17320" t="s">
        <v>15</v>
      </c>
      <c r="H17320" t="s">
        <v>14</v>
      </c>
      <c r="I17320" t="s">
        <v>136</v>
      </c>
      <c r="J17320">
        <v>8.3343410000000007E-2</v>
      </c>
    </row>
    <row r="17321" spans="1:10" x14ac:dyDescent="0.35">
      <c r="A17321" t="s">
        <v>22</v>
      </c>
      <c r="B17321" t="s">
        <v>23</v>
      </c>
      <c r="C17321" t="s">
        <v>99</v>
      </c>
      <c r="D17321" t="s">
        <v>100</v>
      </c>
      <c r="E17321">
        <v>2023</v>
      </c>
      <c r="F17321">
        <v>2023</v>
      </c>
      <c r="G17321" t="s">
        <v>15</v>
      </c>
      <c r="H17321" t="s">
        <v>14</v>
      </c>
      <c r="I17321" t="s">
        <v>134</v>
      </c>
      <c r="J17321">
        <v>0.65113026100000004</v>
      </c>
    </row>
    <row r="17322" spans="1:10" x14ac:dyDescent="0.35">
      <c r="A17322" t="s">
        <v>22</v>
      </c>
      <c r="B17322" t="s">
        <v>23</v>
      </c>
      <c r="C17322" t="s">
        <v>99</v>
      </c>
      <c r="D17322" t="s">
        <v>100</v>
      </c>
      <c r="E17322">
        <v>2023</v>
      </c>
      <c r="F17322">
        <v>2023</v>
      </c>
      <c r="G17322" t="s">
        <v>15</v>
      </c>
      <c r="H17322" t="s">
        <v>14</v>
      </c>
      <c r="I17322" t="s">
        <v>135</v>
      </c>
      <c r="J17322">
        <v>0.22205570099999999</v>
      </c>
    </row>
    <row r="17323" spans="1:10" x14ac:dyDescent="0.35">
      <c r="A17323" t="s">
        <v>22</v>
      </c>
      <c r="B17323" t="s">
        <v>23</v>
      </c>
      <c r="C17323" t="s">
        <v>99</v>
      </c>
      <c r="D17323" t="s">
        <v>100</v>
      </c>
      <c r="E17323">
        <v>2023</v>
      </c>
      <c r="F17323">
        <v>2023</v>
      </c>
      <c r="G17323" t="s">
        <v>15</v>
      </c>
      <c r="H17323" t="s">
        <v>14</v>
      </c>
      <c r="I17323" t="s">
        <v>136</v>
      </c>
      <c r="J17323">
        <v>0.12681403799999999</v>
      </c>
    </row>
    <row r="17324" spans="1:10" x14ac:dyDescent="0.35">
      <c r="A17324" t="s">
        <v>10</v>
      </c>
      <c r="B17324" t="s">
        <v>24</v>
      </c>
      <c r="C17324" t="s">
        <v>99</v>
      </c>
      <c r="D17324" t="s">
        <v>100</v>
      </c>
      <c r="E17324">
        <v>2023</v>
      </c>
      <c r="F17324">
        <v>2023</v>
      </c>
      <c r="G17324" t="s">
        <v>15</v>
      </c>
      <c r="H17324" t="s">
        <v>14</v>
      </c>
      <c r="I17324" t="s">
        <v>134</v>
      </c>
      <c r="J17324">
        <v>0.58132436499999995</v>
      </c>
    </row>
    <row r="17325" spans="1:10" x14ac:dyDescent="0.35">
      <c r="A17325" t="s">
        <v>10</v>
      </c>
      <c r="B17325" t="s">
        <v>24</v>
      </c>
      <c r="C17325" t="s">
        <v>99</v>
      </c>
      <c r="D17325" t="s">
        <v>100</v>
      </c>
      <c r="E17325">
        <v>2023</v>
      </c>
      <c r="F17325">
        <v>2023</v>
      </c>
      <c r="G17325" t="s">
        <v>15</v>
      </c>
      <c r="H17325" t="s">
        <v>14</v>
      </c>
      <c r="I17325" t="s">
        <v>135</v>
      </c>
      <c r="J17325">
        <v>0.27306898800000001</v>
      </c>
    </row>
    <row r="17326" spans="1:10" x14ac:dyDescent="0.35">
      <c r="A17326" t="s">
        <v>10</v>
      </c>
      <c r="B17326" t="s">
        <v>24</v>
      </c>
      <c r="C17326" t="s">
        <v>99</v>
      </c>
      <c r="D17326" t="s">
        <v>100</v>
      </c>
      <c r="E17326">
        <v>2023</v>
      </c>
      <c r="F17326">
        <v>2023</v>
      </c>
      <c r="G17326" t="s">
        <v>15</v>
      </c>
      <c r="H17326" t="s">
        <v>14</v>
      </c>
      <c r="I17326" t="s">
        <v>136</v>
      </c>
      <c r="J17326">
        <v>0.14560664700000001</v>
      </c>
    </row>
    <row r="17327" spans="1:10" x14ac:dyDescent="0.35">
      <c r="A17327" t="s">
        <v>10</v>
      </c>
      <c r="B17327" t="s">
        <v>25</v>
      </c>
      <c r="C17327" t="s">
        <v>99</v>
      </c>
      <c r="D17327" t="s">
        <v>100</v>
      </c>
      <c r="E17327">
        <v>2023</v>
      </c>
      <c r="F17327">
        <v>2023</v>
      </c>
      <c r="G17327" t="s">
        <v>15</v>
      </c>
      <c r="H17327" t="s">
        <v>14</v>
      </c>
      <c r="I17327" t="s">
        <v>134</v>
      </c>
      <c r="J17327">
        <v>0.56097356700000001</v>
      </c>
    </row>
    <row r="17328" spans="1:10" x14ac:dyDescent="0.35">
      <c r="A17328" t="s">
        <v>10</v>
      </c>
      <c r="B17328" t="s">
        <v>25</v>
      </c>
      <c r="C17328" t="s">
        <v>99</v>
      </c>
      <c r="D17328" t="s">
        <v>100</v>
      </c>
      <c r="E17328">
        <v>2023</v>
      </c>
      <c r="F17328">
        <v>2023</v>
      </c>
      <c r="G17328" t="s">
        <v>15</v>
      </c>
      <c r="H17328" t="s">
        <v>14</v>
      </c>
      <c r="I17328" t="s">
        <v>135</v>
      </c>
      <c r="J17328">
        <v>0.339045971</v>
      </c>
    </row>
    <row r="17329" spans="1:10" x14ac:dyDescent="0.35">
      <c r="A17329" t="s">
        <v>10</v>
      </c>
      <c r="B17329" t="s">
        <v>25</v>
      </c>
      <c r="C17329" t="s">
        <v>99</v>
      </c>
      <c r="D17329" t="s">
        <v>100</v>
      </c>
      <c r="E17329">
        <v>2023</v>
      </c>
      <c r="F17329">
        <v>2023</v>
      </c>
      <c r="G17329" t="s">
        <v>15</v>
      </c>
      <c r="H17329" t="s">
        <v>14</v>
      </c>
      <c r="I17329" t="s">
        <v>136</v>
      </c>
      <c r="J17329">
        <v>9.9980462000000006E-2</v>
      </c>
    </row>
    <row r="17330" spans="1:10" x14ac:dyDescent="0.35">
      <c r="A17330" t="s">
        <v>26</v>
      </c>
      <c r="B17330" t="s">
        <v>27</v>
      </c>
      <c r="C17330" t="s">
        <v>99</v>
      </c>
      <c r="D17330" t="s">
        <v>100</v>
      </c>
      <c r="E17330">
        <v>2023</v>
      </c>
      <c r="F17330">
        <v>2023</v>
      </c>
      <c r="G17330" t="s">
        <v>15</v>
      </c>
      <c r="H17330" t="s">
        <v>14</v>
      </c>
      <c r="I17330" t="s">
        <v>134</v>
      </c>
      <c r="J17330">
        <v>0.60295432999999998</v>
      </c>
    </row>
    <row r="17331" spans="1:10" x14ac:dyDescent="0.35">
      <c r="A17331" t="s">
        <v>26</v>
      </c>
      <c r="B17331" t="s">
        <v>27</v>
      </c>
      <c r="C17331" t="s">
        <v>99</v>
      </c>
      <c r="D17331" t="s">
        <v>100</v>
      </c>
      <c r="E17331">
        <v>2023</v>
      </c>
      <c r="F17331">
        <v>2023</v>
      </c>
      <c r="G17331" t="s">
        <v>15</v>
      </c>
      <c r="H17331" t="s">
        <v>14</v>
      </c>
      <c r="I17331" t="s">
        <v>135</v>
      </c>
      <c r="J17331">
        <v>0.28160997399999999</v>
      </c>
    </row>
    <row r="17332" spans="1:10" x14ac:dyDescent="0.35">
      <c r="A17332" t="s">
        <v>26</v>
      </c>
      <c r="B17332" t="s">
        <v>27</v>
      </c>
      <c r="C17332" t="s">
        <v>99</v>
      </c>
      <c r="D17332" t="s">
        <v>100</v>
      </c>
      <c r="E17332">
        <v>2023</v>
      </c>
      <c r="F17332">
        <v>2023</v>
      </c>
      <c r="G17332" t="s">
        <v>15</v>
      </c>
      <c r="H17332" t="s">
        <v>14</v>
      </c>
      <c r="I17332" t="s">
        <v>136</v>
      </c>
      <c r="J17332">
        <v>0.115435696</v>
      </c>
    </row>
    <row r="17333" spans="1:10" x14ac:dyDescent="0.35">
      <c r="A17333" t="s">
        <v>28</v>
      </c>
      <c r="B17333" t="s">
        <v>29</v>
      </c>
      <c r="C17333" t="s">
        <v>99</v>
      </c>
      <c r="D17333" t="s">
        <v>100</v>
      </c>
      <c r="E17333">
        <v>2023</v>
      </c>
      <c r="F17333">
        <v>2023</v>
      </c>
      <c r="G17333" t="s">
        <v>15</v>
      </c>
      <c r="H17333" t="s">
        <v>14</v>
      </c>
      <c r="I17333" t="s">
        <v>134</v>
      </c>
      <c r="J17333">
        <v>0.48146094099999998</v>
      </c>
    </row>
    <row r="17334" spans="1:10" x14ac:dyDescent="0.35">
      <c r="A17334" t="s">
        <v>28</v>
      </c>
      <c r="B17334" t="s">
        <v>29</v>
      </c>
      <c r="C17334" t="s">
        <v>99</v>
      </c>
      <c r="D17334" t="s">
        <v>100</v>
      </c>
      <c r="E17334">
        <v>2023</v>
      </c>
      <c r="F17334">
        <v>2023</v>
      </c>
      <c r="G17334" t="s">
        <v>15</v>
      </c>
      <c r="H17334" t="s">
        <v>14</v>
      </c>
      <c r="I17334" t="s">
        <v>135</v>
      </c>
      <c r="J17334">
        <v>0.34424021500000002</v>
      </c>
    </row>
    <row r="17335" spans="1:10" x14ac:dyDescent="0.35">
      <c r="A17335" t="s">
        <v>28</v>
      </c>
      <c r="B17335" t="s">
        <v>29</v>
      </c>
      <c r="C17335" t="s">
        <v>99</v>
      </c>
      <c r="D17335" t="s">
        <v>100</v>
      </c>
      <c r="E17335">
        <v>2023</v>
      </c>
      <c r="F17335">
        <v>2023</v>
      </c>
      <c r="G17335" t="s">
        <v>15</v>
      </c>
      <c r="H17335" t="s">
        <v>14</v>
      </c>
      <c r="I17335" t="s">
        <v>136</v>
      </c>
      <c r="J17335">
        <v>0.17429884300000001</v>
      </c>
    </row>
    <row r="17336" spans="1:10" x14ac:dyDescent="0.35">
      <c r="A17336" t="s">
        <v>10</v>
      </c>
      <c r="B17336" t="s">
        <v>30</v>
      </c>
      <c r="C17336" t="s">
        <v>99</v>
      </c>
      <c r="D17336" t="s">
        <v>100</v>
      </c>
      <c r="E17336">
        <v>2023</v>
      </c>
      <c r="F17336">
        <v>2023</v>
      </c>
      <c r="G17336" t="s">
        <v>15</v>
      </c>
      <c r="H17336" t="s">
        <v>14</v>
      </c>
      <c r="I17336" t="s">
        <v>134</v>
      </c>
      <c r="J17336">
        <v>0.68550055700000001</v>
      </c>
    </row>
    <row r="17337" spans="1:10" x14ac:dyDescent="0.35">
      <c r="A17337" t="s">
        <v>10</v>
      </c>
      <c r="B17337" t="s">
        <v>30</v>
      </c>
      <c r="C17337" t="s">
        <v>99</v>
      </c>
      <c r="D17337" t="s">
        <v>100</v>
      </c>
      <c r="E17337">
        <v>2023</v>
      </c>
      <c r="F17337">
        <v>2023</v>
      </c>
      <c r="G17337" t="s">
        <v>15</v>
      </c>
      <c r="H17337" t="s">
        <v>14</v>
      </c>
      <c r="I17337" t="s">
        <v>135</v>
      </c>
      <c r="J17337">
        <v>0.25839567099999999</v>
      </c>
    </row>
    <row r="17338" spans="1:10" x14ac:dyDescent="0.35">
      <c r="A17338" t="s">
        <v>10</v>
      </c>
      <c r="B17338" t="s">
        <v>30</v>
      </c>
      <c r="C17338" t="s">
        <v>99</v>
      </c>
      <c r="D17338" t="s">
        <v>100</v>
      </c>
      <c r="E17338">
        <v>2023</v>
      </c>
      <c r="F17338">
        <v>2023</v>
      </c>
      <c r="G17338" t="s">
        <v>15</v>
      </c>
      <c r="H17338" t="s">
        <v>14</v>
      </c>
      <c r="I17338" t="s">
        <v>136</v>
      </c>
      <c r="J17338">
        <v>5.6103772000000003E-2</v>
      </c>
    </row>
    <row r="17339" spans="1:10" x14ac:dyDescent="0.35">
      <c r="A17339" t="s">
        <v>26</v>
      </c>
      <c r="B17339" t="s">
        <v>31</v>
      </c>
      <c r="C17339" t="s">
        <v>99</v>
      </c>
      <c r="D17339" t="s">
        <v>100</v>
      </c>
      <c r="E17339">
        <v>2023</v>
      </c>
      <c r="F17339">
        <v>2023</v>
      </c>
      <c r="G17339" t="s">
        <v>15</v>
      </c>
      <c r="H17339" t="s">
        <v>14</v>
      </c>
      <c r="I17339" t="s">
        <v>134</v>
      </c>
      <c r="J17339">
        <v>0.67026230600000003</v>
      </c>
    </row>
    <row r="17340" spans="1:10" x14ac:dyDescent="0.35">
      <c r="A17340" t="s">
        <v>26</v>
      </c>
      <c r="B17340" t="s">
        <v>31</v>
      </c>
      <c r="C17340" t="s">
        <v>99</v>
      </c>
      <c r="D17340" t="s">
        <v>100</v>
      </c>
      <c r="E17340">
        <v>2023</v>
      </c>
      <c r="F17340">
        <v>2023</v>
      </c>
      <c r="G17340" t="s">
        <v>15</v>
      </c>
      <c r="H17340" t="s">
        <v>14</v>
      </c>
      <c r="I17340" t="s">
        <v>135</v>
      </c>
      <c r="J17340">
        <v>0.263937488</v>
      </c>
    </row>
    <row r="17341" spans="1:10" x14ac:dyDescent="0.35">
      <c r="A17341" t="s">
        <v>26</v>
      </c>
      <c r="B17341" t="s">
        <v>31</v>
      </c>
      <c r="C17341" t="s">
        <v>99</v>
      </c>
      <c r="D17341" t="s">
        <v>100</v>
      </c>
      <c r="E17341">
        <v>2023</v>
      </c>
      <c r="F17341">
        <v>2023</v>
      </c>
      <c r="G17341" t="s">
        <v>15</v>
      </c>
      <c r="H17341" t="s">
        <v>14</v>
      </c>
      <c r="I17341" t="s">
        <v>136</v>
      </c>
      <c r="J17341">
        <v>6.5800205E-2</v>
      </c>
    </row>
    <row r="17342" spans="1:10" x14ac:dyDescent="0.35">
      <c r="A17342" t="s">
        <v>28</v>
      </c>
      <c r="B17342" t="s">
        <v>32</v>
      </c>
      <c r="C17342" t="s">
        <v>99</v>
      </c>
      <c r="D17342" t="s">
        <v>100</v>
      </c>
      <c r="E17342">
        <v>2023</v>
      </c>
      <c r="F17342">
        <v>2023</v>
      </c>
      <c r="G17342" t="s">
        <v>15</v>
      </c>
      <c r="H17342" t="s">
        <v>14</v>
      </c>
      <c r="I17342" t="s">
        <v>134</v>
      </c>
      <c r="J17342">
        <v>0.66776981099999999</v>
      </c>
    </row>
    <row r="17343" spans="1:10" x14ac:dyDescent="0.35">
      <c r="A17343" t="s">
        <v>28</v>
      </c>
      <c r="B17343" t="s">
        <v>32</v>
      </c>
      <c r="C17343" t="s">
        <v>99</v>
      </c>
      <c r="D17343" t="s">
        <v>100</v>
      </c>
      <c r="E17343">
        <v>2023</v>
      </c>
      <c r="F17343">
        <v>2023</v>
      </c>
      <c r="G17343" t="s">
        <v>15</v>
      </c>
      <c r="H17343" t="s">
        <v>14</v>
      </c>
      <c r="I17343" t="s">
        <v>135</v>
      </c>
      <c r="J17343">
        <v>0.245712184</v>
      </c>
    </row>
    <row r="17344" spans="1:10" x14ac:dyDescent="0.35">
      <c r="A17344" t="s">
        <v>28</v>
      </c>
      <c r="B17344" t="s">
        <v>32</v>
      </c>
      <c r="C17344" t="s">
        <v>99</v>
      </c>
      <c r="D17344" t="s">
        <v>100</v>
      </c>
      <c r="E17344">
        <v>2023</v>
      </c>
      <c r="F17344">
        <v>2023</v>
      </c>
      <c r="G17344" t="s">
        <v>15</v>
      </c>
      <c r="H17344" t="s">
        <v>14</v>
      </c>
      <c r="I17344" t="s">
        <v>136</v>
      </c>
      <c r="J17344">
        <v>8.6518004999999995E-2</v>
      </c>
    </row>
    <row r="17345" spans="1:10" x14ac:dyDescent="0.35">
      <c r="A17345" t="s">
        <v>33</v>
      </c>
      <c r="B17345" t="s">
        <v>34</v>
      </c>
      <c r="C17345" t="s">
        <v>99</v>
      </c>
      <c r="D17345" t="s">
        <v>100</v>
      </c>
      <c r="E17345">
        <v>2023</v>
      </c>
      <c r="F17345">
        <v>2023</v>
      </c>
      <c r="G17345" t="s">
        <v>15</v>
      </c>
      <c r="H17345" t="s">
        <v>14</v>
      </c>
      <c r="I17345" t="s">
        <v>134</v>
      </c>
      <c r="J17345">
        <v>0.55013176100000005</v>
      </c>
    </row>
    <row r="17346" spans="1:10" x14ac:dyDescent="0.35">
      <c r="A17346" t="s">
        <v>33</v>
      </c>
      <c r="B17346" t="s">
        <v>34</v>
      </c>
      <c r="C17346" t="s">
        <v>99</v>
      </c>
      <c r="D17346" t="s">
        <v>100</v>
      </c>
      <c r="E17346">
        <v>2023</v>
      </c>
      <c r="F17346">
        <v>2023</v>
      </c>
      <c r="G17346" t="s">
        <v>15</v>
      </c>
      <c r="H17346" t="s">
        <v>14</v>
      </c>
      <c r="I17346" t="s">
        <v>135</v>
      </c>
      <c r="J17346">
        <v>0.26239176800000003</v>
      </c>
    </row>
    <row r="17347" spans="1:10" x14ac:dyDescent="0.35">
      <c r="A17347" t="s">
        <v>33</v>
      </c>
      <c r="B17347" t="s">
        <v>34</v>
      </c>
      <c r="C17347" t="s">
        <v>99</v>
      </c>
      <c r="D17347" t="s">
        <v>100</v>
      </c>
      <c r="E17347">
        <v>2023</v>
      </c>
      <c r="F17347">
        <v>2023</v>
      </c>
      <c r="G17347" t="s">
        <v>15</v>
      </c>
      <c r="H17347" t="s">
        <v>14</v>
      </c>
      <c r="I17347" t="s">
        <v>136</v>
      </c>
      <c r="J17347">
        <v>0.18747647100000001</v>
      </c>
    </row>
    <row r="17348" spans="1:10" x14ac:dyDescent="0.35">
      <c r="A17348" t="s">
        <v>35</v>
      </c>
      <c r="B17348" t="s">
        <v>36</v>
      </c>
      <c r="C17348" t="s">
        <v>99</v>
      </c>
      <c r="D17348" t="s">
        <v>100</v>
      </c>
      <c r="E17348">
        <v>2023</v>
      </c>
      <c r="F17348">
        <v>2023</v>
      </c>
      <c r="G17348" t="s">
        <v>15</v>
      </c>
      <c r="H17348" t="s">
        <v>14</v>
      </c>
      <c r="I17348" t="s">
        <v>134</v>
      </c>
      <c r="J17348">
        <v>0.54473277099999995</v>
      </c>
    </row>
    <row r="17349" spans="1:10" x14ac:dyDescent="0.35">
      <c r="A17349" t="s">
        <v>35</v>
      </c>
      <c r="B17349" t="s">
        <v>36</v>
      </c>
      <c r="C17349" t="s">
        <v>99</v>
      </c>
      <c r="D17349" t="s">
        <v>100</v>
      </c>
      <c r="E17349">
        <v>2023</v>
      </c>
      <c r="F17349">
        <v>2023</v>
      </c>
      <c r="G17349" t="s">
        <v>15</v>
      </c>
      <c r="H17349" t="s">
        <v>14</v>
      </c>
      <c r="I17349" t="s">
        <v>135</v>
      </c>
      <c r="J17349">
        <v>0.26031115900000001</v>
      </c>
    </row>
    <row r="17350" spans="1:10" x14ac:dyDescent="0.35">
      <c r="A17350" t="s">
        <v>35</v>
      </c>
      <c r="B17350" t="s">
        <v>36</v>
      </c>
      <c r="C17350" t="s">
        <v>99</v>
      </c>
      <c r="D17350" t="s">
        <v>100</v>
      </c>
      <c r="E17350">
        <v>2023</v>
      </c>
      <c r="F17350">
        <v>2023</v>
      </c>
      <c r="G17350" t="s">
        <v>15</v>
      </c>
      <c r="H17350" t="s">
        <v>14</v>
      </c>
      <c r="I17350" t="s">
        <v>136</v>
      </c>
      <c r="J17350">
        <v>0.19495607000000001</v>
      </c>
    </row>
    <row r="17351" spans="1:10" x14ac:dyDescent="0.35">
      <c r="A17351" t="s">
        <v>28</v>
      </c>
      <c r="B17351" t="s">
        <v>37</v>
      </c>
      <c r="C17351" t="s">
        <v>99</v>
      </c>
      <c r="D17351" t="s">
        <v>100</v>
      </c>
      <c r="E17351">
        <v>2023</v>
      </c>
      <c r="F17351">
        <v>2023</v>
      </c>
      <c r="G17351" t="s">
        <v>15</v>
      </c>
      <c r="H17351" t="s">
        <v>14</v>
      </c>
      <c r="I17351" t="s">
        <v>134</v>
      </c>
      <c r="J17351">
        <v>0.56603192400000002</v>
      </c>
    </row>
    <row r="17352" spans="1:10" x14ac:dyDescent="0.35">
      <c r="A17352" t="s">
        <v>28</v>
      </c>
      <c r="B17352" t="s">
        <v>37</v>
      </c>
      <c r="C17352" t="s">
        <v>99</v>
      </c>
      <c r="D17352" t="s">
        <v>100</v>
      </c>
      <c r="E17352">
        <v>2023</v>
      </c>
      <c r="F17352">
        <v>2023</v>
      </c>
      <c r="G17352" t="s">
        <v>15</v>
      </c>
      <c r="H17352" t="s">
        <v>14</v>
      </c>
      <c r="I17352" t="s">
        <v>135</v>
      </c>
      <c r="J17352">
        <v>0.287538505</v>
      </c>
    </row>
    <row r="17353" spans="1:10" x14ac:dyDescent="0.35">
      <c r="A17353" t="s">
        <v>28</v>
      </c>
      <c r="B17353" t="s">
        <v>37</v>
      </c>
      <c r="C17353" t="s">
        <v>99</v>
      </c>
      <c r="D17353" t="s">
        <v>100</v>
      </c>
      <c r="E17353">
        <v>2023</v>
      </c>
      <c r="F17353">
        <v>2023</v>
      </c>
      <c r="G17353" t="s">
        <v>15</v>
      </c>
      <c r="H17353" t="s">
        <v>14</v>
      </c>
      <c r="I17353" t="s">
        <v>136</v>
      </c>
      <c r="J17353">
        <v>0.14642957200000001</v>
      </c>
    </row>
    <row r="17354" spans="1:10" x14ac:dyDescent="0.35">
      <c r="A17354" t="s">
        <v>20</v>
      </c>
      <c r="B17354" t="s">
        <v>38</v>
      </c>
      <c r="C17354" t="s">
        <v>99</v>
      </c>
      <c r="D17354" t="s">
        <v>100</v>
      </c>
      <c r="E17354">
        <v>2023</v>
      </c>
      <c r="F17354">
        <v>2023</v>
      </c>
      <c r="G17354" t="s">
        <v>15</v>
      </c>
      <c r="H17354" t="s">
        <v>14</v>
      </c>
      <c r="I17354" t="s">
        <v>134</v>
      </c>
      <c r="J17354">
        <v>0.63180662300000001</v>
      </c>
    </row>
    <row r="17355" spans="1:10" x14ac:dyDescent="0.35">
      <c r="A17355" t="s">
        <v>20</v>
      </c>
      <c r="B17355" t="s">
        <v>38</v>
      </c>
      <c r="C17355" t="s">
        <v>99</v>
      </c>
      <c r="D17355" t="s">
        <v>100</v>
      </c>
      <c r="E17355">
        <v>2023</v>
      </c>
      <c r="F17355">
        <v>2023</v>
      </c>
      <c r="G17355" t="s">
        <v>15</v>
      </c>
      <c r="H17355" t="s">
        <v>14</v>
      </c>
      <c r="I17355" t="s">
        <v>135</v>
      </c>
      <c r="J17355">
        <v>0.25200947000000001</v>
      </c>
    </row>
    <row r="17356" spans="1:10" x14ac:dyDescent="0.35">
      <c r="A17356" t="s">
        <v>20</v>
      </c>
      <c r="B17356" t="s">
        <v>38</v>
      </c>
      <c r="C17356" t="s">
        <v>99</v>
      </c>
      <c r="D17356" t="s">
        <v>100</v>
      </c>
      <c r="E17356">
        <v>2023</v>
      </c>
      <c r="F17356">
        <v>2023</v>
      </c>
      <c r="G17356" t="s">
        <v>15</v>
      </c>
      <c r="H17356" t="s">
        <v>14</v>
      </c>
      <c r="I17356" t="s">
        <v>136</v>
      </c>
      <c r="J17356">
        <v>0.116183907</v>
      </c>
    </row>
    <row r="17357" spans="1:10" x14ac:dyDescent="0.35">
      <c r="A17357" t="s">
        <v>33</v>
      </c>
      <c r="B17357" t="s">
        <v>39</v>
      </c>
      <c r="C17357" t="s">
        <v>99</v>
      </c>
      <c r="D17357" t="s">
        <v>100</v>
      </c>
      <c r="E17357">
        <v>2023</v>
      </c>
      <c r="F17357">
        <v>2023</v>
      </c>
      <c r="G17357" t="s">
        <v>15</v>
      </c>
      <c r="H17357" t="s">
        <v>14</v>
      </c>
      <c r="I17357" t="s">
        <v>134</v>
      </c>
      <c r="J17357">
        <v>0.709529933</v>
      </c>
    </row>
    <row r="17358" spans="1:10" x14ac:dyDescent="0.35">
      <c r="A17358" t="s">
        <v>33</v>
      </c>
      <c r="B17358" t="s">
        <v>39</v>
      </c>
      <c r="C17358" t="s">
        <v>99</v>
      </c>
      <c r="D17358" t="s">
        <v>100</v>
      </c>
      <c r="E17358">
        <v>2023</v>
      </c>
      <c r="F17358">
        <v>2023</v>
      </c>
      <c r="G17358" t="s">
        <v>15</v>
      </c>
      <c r="H17358" t="s">
        <v>14</v>
      </c>
      <c r="I17358" t="s">
        <v>135</v>
      </c>
      <c r="J17358">
        <v>0.215230747</v>
      </c>
    </row>
    <row r="17359" spans="1:10" x14ac:dyDescent="0.35">
      <c r="A17359" t="s">
        <v>33</v>
      </c>
      <c r="B17359" t="s">
        <v>39</v>
      </c>
      <c r="C17359" t="s">
        <v>99</v>
      </c>
      <c r="D17359" t="s">
        <v>100</v>
      </c>
      <c r="E17359">
        <v>2023</v>
      </c>
      <c r="F17359">
        <v>2023</v>
      </c>
      <c r="G17359" t="s">
        <v>15</v>
      </c>
      <c r="H17359" t="s">
        <v>14</v>
      </c>
      <c r="I17359" t="s">
        <v>136</v>
      </c>
      <c r="J17359">
        <v>7.5239319999999998E-2</v>
      </c>
    </row>
    <row r="17360" spans="1:10" x14ac:dyDescent="0.35">
      <c r="A17360" t="s">
        <v>20</v>
      </c>
      <c r="B17360" t="s">
        <v>40</v>
      </c>
      <c r="C17360" t="s">
        <v>99</v>
      </c>
      <c r="D17360" t="s">
        <v>100</v>
      </c>
      <c r="E17360">
        <v>2023</v>
      </c>
      <c r="F17360">
        <v>2023</v>
      </c>
      <c r="G17360" t="s">
        <v>15</v>
      </c>
      <c r="H17360" t="s">
        <v>14</v>
      </c>
      <c r="I17360" t="s">
        <v>134</v>
      </c>
      <c r="J17360">
        <v>0.69344114400000001</v>
      </c>
    </row>
    <row r="17361" spans="1:10" x14ac:dyDescent="0.35">
      <c r="A17361" t="s">
        <v>20</v>
      </c>
      <c r="B17361" t="s">
        <v>40</v>
      </c>
      <c r="C17361" t="s">
        <v>99</v>
      </c>
      <c r="D17361" t="s">
        <v>100</v>
      </c>
      <c r="E17361">
        <v>2023</v>
      </c>
      <c r="F17361">
        <v>2023</v>
      </c>
      <c r="G17361" t="s">
        <v>15</v>
      </c>
      <c r="H17361" t="s">
        <v>14</v>
      </c>
      <c r="I17361" t="s">
        <v>135</v>
      </c>
      <c r="J17361">
        <v>0.19135286800000001</v>
      </c>
    </row>
    <row r="17362" spans="1:10" x14ac:dyDescent="0.35">
      <c r="A17362" t="s">
        <v>20</v>
      </c>
      <c r="B17362" t="s">
        <v>40</v>
      </c>
      <c r="C17362" t="s">
        <v>99</v>
      </c>
      <c r="D17362" t="s">
        <v>100</v>
      </c>
      <c r="E17362">
        <v>2023</v>
      </c>
      <c r="F17362">
        <v>2023</v>
      </c>
      <c r="G17362" t="s">
        <v>15</v>
      </c>
      <c r="H17362" t="s">
        <v>14</v>
      </c>
      <c r="I17362" t="s">
        <v>136</v>
      </c>
      <c r="J17362">
        <v>0.115205988</v>
      </c>
    </row>
    <row r="17363" spans="1:10" x14ac:dyDescent="0.35">
      <c r="A17363" t="s">
        <v>35</v>
      </c>
      <c r="B17363" t="s">
        <v>41</v>
      </c>
      <c r="C17363" t="s">
        <v>99</v>
      </c>
      <c r="D17363" t="s">
        <v>100</v>
      </c>
      <c r="E17363">
        <v>2023</v>
      </c>
      <c r="F17363">
        <v>2023</v>
      </c>
      <c r="G17363" t="s">
        <v>15</v>
      </c>
      <c r="H17363" t="s">
        <v>14</v>
      </c>
      <c r="I17363" t="s">
        <v>134</v>
      </c>
      <c r="J17363">
        <v>0.62542716799999998</v>
      </c>
    </row>
    <row r="17364" spans="1:10" x14ac:dyDescent="0.35">
      <c r="A17364" t="s">
        <v>35</v>
      </c>
      <c r="B17364" t="s">
        <v>41</v>
      </c>
      <c r="C17364" t="s">
        <v>99</v>
      </c>
      <c r="D17364" t="s">
        <v>100</v>
      </c>
      <c r="E17364">
        <v>2023</v>
      </c>
      <c r="F17364">
        <v>2023</v>
      </c>
      <c r="G17364" t="s">
        <v>15</v>
      </c>
      <c r="H17364" t="s">
        <v>14</v>
      </c>
      <c r="I17364" t="s">
        <v>135</v>
      </c>
      <c r="J17364">
        <v>0.27709846199999999</v>
      </c>
    </row>
    <row r="17365" spans="1:10" x14ac:dyDescent="0.35">
      <c r="A17365" t="s">
        <v>35</v>
      </c>
      <c r="B17365" t="s">
        <v>41</v>
      </c>
      <c r="C17365" t="s">
        <v>99</v>
      </c>
      <c r="D17365" t="s">
        <v>100</v>
      </c>
      <c r="E17365">
        <v>2023</v>
      </c>
      <c r="F17365">
        <v>2023</v>
      </c>
      <c r="G17365" t="s">
        <v>15</v>
      </c>
      <c r="H17365" t="s">
        <v>14</v>
      </c>
      <c r="I17365" t="s">
        <v>136</v>
      </c>
      <c r="J17365">
        <v>9.7474370000000005E-2</v>
      </c>
    </row>
    <row r="17366" spans="1:10" x14ac:dyDescent="0.35">
      <c r="A17366" t="s">
        <v>35</v>
      </c>
      <c r="B17366" t="s">
        <v>42</v>
      </c>
      <c r="C17366" t="s">
        <v>99</v>
      </c>
      <c r="D17366" t="s">
        <v>100</v>
      </c>
      <c r="E17366">
        <v>2023</v>
      </c>
      <c r="F17366">
        <v>2023</v>
      </c>
      <c r="G17366" t="s">
        <v>15</v>
      </c>
      <c r="H17366" t="s">
        <v>14</v>
      </c>
      <c r="I17366" t="s">
        <v>134</v>
      </c>
      <c r="J17366">
        <v>0.75111901400000003</v>
      </c>
    </row>
    <row r="17367" spans="1:10" x14ac:dyDescent="0.35">
      <c r="A17367" t="s">
        <v>35</v>
      </c>
      <c r="B17367" t="s">
        <v>42</v>
      </c>
      <c r="C17367" t="s">
        <v>99</v>
      </c>
      <c r="D17367" t="s">
        <v>100</v>
      </c>
      <c r="E17367">
        <v>2023</v>
      </c>
      <c r="F17367">
        <v>2023</v>
      </c>
      <c r="G17367" t="s">
        <v>15</v>
      </c>
      <c r="H17367" t="s">
        <v>14</v>
      </c>
      <c r="I17367" t="s">
        <v>135</v>
      </c>
      <c r="J17367">
        <v>0.18949659699999999</v>
      </c>
    </row>
    <row r="17368" spans="1:10" x14ac:dyDescent="0.35">
      <c r="A17368" t="s">
        <v>35</v>
      </c>
      <c r="B17368" t="s">
        <v>42</v>
      </c>
      <c r="C17368" t="s">
        <v>99</v>
      </c>
      <c r="D17368" t="s">
        <v>100</v>
      </c>
      <c r="E17368">
        <v>2023</v>
      </c>
      <c r="F17368">
        <v>2023</v>
      </c>
      <c r="G17368" t="s">
        <v>15</v>
      </c>
      <c r="H17368" t="s">
        <v>14</v>
      </c>
      <c r="I17368" t="s">
        <v>136</v>
      </c>
      <c r="J17368">
        <v>5.9384389000000003E-2</v>
      </c>
    </row>
    <row r="17369" spans="1:10" x14ac:dyDescent="0.35">
      <c r="A17369" t="s">
        <v>35</v>
      </c>
      <c r="B17369" t="s">
        <v>43</v>
      </c>
      <c r="C17369" t="s">
        <v>99</v>
      </c>
      <c r="D17369" t="s">
        <v>100</v>
      </c>
      <c r="E17369">
        <v>2023</v>
      </c>
      <c r="F17369">
        <v>2023</v>
      </c>
      <c r="G17369" t="s">
        <v>15</v>
      </c>
      <c r="H17369" t="s">
        <v>14</v>
      </c>
      <c r="I17369" t="s">
        <v>134</v>
      </c>
      <c r="J17369">
        <v>0.56133625399999998</v>
      </c>
    </row>
    <row r="17370" spans="1:10" x14ac:dyDescent="0.35">
      <c r="A17370" t="s">
        <v>35</v>
      </c>
      <c r="B17370" t="s">
        <v>43</v>
      </c>
      <c r="C17370" t="s">
        <v>99</v>
      </c>
      <c r="D17370" t="s">
        <v>100</v>
      </c>
      <c r="E17370">
        <v>2023</v>
      </c>
      <c r="F17370">
        <v>2023</v>
      </c>
      <c r="G17370" t="s">
        <v>15</v>
      </c>
      <c r="H17370" t="s">
        <v>14</v>
      </c>
      <c r="I17370" t="s">
        <v>135</v>
      </c>
      <c r="J17370">
        <v>0.28997809400000002</v>
      </c>
    </row>
    <row r="17371" spans="1:10" x14ac:dyDescent="0.35">
      <c r="A17371" t="s">
        <v>35</v>
      </c>
      <c r="B17371" t="s">
        <v>43</v>
      </c>
      <c r="C17371" t="s">
        <v>99</v>
      </c>
      <c r="D17371" t="s">
        <v>100</v>
      </c>
      <c r="E17371">
        <v>2023</v>
      </c>
      <c r="F17371">
        <v>2023</v>
      </c>
      <c r="G17371" t="s">
        <v>15</v>
      </c>
      <c r="H17371" t="s">
        <v>14</v>
      </c>
      <c r="I17371" t="s">
        <v>136</v>
      </c>
      <c r="J17371">
        <v>0.148685652</v>
      </c>
    </row>
    <row r="17372" spans="1:10" x14ac:dyDescent="0.35">
      <c r="A17372" t="s">
        <v>28</v>
      </c>
      <c r="B17372" t="s">
        <v>44</v>
      </c>
      <c r="C17372" t="s">
        <v>99</v>
      </c>
      <c r="D17372" t="s">
        <v>100</v>
      </c>
      <c r="E17372">
        <v>2023</v>
      </c>
      <c r="F17372">
        <v>2023</v>
      </c>
      <c r="G17372" t="s">
        <v>15</v>
      </c>
      <c r="H17372" t="s">
        <v>14</v>
      </c>
      <c r="I17372" t="s">
        <v>134</v>
      </c>
      <c r="J17372">
        <v>0.59785738399999999</v>
      </c>
    </row>
    <row r="17373" spans="1:10" x14ac:dyDescent="0.35">
      <c r="A17373" t="s">
        <v>28</v>
      </c>
      <c r="B17373" t="s">
        <v>44</v>
      </c>
      <c r="C17373" t="s">
        <v>99</v>
      </c>
      <c r="D17373" t="s">
        <v>100</v>
      </c>
      <c r="E17373">
        <v>2023</v>
      </c>
      <c r="F17373">
        <v>2023</v>
      </c>
      <c r="G17373" t="s">
        <v>15</v>
      </c>
      <c r="H17373" t="s">
        <v>14</v>
      </c>
      <c r="I17373" t="s">
        <v>135</v>
      </c>
      <c r="J17373">
        <v>0.28883816200000001</v>
      </c>
    </row>
    <row r="17374" spans="1:10" x14ac:dyDescent="0.35">
      <c r="A17374" t="s">
        <v>28</v>
      </c>
      <c r="B17374" t="s">
        <v>44</v>
      </c>
      <c r="C17374" t="s">
        <v>99</v>
      </c>
      <c r="D17374" t="s">
        <v>100</v>
      </c>
      <c r="E17374">
        <v>2023</v>
      </c>
      <c r="F17374">
        <v>2023</v>
      </c>
      <c r="G17374" t="s">
        <v>15</v>
      </c>
      <c r="H17374" t="s">
        <v>14</v>
      </c>
      <c r="I17374" t="s">
        <v>136</v>
      </c>
      <c r="J17374">
        <v>0.113304454</v>
      </c>
    </row>
    <row r="17375" spans="1:10" x14ac:dyDescent="0.35">
      <c r="A17375" t="s">
        <v>10</v>
      </c>
      <c r="B17375" t="s">
        <v>45</v>
      </c>
      <c r="C17375" t="s">
        <v>99</v>
      </c>
      <c r="D17375" t="s">
        <v>100</v>
      </c>
      <c r="E17375">
        <v>2023</v>
      </c>
      <c r="F17375">
        <v>2023</v>
      </c>
      <c r="G17375" t="s">
        <v>15</v>
      </c>
      <c r="H17375" t="s">
        <v>14</v>
      </c>
      <c r="I17375" t="s">
        <v>134</v>
      </c>
      <c r="J17375">
        <v>0.71051427599999994</v>
      </c>
    </row>
    <row r="17376" spans="1:10" x14ac:dyDescent="0.35">
      <c r="A17376" t="s">
        <v>10</v>
      </c>
      <c r="B17376" t="s">
        <v>45</v>
      </c>
      <c r="C17376" t="s">
        <v>99</v>
      </c>
      <c r="D17376" t="s">
        <v>100</v>
      </c>
      <c r="E17376">
        <v>2023</v>
      </c>
      <c r="F17376">
        <v>2023</v>
      </c>
      <c r="G17376" t="s">
        <v>15</v>
      </c>
      <c r="H17376" t="s">
        <v>14</v>
      </c>
      <c r="I17376" t="s">
        <v>135</v>
      </c>
      <c r="J17376">
        <v>0.22462929600000001</v>
      </c>
    </row>
    <row r="17377" spans="1:10" x14ac:dyDescent="0.35">
      <c r="A17377" t="s">
        <v>10</v>
      </c>
      <c r="B17377" t="s">
        <v>45</v>
      </c>
      <c r="C17377" t="s">
        <v>99</v>
      </c>
      <c r="D17377" t="s">
        <v>100</v>
      </c>
      <c r="E17377">
        <v>2023</v>
      </c>
      <c r="F17377">
        <v>2023</v>
      </c>
      <c r="G17377" t="s">
        <v>15</v>
      </c>
      <c r="H17377" t="s">
        <v>14</v>
      </c>
      <c r="I17377" t="s">
        <v>136</v>
      </c>
      <c r="J17377">
        <v>6.4856427999999994E-2</v>
      </c>
    </row>
    <row r="17378" spans="1:10" x14ac:dyDescent="0.35">
      <c r="A17378" t="s">
        <v>10</v>
      </c>
      <c r="B17378" t="s">
        <v>46</v>
      </c>
      <c r="C17378" t="s">
        <v>99</v>
      </c>
      <c r="D17378" t="s">
        <v>100</v>
      </c>
      <c r="E17378">
        <v>2023</v>
      </c>
      <c r="F17378">
        <v>2023</v>
      </c>
      <c r="G17378" t="s">
        <v>15</v>
      </c>
      <c r="H17378" t="s">
        <v>14</v>
      </c>
      <c r="I17378" t="s">
        <v>134</v>
      </c>
      <c r="J17378">
        <v>0.73544097399999997</v>
      </c>
    </row>
    <row r="17379" spans="1:10" x14ac:dyDescent="0.35">
      <c r="A17379" t="s">
        <v>10</v>
      </c>
      <c r="B17379" t="s">
        <v>46</v>
      </c>
      <c r="C17379" t="s">
        <v>99</v>
      </c>
      <c r="D17379" t="s">
        <v>100</v>
      </c>
      <c r="E17379">
        <v>2023</v>
      </c>
      <c r="F17379">
        <v>2023</v>
      </c>
      <c r="G17379" t="s">
        <v>15</v>
      </c>
      <c r="H17379" t="s">
        <v>14</v>
      </c>
      <c r="I17379" t="s">
        <v>135</v>
      </c>
      <c r="J17379">
        <v>0.23037142699999999</v>
      </c>
    </row>
    <row r="17380" spans="1:10" x14ac:dyDescent="0.35">
      <c r="A17380" t="s">
        <v>10</v>
      </c>
      <c r="B17380" t="s">
        <v>46</v>
      </c>
      <c r="C17380" t="s">
        <v>99</v>
      </c>
      <c r="D17380" t="s">
        <v>100</v>
      </c>
      <c r="E17380">
        <v>2023</v>
      </c>
      <c r="F17380">
        <v>2023</v>
      </c>
      <c r="G17380" t="s">
        <v>15</v>
      </c>
      <c r="H17380" t="s">
        <v>14</v>
      </c>
      <c r="I17380" t="s">
        <v>136</v>
      </c>
      <c r="J17380">
        <v>3.4187598999999999E-2</v>
      </c>
    </row>
    <row r="17381" spans="1:10" x14ac:dyDescent="0.35">
      <c r="A17381" t="s">
        <v>33</v>
      </c>
      <c r="B17381" t="s">
        <v>47</v>
      </c>
      <c r="C17381" t="s">
        <v>99</v>
      </c>
      <c r="D17381" t="s">
        <v>100</v>
      </c>
      <c r="E17381">
        <v>2023</v>
      </c>
      <c r="F17381">
        <v>2023</v>
      </c>
      <c r="G17381" t="s">
        <v>15</v>
      </c>
      <c r="H17381" t="s">
        <v>14</v>
      </c>
      <c r="I17381" t="s">
        <v>134</v>
      </c>
      <c r="J17381">
        <v>0.50819146400000004</v>
      </c>
    </row>
    <row r="17382" spans="1:10" x14ac:dyDescent="0.35">
      <c r="A17382" t="s">
        <v>33</v>
      </c>
      <c r="B17382" t="s">
        <v>47</v>
      </c>
      <c r="C17382" t="s">
        <v>99</v>
      </c>
      <c r="D17382" t="s">
        <v>100</v>
      </c>
      <c r="E17382">
        <v>2023</v>
      </c>
      <c r="F17382">
        <v>2023</v>
      </c>
      <c r="G17382" t="s">
        <v>15</v>
      </c>
      <c r="H17382" t="s">
        <v>14</v>
      </c>
      <c r="I17382" t="s">
        <v>135</v>
      </c>
      <c r="J17382">
        <v>0.31285244699999998</v>
      </c>
    </row>
    <row r="17383" spans="1:10" x14ac:dyDescent="0.35">
      <c r="A17383" t="s">
        <v>33</v>
      </c>
      <c r="B17383" t="s">
        <v>47</v>
      </c>
      <c r="C17383" t="s">
        <v>99</v>
      </c>
      <c r="D17383" t="s">
        <v>100</v>
      </c>
      <c r="E17383">
        <v>2023</v>
      </c>
      <c r="F17383">
        <v>2023</v>
      </c>
      <c r="G17383" t="s">
        <v>15</v>
      </c>
      <c r="H17383" t="s">
        <v>14</v>
      </c>
      <c r="I17383" t="s">
        <v>136</v>
      </c>
      <c r="J17383">
        <v>0.17895608900000001</v>
      </c>
    </row>
    <row r="17384" spans="1:10" x14ac:dyDescent="0.35">
      <c r="A17384" t="s">
        <v>20</v>
      </c>
      <c r="B17384" t="s">
        <v>48</v>
      </c>
      <c r="C17384" t="s">
        <v>99</v>
      </c>
      <c r="D17384" t="s">
        <v>100</v>
      </c>
      <c r="E17384">
        <v>2023</v>
      </c>
      <c r="F17384">
        <v>2023</v>
      </c>
      <c r="G17384" t="s">
        <v>15</v>
      </c>
      <c r="H17384" t="s">
        <v>14</v>
      </c>
      <c r="I17384" t="s">
        <v>134</v>
      </c>
      <c r="J17384">
        <v>0.58503808099999999</v>
      </c>
    </row>
    <row r="17385" spans="1:10" x14ac:dyDescent="0.35">
      <c r="A17385" t="s">
        <v>20</v>
      </c>
      <c r="B17385" t="s">
        <v>48</v>
      </c>
      <c r="C17385" t="s">
        <v>99</v>
      </c>
      <c r="D17385" t="s">
        <v>100</v>
      </c>
      <c r="E17385">
        <v>2023</v>
      </c>
      <c r="F17385">
        <v>2023</v>
      </c>
      <c r="G17385" t="s">
        <v>15</v>
      </c>
      <c r="H17385" t="s">
        <v>14</v>
      </c>
      <c r="I17385" t="s">
        <v>135</v>
      </c>
      <c r="J17385">
        <v>0.26097579999999998</v>
      </c>
    </row>
    <row r="17386" spans="1:10" x14ac:dyDescent="0.35">
      <c r="A17386" t="s">
        <v>20</v>
      </c>
      <c r="B17386" t="s">
        <v>48</v>
      </c>
      <c r="C17386" t="s">
        <v>99</v>
      </c>
      <c r="D17386" t="s">
        <v>100</v>
      </c>
      <c r="E17386">
        <v>2023</v>
      </c>
      <c r="F17386">
        <v>2023</v>
      </c>
      <c r="G17386" t="s">
        <v>15</v>
      </c>
      <c r="H17386" t="s">
        <v>14</v>
      </c>
      <c r="I17386" t="s">
        <v>136</v>
      </c>
      <c r="J17386">
        <v>0.153986119</v>
      </c>
    </row>
    <row r="17387" spans="1:10" x14ac:dyDescent="0.35">
      <c r="A17387" t="s">
        <v>28</v>
      </c>
      <c r="B17387" t="s">
        <v>49</v>
      </c>
      <c r="C17387" t="s">
        <v>99</v>
      </c>
      <c r="D17387" t="s">
        <v>100</v>
      </c>
      <c r="E17387">
        <v>2023</v>
      </c>
      <c r="F17387">
        <v>2023</v>
      </c>
      <c r="G17387" t="s">
        <v>15</v>
      </c>
      <c r="H17387" t="s">
        <v>14</v>
      </c>
      <c r="I17387" t="s">
        <v>134</v>
      </c>
      <c r="J17387">
        <v>0.46220535800000001</v>
      </c>
    </row>
    <row r="17388" spans="1:10" x14ac:dyDescent="0.35">
      <c r="A17388" t="s">
        <v>28</v>
      </c>
      <c r="B17388" t="s">
        <v>49</v>
      </c>
      <c r="C17388" t="s">
        <v>99</v>
      </c>
      <c r="D17388" t="s">
        <v>100</v>
      </c>
      <c r="E17388">
        <v>2023</v>
      </c>
      <c r="F17388">
        <v>2023</v>
      </c>
      <c r="G17388" t="s">
        <v>15</v>
      </c>
      <c r="H17388" t="s">
        <v>14</v>
      </c>
      <c r="I17388" t="s">
        <v>135</v>
      </c>
      <c r="J17388">
        <v>0.26624616800000001</v>
      </c>
    </row>
    <row r="17389" spans="1:10" x14ac:dyDescent="0.35">
      <c r="A17389" t="s">
        <v>28</v>
      </c>
      <c r="B17389" t="s">
        <v>49</v>
      </c>
      <c r="C17389" t="s">
        <v>99</v>
      </c>
      <c r="D17389" t="s">
        <v>100</v>
      </c>
      <c r="E17389">
        <v>2023</v>
      </c>
      <c r="F17389">
        <v>2023</v>
      </c>
      <c r="G17389" t="s">
        <v>15</v>
      </c>
      <c r="H17389" t="s">
        <v>14</v>
      </c>
      <c r="I17389" t="s">
        <v>136</v>
      </c>
      <c r="J17389">
        <v>0.27154847500000001</v>
      </c>
    </row>
    <row r="17390" spans="1:10" x14ac:dyDescent="0.35">
      <c r="A17390" t="s">
        <v>35</v>
      </c>
      <c r="B17390" t="s">
        <v>50</v>
      </c>
      <c r="C17390" t="s">
        <v>99</v>
      </c>
      <c r="D17390" t="s">
        <v>100</v>
      </c>
      <c r="E17390">
        <v>2023</v>
      </c>
      <c r="F17390">
        <v>2023</v>
      </c>
      <c r="G17390" t="s">
        <v>15</v>
      </c>
      <c r="H17390" t="s">
        <v>14</v>
      </c>
      <c r="I17390" t="s">
        <v>134</v>
      </c>
      <c r="J17390">
        <v>0.13977836699999999</v>
      </c>
    </row>
    <row r="17391" spans="1:10" x14ac:dyDescent="0.35">
      <c r="A17391" t="s">
        <v>35</v>
      </c>
      <c r="B17391" t="s">
        <v>50</v>
      </c>
      <c r="C17391" t="s">
        <v>99</v>
      </c>
      <c r="D17391" t="s">
        <v>100</v>
      </c>
      <c r="E17391">
        <v>2023</v>
      </c>
      <c r="F17391">
        <v>2023</v>
      </c>
      <c r="G17391" t="s">
        <v>15</v>
      </c>
      <c r="H17391" t="s">
        <v>14</v>
      </c>
      <c r="I17391" t="s">
        <v>135</v>
      </c>
      <c r="J17391">
        <v>0.40883132799999999</v>
      </c>
    </row>
    <row r="17392" spans="1:10" x14ac:dyDescent="0.35">
      <c r="A17392" t="s">
        <v>35</v>
      </c>
      <c r="B17392" t="s">
        <v>50</v>
      </c>
      <c r="C17392" t="s">
        <v>99</v>
      </c>
      <c r="D17392" t="s">
        <v>100</v>
      </c>
      <c r="E17392">
        <v>2023</v>
      </c>
      <c r="F17392">
        <v>2023</v>
      </c>
      <c r="G17392" t="s">
        <v>15</v>
      </c>
      <c r="H17392" t="s">
        <v>14</v>
      </c>
      <c r="I17392" t="s">
        <v>136</v>
      </c>
      <c r="J17392">
        <v>0.45139030499999999</v>
      </c>
    </row>
    <row r="17393" spans="1:10" x14ac:dyDescent="0.35">
      <c r="A17393" t="s">
        <v>22</v>
      </c>
      <c r="B17393" t="s">
        <v>51</v>
      </c>
      <c r="C17393" t="s">
        <v>99</v>
      </c>
      <c r="D17393" t="s">
        <v>100</v>
      </c>
      <c r="E17393">
        <v>2023</v>
      </c>
      <c r="F17393">
        <v>2023</v>
      </c>
      <c r="G17393" t="s">
        <v>15</v>
      </c>
      <c r="H17393" t="s">
        <v>14</v>
      </c>
      <c r="I17393" t="s">
        <v>134</v>
      </c>
      <c r="J17393">
        <v>0.41040417000000001</v>
      </c>
    </row>
    <row r="17394" spans="1:10" x14ac:dyDescent="0.35">
      <c r="A17394" t="s">
        <v>22</v>
      </c>
      <c r="B17394" t="s">
        <v>51</v>
      </c>
      <c r="C17394" t="s">
        <v>99</v>
      </c>
      <c r="D17394" t="s">
        <v>100</v>
      </c>
      <c r="E17394">
        <v>2023</v>
      </c>
      <c r="F17394">
        <v>2023</v>
      </c>
      <c r="G17394" t="s">
        <v>15</v>
      </c>
      <c r="H17394" t="s">
        <v>14</v>
      </c>
      <c r="I17394" t="s">
        <v>135</v>
      </c>
      <c r="J17394">
        <v>0.35743927599999997</v>
      </c>
    </row>
    <row r="17395" spans="1:10" x14ac:dyDescent="0.35">
      <c r="A17395" t="s">
        <v>22</v>
      </c>
      <c r="B17395" t="s">
        <v>51</v>
      </c>
      <c r="C17395" t="s">
        <v>99</v>
      </c>
      <c r="D17395" t="s">
        <v>100</v>
      </c>
      <c r="E17395">
        <v>2023</v>
      </c>
      <c r="F17395">
        <v>2023</v>
      </c>
      <c r="G17395" t="s">
        <v>15</v>
      </c>
      <c r="H17395" t="s">
        <v>14</v>
      </c>
      <c r="I17395" t="s">
        <v>136</v>
      </c>
      <c r="J17395">
        <v>0.23215655399999999</v>
      </c>
    </row>
    <row r="17396" spans="1:10" x14ac:dyDescent="0.35">
      <c r="A17396" t="s">
        <v>22</v>
      </c>
      <c r="B17396" t="s">
        <v>52</v>
      </c>
      <c r="C17396" t="s">
        <v>99</v>
      </c>
      <c r="D17396" t="s">
        <v>100</v>
      </c>
      <c r="E17396">
        <v>2023</v>
      </c>
      <c r="F17396">
        <v>2023</v>
      </c>
      <c r="G17396" t="s">
        <v>15</v>
      </c>
      <c r="H17396" t="s">
        <v>14</v>
      </c>
      <c r="I17396" t="s">
        <v>134</v>
      </c>
      <c r="J17396">
        <v>0.54613032900000003</v>
      </c>
    </row>
    <row r="17397" spans="1:10" x14ac:dyDescent="0.35">
      <c r="A17397" t="s">
        <v>22</v>
      </c>
      <c r="B17397" t="s">
        <v>52</v>
      </c>
      <c r="C17397" t="s">
        <v>99</v>
      </c>
      <c r="D17397" t="s">
        <v>100</v>
      </c>
      <c r="E17397">
        <v>2023</v>
      </c>
      <c r="F17397">
        <v>2023</v>
      </c>
      <c r="G17397" t="s">
        <v>15</v>
      </c>
      <c r="H17397" t="s">
        <v>14</v>
      </c>
      <c r="I17397" t="s">
        <v>135</v>
      </c>
      <c r="J17397">
        <v>0.306055784</v>
      </c>
    </row>
    <row r="17398" spans="1:10" x14ac:dyDescent="0.35">
      <c r="A17398" t="s">
        <v>22</v>
      </c>
      <c r="B17398" t="s">
        <v>52</v>
      </c>
      <c r="C17398" t="s">
        <v>99</v>
      </c>
      <c r="D17398" t="s">
        <v>100</v>
      </c>
      <c r="E17398">
        <v>2023</v>
      </c>
      <c r="F17398">
        <v>2023</v>
      </c>
      <c r="G17398" t="s">
        <v>15</v>
      </c>
      <c r="H17398" t="s">
        <v>14</v>
      </c>
      <c r="I17398" t="s">
        <v>136</v>
      </c>
      <c r="J17398">
        <v>0.147813887</v>
      </c>
    </row>
    <row r="17399" spans="1:10" x14ac:dyDescent="0.35">
      <c r="A17399" t="s">
        <v>22</v>
      </c>
      <c r="B17399" t="s">
        <v>53</v>
      </c>
      <c r="C17399" t="s">
        <v>99</v>
      </c>
      <c r="D17399" t="s">
        <v>100</v>
      </c>
      <c r="E17399">
        <v>2023</v>
      </c>
      <c r="F17399">
        <v>2023</v>
      </c>
      <c r="G17399" t="s">
        <v>15</v>
      </c>
      <c r="H17399" t="s">
        <v>14</v>
      </c>
      <c r="I17399" t="s">
        <v>134</v>
      </c>
      <c r="J17399">
        <v>0.55009630300000001</v>
      </c>
    </row>
    <row r="17400" spans="1:10" x14ac:dyDescent="0.35">
      <c r="A17400" t="s">
        <v>22</v>
      </c>
      <c r="B17400" t="s">
        <v>53</v>
      </c>
      <c r="C17400" t="s">
        <v>99</v>
      </c>
      <c r="D17400" t="s">
        <v>100</v>
      </c>
      <c r="E17400">
        <v>2023</v>
      </c>
      <c r="F17400">
        <v>2023</v>
      </c>
      <c r="G17400" t="s">
        <v>15</v>
      </c>
      <c r="H17400" t="s">
        <v>14</v>
      </c>
      <c r="I17400" t="s">
        <v>135</v>
      </c>
      <c r="J17400">
        <v>0.35380867900000001</v>
      </c>
    </row>
    <row r="17401" spans="1:10" x14ac:dyDescent="0.35">
      <c r="A17401" t="s">
        <v>22</v>
      </c>
      <c r="B17401" t="s">
        <v>53</v>
      </c>
      <c r="C17401" t="s">
        <v>99</v>
      </c>
      <c r="D17401" t="s">
        <v>100</v>
      </c>
      <c r="E17401">
        <v>2023</v>
      </c>
      <c r="F17401">
        <v>2023</v>
      </c>
      <c r="G17401" t="s">
        <v>15</v>
      </c>
      <c r="H17401" t="s">
        <v>14</v>
      </c>
      <c r="I17401" t="s">
        <v>136</v>
      </c>
      <c r="J17401">
        <v>9.6095019000000004E-2</v>
      </c>
    </row>
    <row r="17402" spans="1:10" x14ac:dyDescent="0.35">
      <c r="A17402" t="s">
        <v>22</v>
      </c>
      <c r="B17402" t="s">
        <v>54</v>
      </c>
      <c r="C17402" t="s">
        <v>99</v>
      </c>
      <c r="D17402" t="s">
        <v>100</v>
      </c>
      <c r="E17402">
        <v>2023</v>
      </c>
      <c r="F17402">
        <v>2023</v>
      </c>
      <c r="G17402" t="s">
        <v>15</v>
      </c>
      <c r="H17402" t="s">
        <v>14</v>
      </c>
      <c r="I17402" t="s">
        <v>134</v>
      </c>
      <c r="J17402">
        <v>0.53789858899999998</v>
      </c>
    </row>
    <row r="17403" spans="1:10" x14ac:dyDescent="0.35">
      <c r="A17403" t="s">
        <v>22</v>
      </c>
      <c r="B17403" t="s">
        <v>54</v>
      </c>
      <c r="C17403" t="s">
        <v>99</v>
      </c>
      <c r="D17403" t="s">
        <v>100</v>
      </c>
      <c r="E17403">
        <v>2023</v>
      </c>
      <c r="F17403">
        <v>2023</v>
      </c>
      <c r="G17403" t="s">
        <v>15</v>
      </c>
      <c r="H17403" t="s">
        <v>14</v>
      </c>
      <c r="I17403" t="s">
        <v>135</v>
      </c>
      <c r="J17403">
        <v>0.23929836800000001</v>
      </c>
    </row>
    <row r="17404" spans="1:10" x14ac:dyDescent="0.35">
      <c r="A17404" t="s">
        <v>22</v>
      </c>
      <c r="B17404" t="s">
        <v>54</v>
      </c>
      <c r="C17404" t="s">
        <v>99</v>
      </c>
      <c r="D17404" t="s">
        <v>100</v>
      </c>
      <c r="E17404">
        <v>2023</v>
      </c>
      <c r="F17404">
        <v>2023</v>
      </c>
      <c r="G17404" t="s">
        <v>15</v>
      </c>
      <c r="H17404" t="s">
        <v>14</v>
      </c>
      <c r="I17404" t="s">
        <v>136</v>
      </c>
      <c r="J17404">
        <v>0.22280304400000001</v>
      </c>
    </row>
    <row r="17405" spans="1:10" x14ac:dyDescent="0.35">
      <c r="A17405" t="s">
        <v>22</v>
      </c>
      <c r="B17405" t="s">
        <v>55</v>
      </c>
      <c r="C17405" t="s">
        <v>99</v>
      </c>
      <c r="D17405" t="s">
        <v>100</v>
      </c>
      <c r="E17405">
        <v>2023</v>
      </c>
      <c r="F17405">
        <v>2023</v>
      </c>
      <c r="G17405" t="s">
        <v>15</v>
      </c>
      <c r="H17405" t="s">
        <v>14</v>
      </c>
      <c r="I17405" t="s">
        <v>134</v>
      </c>
      <c r="J17405">
        <v>0.32547266200000002</v>
      </c>
    </row>
    <row r="17406" spans="1:10" x14ac:dyDescent="0.35">
      <c r="A17406" t="s">
        <v>22</v>
      </c>
      <c r="B17406" t="s">
        <v>55</v>
      </c>
      <c r="C17406" t="s">
        <v>99</v>
      </c>
      <c r="D17406" t="s">
        <v>100</v>
      </c>
      <c r="E17406">
        <v>2023</v>
      </c>
      <c r="F17406">
        <v>2023</v>
      </c>
      <c r="G17406" t="s">
        <v>15</v>
      </c>
      <c r="H17406" t="s">
        <v>14</v>
      </c>
      <c r="I17406" t="s">
        <v>135</v>
      </c>
      <c r="J17406">
        <v>0.366632601</v>
      </c>
    </row>
    <row r="17407" spans="1:10" x14ac:dyDescent="0.35">
      <c r="A17407" t="s">
        <v>22</v>
      </c>
      <c r="B17407" t="s">
        <v>55</v>
      </c>
      <c r="C17407" t="s">
        <v>99</v>
      </c>
      <c r="D17407" t="s">
        <v>100</v>
      </c>
      <c r="E17407">
        <v>2023</v>
      </c>
      <c r="F17407">
        <v>2023</v>
      </c>
      <c r="G17407" t="s">
        <v>15</v>
      </c>
      <c r="H17407" t="s">
        <v>14</v>
      </c>
      <c r="I17407" t="s">
        <v>136</v>
      </c>
      <c r="J17407">
        <v>0.30789473699999997</v>
      </c>
    </row>
    <row r="17408" spans="1:10" x14ac:dyDescent="0.35">
      <c r="A17408" t="s">
        <v>22</v>
      </c>
      <c r="B17408" t="s">
        <v>56</v>
      </c>
      <c r="C17408" t="s">
        <v>99</v>
      </c>
      <c r="D17408" t="s">
        <v>100</v>
      </c>
      <c r="E17408">
        <v>2023</v>
      </c>
      <c r="F17408">
        <v>2023</v>
      </c>
      <c r="G17408" t="s">
        <v>15</v>
      </c>
      <c r="H17408" t="s">
        <v>14</v>
      </c>
      <c r="I17408" t="s">
        <v>134</v>
      </c>
      <c r="J17408">
        <v>0.34004916499999999</v>
      </c>
    </row>
    <row r="17409" spans="1:10" x14ac:dyDescent="0.35">
      <c r="A17409" t="s">
        <v>22</v>
      </c>
      <c r="B17409" t="s">
        <v>56</v>
      </c>
      <c r="C17409" t="s">
        <v>99</v>
      </c>
      <c r="D17409" t="s">
        <v>100</v>
      </c>
      <c r="E17409">
        <v>2023</v>
      </c>
      <c r="F17409">
        <v>2023</v>
      </c>
      <c r="G17409" t="s">
        <v>15</v>
      </c>
      <c r="H17409" t="s">
        <v>14</v>
      </c>
      <c r="I17409" t="s">
        <v>135</v>
      </c>
      <c r="J17409">
        <v>0.36308573500000002</v>
      </c>
    </row>
    <row r="17410" spans="1:10" x14ac:dyDescent="0.35">
      <c r="A17410" t="s">
        <v>22</v>
      </c>
      <c r="B17410" t="s">
        <v>56</v>
      </c>
      <c r="C17410" t="s">
        <v>99</v>
      </c>
      <c r="D17410" t="s">
        <v>100</v>
      </c>
      <c r="E17410">
        <v>2023</v>
      </c>
      <c r="F17410">
        <v>2023</v>
      </c>
      <c r="G17410" t="s">
        <v>15</v>
      </c>
      <c r="H17410" t="s">
        <v>14</v>
      </c>
      <c r="I17410" t="s">
        <v>136</v>
      </c>
      <c r="J17410">
        <v>0.29686509999999999</v>
      </c>
    </row>
    <row r="17411" spans="1:10" x14ac:dyDescent="0.35">
      <c r="A17411" t="s">
        <v>26</v>
      </c>
      <c r="B17411" t="s">
        <v>57</v>
      </c>
      <c r="C17411" t="s">
        <v>99</v>
      </c>
      <c r="D17411" t="s">
        <v>100</v>
      </c>
      <c r="E17411">
        <v>2023</v>
      </c>
      <c r="F17411">
        <v>2023</v>
      </c>
      <c r="G17411" t="s">
        <v>15</v>
      </c>
      <c r="H17411" t="s">
        <v>14</v>
      </c>
      <c r="I17411" t="s">
        <v>134</v>
      </c>
      <c r="J17411">
        <v>0.76918496999999997</v>
      </c>
    </row>
    <row r="17412" spans="1:10" x14ac:dyDescent="0.35">
      <c r="A17412" t="s">
        <v>26</v>
      </c>
      <c r="B17412" t="s">
        <v>57</v>
      </c>
      <c r="C17412" t="s">
        <v>99</v>
      </c>
      <c r="D17412" t="s">
        <v>100</v>
      </c>
      <c r="E17412">
        <v>2023</v>
      </c>
      <c r="F17412">
        <v>2023</v>
      </c>
      <c r="G17412" t="s">
        <v>15</v>
      </c>
      <c r="H17412" t="s">
        <v>14</v>
      </c>
      <c r="I17412" t="s">
        <v>135</v>
      </c>
      <c r="J17412">
        <v>0.21533474499999999</v>
      </c>
    </row>
    <row r="17413" spans="1:10" x14ac:dyDescent="0.35">
      <c r="A17413" t="s">
        <v>26</v>
      </c>
      <c r="B17413" t="s">
        <v>57</v>
      </c>
      <c r="C17413" t="s">
        <v>99</v>
      </c>
      <c r="D17413" t="s">
        <v>100</v>
      </c>
      <c r="E17413">
        <v>2023</v>
      </c>
      <c r="F17413">
        <v>2023</v>
      </c>
      <c r="G17413" t="s">
        <v>15</v>
      </c>
      <c r="H17413" t="s">
        <v>14</v>
      </c>
      <c r="I17413" t="s">
        <v>136</v>
      </c>
      <c r="J17413">
        <v>1.5480285999999999E-2</v>
      </c>
    </row>
    <row r="17414" spans="1:10" x14ac:dyDescent="0.35">
      <c r="A17414" t="s">
        <v>28</v>
      </c>
      <c r="B17414" t="s">
        <v>58</v>
      </c>
      <c r="C17414" t="s">
        <v>99</v>
      </c>
      <c r="D17414" t="s">
        <v>100</v>
      </c>
      <c r="E17414">
        <v>2023</v>
      </c>
      <c r="F17414">
        <v>2023</v>
      </c>
      <c r="G17414" t="s">
        <v>15</v>
      </c>
      <c r="H17414" t="s">
        <v>14</v>
      </c>
      <c r="I17414" t="s">
        <v>134</v>
      </c>
      <c r="J17414">
        <v>0.65849353200000005</v>
      </c>
    </row>
    <row r="17415" spans="1:10" x14ac:dyDescent="0.35">
      <c r="A17415" t="s">
        <v>28</v>
      </c>
      <c r="B17415" t="s">
        <v>58</v>
      </c>
      <c r="C17415" t="s">
        <v>99</v>
      </c>
      <c r="D17415" t="s">
        <v>100</v>
      </c>
      <c r="E17415">
        <v>2023</v>
      </c>
      <c r="F17415">
        <v>2023</v>
      </c>
      <c r="G17415" t="s">
        <v>15</v>
      </c>
      <c r="H17415" t="s">
        <v>14</v>
      </c>
      <c r="I17415" t="s">
        <v>135</v>
      </c>
      <c r="J17415">
        <v>0.206084342</v>
      </c>
    </row>
    <row r="17416" spans="1:10" x14ac:dyDescent="0.35">
      <c r="A17416" t="s">
        <v>28</v>
      </c>
      <c r="B17416" t="s">
        <v>58</v>
      </c>
      <c r="C17416" t="s">
        <v>99</v>
      </c>
      <c r="D17416" t="s">
        <v>100</v>
      </c>
      <c r="E17416">
        <v>2023</v>
      </c>
      <c r="F17416">
        <v>2023</v>
      </c>
      <c r="G17416" t="s">
        <v>15</v>
      </c>
      <c r="H17416" t="s">
        <v>14</v>
      </c>
      <c r="I17416" t="s">
        <v>136</v>
      </c>
      <c r="J17416">
        <v>0.135422125</v>
      </c>
    </row>
    <row r="17417" spans="1:10" x14ac:dyDescent="0.35">
      <c r="A17417" t="s">
        <v>20</v>
      </c>
      <c r="B17417" t="s">
        <v>59</v>
      </c>
      <c r="C17417" t="s">
        <v>99</v>
      </c>
      <c r="D17417" t="s">
        <v>100</v>
      </c>
      <c r="E17417">
        <v>2023</v>
      </c>
      <c r="F17417">
        <v>2023</v>
      </c>
      <c r="G17417" t="s">
        <v>15</v>
      </c>
      <c r="H17417" t="s">
        <v>14</v>
      </c>
      <c r="I17417" t="s">
        <v>134</v>
      </c>
      <c r="J17417">
        <v>0.62321914899999997</v>
      </c>
    </row>
    <row r="17418" spans="1:10" x14ac:dyDescent="0.35">
      <c r="A17418" t="s">
        <v>20</v>
      </c>
      <c r="B17418" t="s">
        <v>59</v>
      </c>
      <c r="C17418" t="s">
        <v>99</v>
      </c>
      <c r="D17418" t="s">
        <v>100</v>
      </c>
      <c r="E17418">
        <v>2023</v>
      </c>
      <c r="F17418">
        <v>2023</v>
      </c>
      <c r="G17418" t="s">
        <v>15</v>
      </c>
      <c r="H17418" t="s">
        <v>14</v>
      </c>
      <c r="I17418" t="s">
        <v>135</v>
      </c>
      <c r="J17418">
        <v>0.260397025</v>
      </c>
    </row>
    <row r="17419" spans="1:10" x14ac:dyDescent="0.35">
      <c r="A17419" t="s">
        <v>20</v>
      </c>
      <c r="B17419" t="s">
        <v>59</v>
      </c>
      <c r="C17419" t="s">
        <v>99</v>
      </c>
      <c r="D17419" t="s">
        <v>100</v>
      </c>
      <c r="E17419">
        <v>2023</v>
      </c>
      <c r="F17419">
        <v>2023</v>
      </c>
      <c r="G17419" t="s">
        <v>15</v>
      </c>
      <c r="H17419" t="s">
        <v>14</v>
      </c>
      <c r="I17419" t="s">
        <v>136</v>
      </c>
      <c r="J17419">
        <v>0.116383826</v>
      </c>
    </row>
    <row r="17420" spans="1:10" x14ac:dyDescent="0.35">
      <c r="A17420" t="s">
        <v>20</v>
      </c>
      <c r="B17420" t="s">
        <v>60</v>
      </c>
      <c r="C17420" t="s">
        <v>99</v>
      </c>
      <c r="D17420" t="s">
        <v>100</v>
      </c>
      <c r="E17420">
        <v>2023</v>
      </c>
      <c r="F17420">
        <v>2023</v>
      </c>
      <c r="G17420" t="s">
        <v>15</v>
      </c>
      <c r="H17420" t="s">
        <v>14</v>
      </c>
      <c r="I17420" t="s">
        <v>134</v>
      </c>
      <c r="J17420">
        <v>0.648567432</v>
      </c>
    </row>
    <row r="17421" spans="1:10" x14ac:dyDescent="0.35">
      <c r="A17421" t="s">
        <v>20</v>
      </c>
      <c r="B17421" t="s">
        <v>60</v>
      </c>
      <c r="C17421" t="s">
        <v>99</v>
      </c>
      <c r="D17421" t="s">
        <v>100</v>
      </c>
      <c r="E17421">
        <v>2023</v>
      </c>
      <c r="F17421">
        <v>2023</v>
      </c>
      <c r="G17421" t="s">
        <v>15</v>
      </c>
      <c r="H17421" t="s">
        <v>14</v>
      </c>
      <c r="I17421" t="s">
        <v>135</v>
      </c>
      <c r="J17421">
        <v>0.226931247</v>
      </c>
    </row>
    <row r="17422" spans="1:10" x14ac:dyDescent="0.35">
      <c r="A17422" t="s">
        <v>20</v>
      </c>
      <c r="B17422" t="s">
        <v>60</v>
      </c>
      <c r="C17422" t="s">
        <v>99</v>
      </c>
      <c r="D17422" t="s">
        <v>100</v>
      </c>
      <c r="E17422">
        <v>2023</v>
      </c>
      <c r="F17422">
        <v>2023</v>
      </c>
      <c r="G17422" t="s">
        <v>15</v>
      </c>
      <c r="H17422" t="s">
        <v>14</v>
      </c>
      <c r="I17422" t="s">
        <v>136</v>
      </c>
      <c r="J17422">
        <v>0.124501321</v>
      </c>
    </row>
    <row r="17423" spans="1:10" x14ac:dyDescent="0.35">
      <c r="A17423" t="s">
        <v>28</v>
      </c>
      <c r="B17423" t="s">
        <v>61</v>
      </c>
      <c r="C17423" t="s">
        <v>99</v>
      </c>
      <c r="D17423" t="s">
        <v>100</v>
      </c>
      <c r="E17423">
        <v>2023</v>
      </c>
      <c r="F17423">
        <v>2023</v>
      </c>
      <c r="G17423" t="s">
        <v>15</v>
      </c>
      <c r="H17423" t="s">
        <v>14</v>
      </c>
      <c r="I17423" t="s">
        <v>134</v>
      </c>
      <c r="J17423">
        <v>0.61897837200000005</v>
      </c>
    </row>
    <row r="17424" spans="1:10" x14ac:dyDescent="0.35">
      <c r="A17424" t="s">
        <v>28</v>
      </c>
      <c r="B17424" t="s">
        <v>61</v>
      </c>
      <c r="C17424" t="s">
        <v>99</v>
      </c>
      <c r="D17424" t="s">
        <v>100</v>
      </c>
      <c r="E17424">
        <v>2023</v>
      </c>
      <c r="F17424">
        <v>2023</v>
      </c>
      <c r="G17424" t="s">
        <v>15</v>
      </c>
      <c r="H17424" t="s">
        <v>14</v>
      </c>
      <c r="I17424" t="s">
        <v>135</v>
      </c>
      <c r="J17424">
        <v>0.27290994699999999</v>
      </c>
    </row>
    <row r="17425" spans="1:10" x14ac:dyDescent="0.35">
      <c r="A17425" t="s">
        <v>28</v>
      </c>
      <c r="B17425" t="s">
        <v>61</v>
      </c>
      <c r="C17425" t="s">
        <v>99</v>
      </c>
      <c r="D17425" t="s">
        <v>100</v>
      </c>
      <c r="E17425">
        <v>2023</v>
      </c>
      <c r="F17425">
        <v>2023</v>
      </c>
      <c r="G17425" t="s">
        <v>15</v>
      </c>
      <c r="H17425" t="s">
        <v>14</v>
      </c>
      <c r="I17425" t="s">
        <v>136</v>
      </c>
      <c r="J17425">
        <v>0.108111681</v>
      </c>
    </row>
    <row r="17426" spans="1:10" x14ac:dyDescent="0.35">
      <c r="A17426" t="s">
        <v>62</v>
      </c>
      <c r="B17426" t="s">
        <v>63</v>
      </c>
      <c r="C17426" t="s">
        <v>99</v>
      </c>
      <c r="D17426" t="s">
        <v>100</v>
      </c>
      <c r="E17426">
        <v>2023</v>
      </c>
      <c r="F17426">
        <v>2023</v>
      </c>
      <c r="G17426" t="s">
        <v>15</v>
      </c>
      <c r="H17426" t="s">
        <v>14</v>
      </c>
      <c r="I17426" t="s">
        <v>134</v>
      </c>
      <c r="J17426">
        <v>0.62610607500000004</v>
      </c>
    </row>
    <row r="17427" spans="1:10" x14ac:dyDescent="0.35">
      <c r="A17427" t="s">
        <v>62</v>
      </c>
      <c r="B17427" t="s">
        <v>63</v>
      </c>
      <c r="C17427" t="s">
        <v>99</v>
      </c>
      <c r="D17427" t="s">
        <v>100</v>
      </c>
      <c r="E17427">
        <v>2023</v>
      </c>
      <c r="F17427">
        <v>2023</v>
      </c>
      <c r="G17427" t="s">
        <v>15</v>
      </c>
      <c r="H17427" t="s">
        <v>14</v>
      </c>
      <c r="I17427" t="s">
        <v>135</v>
      </c>
      <c r="J17427">
        <v>0.29558655900000003</v>
      </c>
    </row>
    <row r="17428" spans="1:10" x14ac:dyDescent="0.35">
      <c r="A17428" t="s">
        <v>62</v>
      </c>
      <c r="B17428" t="s">
        <v>63</v>
      </c>
      <c r="C17428" t="s">
        <v>99</v>
      </c>
      <c r="D17428" t="s">
        <v>100</v>
      </c>
      <c r="E17428">
        <v>2023</v>
      </c>
      <c r="F17428">
        <v>2023</v>
      </c>
      <c r="G17428" t="s">
        <v>15</v>
      </c>
      <c r="H17428" t="s">
        <v>14</v>
      </c>
      <c r="I17428" t="s">
        <v>136</v>
      </c>
      <c r="J17428">
        <v>7.8307367000000003E-2</v>
      </c>
    </row>
    <row r="17429" spans="1:10" x14ac:dyDescent="0.35">
      <c r="A17429" t="s">
        <v>62</v>
      </c>
      <c r="B17429" t="s">
        <v>64</v>
      </c>
      <c r="C17429" t="s">
        <v>99</v>
      </c>
      <c r="D17429" t="s">
        <v>100</v>
      </c>
      <c r="E17429">
        <v>2023</v>
      </c>
      <c r="F17429">
        <v>2023</v>
      </c>
      <c r="G17429" t="s">
        <v>15</v>
      </c>
      <c r="H17429" t="s">
        <v>14</v>
      </c>
      <c r="I17429" t="s">
        <v>134</v>
      </c>
      <c r="J17429">
        <v>0.67730258099999996</v>
      </c>
    </row>
    <row r="17430" spans="1:10" x14ac:dyDescent="0.35">
      <c r="A17430" t="s">
        <v>62</v>
      </c>
      <c r="B17430" t="s">
        <v>64</v>
      </c>
      <c r="C17430" t="s">
        <v>99</v>
      </c>
      <c r="D17430" t="s">
        <v>100</v>
      </c>
      <c r="E17430">
        <v>2023</v>
      </c>
      <c r="F17430">
        <v>2023</v>
      </c>
      <c r="G17430" t="s">
        <v>15</v>
      </c>
      <c r="H17430" t="s">
        <v>14</v>
      </c>
      <c r="I17430" t="s">
        <v>135</v>
      </c>
      <c r="J17430">
        <v>0.239851063</v>
      </c>
    </row>
    <row r="17431" spans="1:10" x14ac:dyDescent="0.35">
      <c r="A17431" t="s">
        <v>62</v>
      </c>
      <c r="B17431" t="s">
        <v>64</v>
      </c>
      <c r="C17431" t="s">
        <v>99</v>
      </c>
      <c r="D17431" t="s">
        <v>100</v>
      </c>
      <c r="E17431">
        <v>2023</v>
      </c>
      <c r="F17431">
        <v>2023</v>
      </c>
      <c r="G17431" t="s">
        <v>15</v>
      </c>
      <c r="H17431" t="s">
        <v>14</v>
      </c>
      <c r="I17431" t="s">
        <v>136</v>
      </c>
      <c r="J17431">
        <v>8.2846356999999995E-2</v>
      </c>
    </row>
    <row r="17432" spans="1:10" x14ac:dyDescent="0.35">
      <c r="A17432" t="s">
        <v>62</v>
      </c>
      <c r="B17432" t="s">
        <v>65</v>
      </c>
      <c r="C17432" t="s">
        <v>99</v>
      </c>
      <c r="D17432" t="s">
        <v>100</v>
      </c>
      <c r="E17432">
        <v>2023</v>
      </c>
      <c r="F17432">
        <v>2023</v>
      </c>
      <c r="G17432" t="s">
        <v>15</v>
      </c>
      <c r="H17432" t="s">
        <v>14</v>
      </c>
      <c r="I17432" t="s">
        <v>134</v>
      </c>
      <c r="J17432">
        <v>0.55667980900000003</v>
      </c>
    </row>
    <row r="17433" spans="1:10" x14ac:dyDescent="0.35">
      <c r="A17433" t="s">
        <v>62</v>
      </c>
      <c r="B17433" t="s">
        <v>65</v>
      </c>
      <c r="C17433" t="s">
        <v>99</v>
      </c>
      <c r="D17433" t="s">
        <v>100</v>
      </c>
      <c r="E17433">
        <v>2023</v>
      </c>
      <c r="F17433">
        <v>2023</v>
      </c>
      <c r="G17433" t="s">
        <v>15</v>
      </c>
      <c r="H17433" t="s">
        <v>14</v>
      </c>
      <c r="I17433" t="s">
        <v>135</v>
      </c>
      <c r="J17433">
        <v>0.32992568300000003</v>
      </c>
    </row>
    <row r="17434" spans="1:10" x14ac:dyDescent="0.35">
      <c r="A17434" t="s">
        <v>62</v>
      </c>
      <c r="B17434" t="s">
        <v>65</v>
      </c>
      <c r="C17434" t="s">
        <v>99</v>
      </c>
      <c r="D17434" t="s">
        <v>100</v>
      </c>
      <c r="E17434">
        <v>2023</v>
      </c>
      <c r="F17434">
        <v>2023</v>
      </c>
      <c r="G17434" t="s">
        <v>15</v>
      </c>
      <c r="H17434" t="s">
        <v>14</v>
      </c>
      <c r="I17434" t="s">
        <v>136</v>
      </c>
      <c r="J17434">
        <v>0.113394508</v>
      </c>
    </row>
    <row r="17435" spans="1:10" x14ac:dyDescent="0.35">
      <c r="A17435" t="s">
        <v>62</v>
      </c>
      <c r="B17435" t="s">
        <v>66</v>
      </c>
      <c r="C17435" t="s">
        <v>99</v>
      </c>
      <c r="D17435" t="s">
        <v>100</v>
      </c>
      <c r="E17435">
        <v>2023</v>
      </c>
      <c r="F17435">
        <v>2023</v>
      </c>
      <c r="G17435" t="s">
        <v>15</v>
      </c>
      <c r="H17435" t="s">
        <v>14</v>
      </c>
      <c r="I17435" t="s">
        <v>134</v>
      </c>
      <c r="J17435">
        <v>0.79876186100000002</v>
      </c>
    </row>
    <row r="17436" spans="1:10" x14ac:dyDescent="0.35">
      <c r="A17436" t="s">
        <v>62</v>
      </c>
      <c r="B17436" t="s">
        <v>66</v>
      </c>
      <c r="C17436" t="s">
        <v>99</v>
      </c>
      <c r="D17436" t="s">
        <v>100</v>
      </c>
      <c r="E17436">
        <v>2023</v>
      </c>
      <c r="F17436">
        <v>2023</v>
      </c>
      <c r="G17436" t="s">
        <v>15</v>
      </c>
      <c r="H17436" t="s">
        <v>14</v>
      </c>
      <c r="I17436" t="s">
        <v>135</v>
      </c>
      <c r="J17436">
        <v>0.16014706300000001</v>
      </c>
    </row>
    <row r="17437" spans="1:10" x14ac:dyDescent="0.35">
      <c r="A17437" t="s">
        <v>62</v>
      </c>
      <c r="B17437" t="s">
        <v>66</v>
      </c>
      <c r="C17437" t="s">
        <v>99</v>
      </c>
      <c r="D17437" t="s">
        <v>100</v>
      </c>
      <c r="E17437">
        <v>2023</v>
      </c>
      <c r="F17437">
        <v>2023</v>
      </c>
      <c r="G17437" t="s">
        <v>15</v>
      </c>
      <c r="H17437" t="s">
        <v>14</v>
      </c>
      <c r="I17437" t="s">
        <v>136</v>
      </c>
      <c r="J17437">
        <v>4.1091075999999997E-2</v>
      </c>
    </row>
    <row r="17438" spans="1:10" x14ac:dyDescent="0.35">
      <c r="A17438" t="s">
        <v>62</v>
      </c>
      <c r="B17438" t="s">
        <v>67</v>
      </c>
      <c r="C17438" t="s">
        <v>99</v>
      </c>
      <c r="D17438" t="s">
        <v>100</v>
      </c>
      <c r="E17438">
        <v>2023</v>
      </c>
      <c r="F17438">
        <v>2023</v>
      </c>
      <c r="G17438" t="s">
        <v>15</v>
      </c>
      <c r="H17438" t="s">
        <v>14</v>
      </c>
      <c r="I17438" t="s">
        <v>134</v>
      </c>
      <c r="J17438">
        <v>0.74863090099999996</v>
      </c>
    </row>
    <row r="17439" spans="1:10" x14ac:dyDescent="0.35">
      <c r="A17439" t="s">
        <v>62</v>
      </c>
      <c r="B17439" t="s">
        <v>67</v>
      </c>
      <c r="C17439" t="s">
        <v>99</v>
      </c>
      <c r="D17439" t="s">
        <v>100</v>
      </c>
      <c r="E17439">
        <v>2023</v>
      </c>
      <c r="F17439">
        <v>2023</v>
      </c>
      <c r="G17439" t="s">
        <v>15</v>
      </c>
      <c r="H17439" t="s">
        <v>14</v>
      </c>
      <c r="I17439" t="s">
        <v>135</v>
      </c>
      <c r="J17439">
        <v>0.21186638599999999</v>
      </c>
    </row>
    <row r="17440" spans="1:10" x14ac:dyDescent="0.35">
      <c r="A17440" t="s">
        <v>62</v>
      </c>
      <c r="B17440" t="s">
        <v>67</v>
      </c>
      <c r="C17440" t="s">
        <v>99</v>
      </c>
      <c r="D17440" t="s">
        <v>100</v>
      </c>
      <c r="E17440">
        <v>2023</v>
      </c>
      <c r="F17440">
        <v>2023</v>
      </c>
      <c r="G17440" t="s">
        <v>15</v>
      </c>
      <c r="H17440" t="s">
        <v>14</v>
      </c>
      <c r="I17440" t="s">
        <v>136</v>
      </c>
      <c r="J17440">
        <v>3.9502712000000002E-2</v>
      </c>
    </row>
    <row r="17441" spans="1:10" x14ac:dyDescent="0.35">
      <c r="A17441" t="s">
        <v>62</v>
      </c>
      <c r="B17441" t="s">
        <v>68</v>
      </c>
      <c r="C17441" t="s">
        <v>99</v>
      </c>
      <c r="D17441" t="s">
        <v>100</v>
      </c>
      <c r="E17441">
        <v>2023</v>
      </c>
      <c r="F17441">
        <v>2023</v>
      </c>
      <c r="G17441" t="s">
        <v>15</v>
      </c>
      <c r="H17441" t="s">
        <v>14</v>
      </c>
      <c r="I17441" t="s">
        <v>134</v>
      </c>
      <c r="J17441">
        <v>0.82876512000000002</v>
      </c>
    </row>
    <row r="17442" spans="1:10" x14ac:dyDescent="0.35">
      <c r="A17442" t="s">
        <v>62</v>
      </c>
      <c r="B17442" t="s">
        <v>68</v>
      </c>
      <c r="C17442" t="s">
        <v>99</v>
      </c>
      <c r="D17442" t="s">
        <v>100</v>
      </c>
      <c r="E17442">
        <v>2023</v>
      </c>
      <c r="F17442">
        <v>2023</v>
      </c>
      <c r="G17442" t="s">
        <v>15</v>
      </c>
      <c r="H17442" t="s">
        <v>14</v>
      </c>
      <c r="I17442" t="s">
        <v>135</v>
      </c>
      <c r="J17442">
        <v>0.13654127299999999</v>
      </c>
    </row>
    <row r="17443" spans="1:10" x14ac:dyDescent="0.35">
      <c r="A17443" t="s">
        <v>62</v>
      </c>
      <c r="B17443" t="s">
        <v>68</v>
      </c>
      <c r="C17443" t="s">
        <v>99</v>
      </c>
      <c r="D17443" t="s">
        <v>100</v>
      </c>
      <c r="E17443">
        <v>2023</v>
      </c>
      <c r="F17443">
        <v>2023</v>
      </c>
      <c r="G17443" t="s">
        <v>15</v>
      </c>
      <c r="H17443" t="s">
        <v>14</v>
      </c>
      <c r="I17443" t="s">
        <v>136</v>
      </c>
      <c r="J17443">
        <v>3.4693606000000002E-2</v>
      </c>
    </row>
    <row r="17444" spans="1:10" x14ac:dyDescent="0.35">
      <c r="A17444" t="s">
        <v>62</v>
      </c>
      <c r="B17444" t="s">
        <v>69</v>
      </c>
      <c r="C17444" t="s">
        <v>99</v>
      </c>
      <c r="D17444" t="s">
        <v>100</v>
      </c>
      <c r="E17444">
        <v>2023</v>
      </c>
      <c r="F17444">
        <v>2023</v>
      </c>
      <c r="G17444" t="s">
        <v>15</v>
      </c>
      <c r="H17444" t="s">
        <v>14</v>
      </c>
      <c r="I17444" t="s">
        <v>134</v>
      </c>
      <c r="J17444">
        <v>0.68060208600000005</v>
      </c>
    </row>
    <row r="17445" spans="1:10" x14ac:dyDescent="0.35">
      <c r="A17445" t="s">
        <v>62</v>
      </c>
      <c r="B17445" t="s">
        <v>69</v>
      </c>
      <c r="C17445" t="s">
        <v>99</v>
      </c>
      <c r="D17445" t="s">
        <v>100</v>
      </c>
      <c r="E17445">
        <v>2023</v>
      </c>
      <c r="F17445">
        <v>2023</v>
      </c>
      <c r="G17445" t="s">
        <v>15</v>
      </c>
      <c r="H17445" t="s">
        <v>14</v>
      </c>
      <c r="I17445" t="s">
        <v>135</v>
      </c>
      <c r="J17445">
        <v>0.25560326500000002</v>
      </c>
    </row>
    <row r="17446" spans="1:10" x14ac:dyDescent="0.35">
      <c r="A17446" t="s">
        <v>62</v>
      </c>
      <c r="B17446" t="s">
        <v>69</v>
      </c>
      <c r="C17446" t="s">
        <v>99</v>
      </c>
      <c r="D17446" t="s">
        <v>100</v>
      </c>
      <c r="E17446">
        <v>2023</v>
      </c>
      <c r="F17446">
        <v>2023</v>
      </c>
      <c r="G17446" t="s">
        <v>15</v>
      </c>
      <c r="H17446" t="s">
        <v>14</v>
      </c>
      <c r="I17446" t="s">
        <v>136</v>
      </c>
      <c r="J17446">
        <v>6.3794648999999995E-2</v>
      </c>
    </row>
    <row r="17447" spans="1:10" x14ac:dyDescent="0.35">
      <c r="A17447" t="s">
        <v>62</v>
      </c>
      <c r="B17447" t="s">
        <v>70</v>
      </c>
      <c r="C17447" t="s">
        <v>99</v>
      </c>
      <c r="D17447" t="s">
        <v>100</v>
      </c>
      <c r="E17447">
        <v>2023</v>
      </c>
      <c r="F17447">
        <v>2023</v>
      </c>
      <c r="G17447" t="s">
        <v>15</v>
      </c>
      <c r="H17447" t="s">
        <v>14</v>
      </c>
      <c r="I17447" t="s">
        <v>134</v>
      </c>
      <c r="J17447">
        <v>0.68245797500000005</v>
      </c>
    </row>
    <row r="17448" spans="1:10" x14ac:dyDescent="0.35">
      <c r="A17448" t="s">
        <v>62</v>
      </c>
      <c r="B17448" t="s">
        <v>70</v>
      </c>
      <c r="C17448" t="s">
        <v>99</v>
      </c>
      <c r="D17448" t="s">
        <v>100</v>
      </c>
      <c r="E17448">
        <v>2023</v>
      </c>
      <c r="F17448">
        <v>2023</v>
      </c>
      <c r="G17448" t="s">
        <v>15</v>
      </c>
      <c r="H17448" t="s">
        <v>14</v>
      </c>
      <c r="I17448" t="s">
        <v>135</v>
      </c>
      <c r="J17448">
        <v>0.23665513799999999</v>
      </c>
    </row>
    <row r="17449" spans="1:10" x14ac:dyDescent="0.35">
      <c r="A17449" t="s">
        <v>62</v>
      </c>
      <c r="B17449" t="s">
        <v>70</v>
      </c>
      <c r="C17449" t="s">
        <v>99</v>
      </c>
      <c r="D17449" t="s">
        <v>100</v>
      </c>
      <c r="E17449">
        <v>2023</v>
      </c>
      <c r="F17449">
        <v>2023</v>
      </c>
      <c r="G17449" t="s">
        <v>15</v>
      </c>
      <c r="H17449" t="s">
        <v>14</v>
      </c>
      <c r="I17449" t="s">
        <v>136</v>
      </c>
      <c r="J17449">
        <v>8.0886887000000005E-2</v>
      </c>
    </row>
    <row r="17450" spans="1:10" x14ac:dyDescent="0.35">
      <c r="A17450" t="s">
        <v>35</v>
      </c>
      <c r="B17450" t="s">
        <v>71</v>
      </c>
      <c r="C17450" t="s">
        <v>99</v>
      </c>
      <c r="D17450" t="s">
        <v>100</v>
      </c>
      <c r="E17450">
        <v>2023</v>
      </c>
      <c r="F17450">
        <v>2023</v>
      </c>
      <c r="G17450" t="s">
        <v>15</v>
      </c>
      <c r="H17450" t="s">
        <v>14</v>
      </c>
      <c r="I17450" t="s">
        <v>134</v>
      </c>
      <c r="J17450">
        <v>0.75901394200000005</v>
      </c>
    </row>
    <row r="17451" spans="1:10" x14ac:dyDescent="0.35">
      <c r="A17451" t="s">
        <v>35</v>
      </c>
      <c r="B17451" t="s">
        <v>71</v>
      </c>
      <c r="C17451" t="s">
        <v>99</v>
      </c>
      <c r="D17451" t="s">
        <v>100</v>
      </c>
      <c r="E17451">
        <v>2023</v>
      </c>
      <c r="F17451">
        <v>2023</v>
      </c>
      <c r="G17451" t="s">
        <v>15</v>
      </c>
      <c r="H17451" t="s">
        <v>14</v>
      </c>
      <c r="I17451" t="s">
        <v>135</v>
      </c>
      <c r="J17451">
        <v>0.17779499000000001</v>
      </c>
    </row>
    <row r="17452" spans="1:10" x14ac:dyDescent="0.35">
      <c r="A17452" t="s">
        <v>35</v>
      </c>
      <c r="B17452" t="s">
        <v>71</v>
      </c>
      <c r="C17452" t="s">
        <v>99</v>
      </c>
      <c r="D17452" t="s">
        <v>100</v>
      </c>
      <c r="E17452">
        <v>2023</v>
      </c>
      <c r="F17452">
        <v>2023</v>
      </c>
      <c r="G17452" t="s">
        <v>15</v>
      </c>
      <c r="H17452" t="s">
        <v>14</v>
      </c>
      <c r="I17452" t="s">
        <v>136</v>
      </c>
      <c r="J17452">
        <v>6.3191069000000002E-2</v>
      </c>
    </row>
    <row r="17453" spans="1:10" x14ac:dyDescent="0.35">
      <c r="A17453" t="s">
        <v>20</v>
      </c>
      <c r="B17453" t="s">
        <v>72</v>
      </c>
      <c r="C17453" t="s">
        <v>99</v>
      </c>
      <c r="D17453" t="s">
        <v>100</v>
      </c>
      <c r="E17453">
        <v>2023</v>
      </c>
      <c r="F17453">
        <v>2023</v>
      </c>
      <c r="G17453" t="s">
        <v>15</v>
      </c>
      <c r="H17453" t="s">
        <v>14</v>
      </c>
      <c r="I17453" t="s">
        <v>134</v>
      </c>
      <c r="J17453">
        <v>0.61455619699999997</v>
      </c>
    </row>
    <row r="17454" spans="1:10" x14ac:dyDescent="0.35">
      <c r="A17454" t="s">
        <v>20</v>
      </c>
      <c r="B17454" t="s">
        <v>72</v>
      </c>
      <c r="C17454" t="s">
        <v>99</v>
      </c>
      <c r="D17454" t="s">
        <v>100</v>
      </c>
      <c r="E17454">
        <v>2023</v>
      </c>
      <c r="F17454">
        <v>2023</v>
      </c>
      <c r="G17454" t="s">
        <v>15</v>
      </c>
      <c r="H17454" t="s">
        <v>14</v>
      </c>
      <c r="I17454" t="s">
        <v>135</v>
      </c>
      <c r="J17454">
        <v>0.27248556499999999</v>
      </c>
    </row>
    <row r="17455" spans="1:10" x14ac:dyDescent="0.35">
      <c r="A17455" t="s">
        <v>20</v>
      </c>
      <c r="B17455" t="s">
        <v>72</v>
      </c>
      <c r="C17455" t="s">
        <v>99</v>
      </c>
      <c r="D17455" t="s">
        <v>100</v>
      </c>
      <c r="E17455">
        <v>2023</v>
      </c>
      <c r="F17455">
        <v>2023</v>
      </c>
      <c r="G17455" t="s">
        <v>15</v>
      </c>
      <c r="H17455" t="s">
        <v>14</v>
      </c>
      <c r="I17455" t="s">
        <v>136</v>
      </c>
      <c r="J17455">
        <v>0.112958238</v>
      </c>
    </row>
    <row r="17456" spans="1:10" x14ac:dyDescent="0.35">
      <c r="A17456" t="s">
        <v>26</v>
      </c>
      <c r="B17456" t="s">
        <v>73</v>
      </c>
      <c r="C17456" t="s">
        <v>99</v>
      </c>
      <c r="D17456" t="s">
        <v>100</v>
      </c>
      <c r="E17456">
        <v>2023</v>
      </c>
      <c r="F17456">
        <v>2023</v>
      </c>
      <c r="G17456" t="s">
        <v>15</v>
      </c>
      <c r="H17456" t="s">
        <v>14</v>
      </c>
      <c r="I17456" t="s">
        <v>134</v>
      </c>
      <c r="J17456">
        <v>0.50220437399999995</v>
      </c>
    </row>
    <row r="17457" spans="1:10" x14ac:dyDescent="0.35">
      <c r="A17457" t="s">
        <v>26</v>
      </c>
      <c r="B17457" t="s">
        <v>73</v>
      </c>
      <c r="C17457" t="s">
        <v>99</v>
      </c>
      <c r="D17457" t="s">
        <v>100</v>
      </c>
      <c r="E17457">
        <v>2023</v>
      </c>
      <c r="F17457">
        <v>2023</v>
      </c>
      <c r="G17457" t="s">
        <v>15</v>
      </c>
      <c r="H17457" t="s">
        <v>14</v>
      </c>
      <c r="I17457" t="s">
        <v>135</v>
      </c>
      <c r="J17457">
        <v>0.35387838799999999</v>
      </c>
    </row>
    <row r="17458" spans="1:10" x14ac:dyDescent="0.35">
      <c r="A17458" t="s">
        <v>26</v>
      </c>
      <c r="B17458" t="s">
        <v>73</v>
      </c>
      <c r="C17458" t="s">
        <v>99</v>
      </c>
      <c r="D17458" t="s">
        <v>100</v>
      </c>
      <c r="E17458">
        <v>2023</v>
      </c>
      <c r="F17458">
        <v>2023</v>
      </c>
      <c r="G17458" t="s">
        <v>15</v>
      </c>
      <c r="H17458" t="s">
        <v>14</v>
      </c>
      <c r="I17458" t="s">
        <v>136</v>
      </c>
      <c r="J17458">
        <v>0.143917238</v>
      </c>
    </row>
    <row r="17459" spans="1:10" x14ac:dyDescent="0.35">
      <c r="A17459" t="s">
        <v>28</v>
      </c>
      <c r="B17459" t="s">
        <v>74</v>
      </c>
      <c r="C17459" t="s">
        <v>99</v>
      </c>
      <c r="D17459" t="s">
        <v>100</v>
      </c>
      <c r="E17459">
        <v>2023</v>
      </c>
      <c r="F17459">
        <v>2023</v>
      </c>
      <c r="G17459" t="s">
        <v>15</v>
      </c>
      <c r="H17459" t="s">
        <v>14</v>
      </c>
      <c r="I17459" t="s">
        <v>134</v>
      </c>
      <c r="J17459">
        <v>0.64439909500000003</v>
      </c>
    </row>
    <row r="17460" spans="1:10" x14ac:dyDescent="0.35">
      <c r="A17460" t="s">
        <v>28</v>
      </c>
      <c r="B17460" t="s">
        <v>74</v>
      </c>
      <c r="C17460" t="s">
        <v>99</v>
      </c>
      <c r="D17460" t="s">
        <v>100</v>
      </c>
      <c r="E17460">
        <v>2023</v>
      </c>
      <c r="F17460">
        <v>2023</v>
      </c>
      <c r="G17460" t="s">
        <v>15</v>
      </c>
      <c r="H17460" t="s">
        <v>14</v>
      </c>
      <c r="I17460" t="s">
        <v>135</v>
      </c>
      <c r="J17460">
        <v>0.25088513000000001</v>
      </c>
    </row>
    <row r="17461" spans="1:10" x14ac:dyDescent="0.35">
      <c r="A17461" t="s">
        <v>28</v>
      </c>
      <c r="B17461" t="s">
        <v>74</v>
      </c>
      <c r="C17461" t="s">
        <v>99</v>
      </c>
      <c r="D17461" t="s">
        <v>100</v>
      </c>
      <c r="E17461">
        <v>2023</v>
      </c>
      <c r="F17461">
        <v>2023</v>
      </c>
      <c r="G17461" t="s">
        <v>15</v>
      </c>
      <c r="H17461" t="s">
        <v>14</v>
      </c>
      <c r="I17461" t="s">
        <v>136</v>
      </c>
      <c r="J17461">
        <v>0.104715775</v>
      </c>
    </row>
    <row r="17462" spans="1:10" x14ac:dyDescent="0.35">
      <c r="A17462" t="s">
        <v>33</v>
      </c>
      <c r="B17462" t="s">
        <v>75</v>
      </c>
      <c r="C17462" t="s">
        <v>99</v>
      </c>
      <c r="D17462" t="s">
        <v>100</v>
      </c>
      <c r="E17462">
        <v>2023</v>
      </c>
      <c r="F17462">
        <v>2023</v>
      </c>
      <c r="G17462" t="s">
        <v>15</v>
      </c>
      <c r="H17462" t="s">
        <v>14</v>
      </c>
      <c r="I17462" t="s">
        <v>134</v>
      </c>
      <c r="J17462">
        <v>0.72651710199999997</v>
      </c>
    </row>
    <row r="17463" spans="1:10" x14ac:dyDescent="0.35">
      <c r="A17463" t="s">
        <v>33</v>
      </c>
      <c r="B17463" t="s">
        <v>75</v>
      </c>
      <c r="C17463" t="s">
        <v>99</v>
      </c>
      <c r="D17463" t="s">
        <v>100</v>
      </c>
      <c r="E17463">
        <v>2023</v>
      </c>
      <c r="F17463">
        <v>2023</v>
      </c>
      <c r="G17463" t="s">
        <v>15</v>
      </c>
      <c r="H17463" t="s">
        <v>14</v>
      </c>
      <c r="I17463" t="s">
        <v>135</v>
      </c>
      <c r="J17463">
        <v>0.19320828700000001</v>
      </c>
    </row>
    <row r="17464" spans="1:10" x14ac:dyDescent="0.35">
      <c r="A17464" t="s">
        <v>33</v>
      </c>
      <c r="B17464" t="s">
        <v>75</v>
      </c>
      <c r="C17464" t="s">
        <v>99</v>
      </c>
      <c r="D17464" t="s">
        <v>100</v>
      </c>
      <c r="E17464">
        <v>2023</v>
      </c>
      <c r="F17464">
        <v>2023</v>
      </c>
      <c r="G17464" t="s">
        <v>15</v>
      </c>
      <c r="H17464" t="s">
        <v>14</v>
      </c>
      <c r="I17464" t="s">
        <v>136</v>
      </c>
      <c r="J17464">
        <v>8.0274610999999996E-2</v>
      </c>
    </row>
    <row r="17465" spans="1:10" x14ac:dyDescent="0.35">
      <c r="A17465" t="s">
        <v>22</v>
      </c>
      <c r="B17465" t="s">
        <v>76</v>
      </c>
      <c r="C17465" t="s">
        <v>99</v>
      </c>
      <c r="D17465" t="s">
        <v>100</v>
      </c>
      <c r="E17465">
        <v>2023</v>
      </c>
      <c r="F17465">
        <v>2023</v>
      </c>
      <c r="G17465" t="s">
        <v>15</v>
      </c>
      <c r="H17465" t="s">
        <v>14</v>
      </c>
      <c r="I17465" t="s">
        <v>134</v>
      </c>
      <c r="J17465">
        <v>0.61850602200000004</v>
      </c>
    </row>
    <row r="17466" spans="1:10" x14ac:dyDescent="0.35">
      <c r="A17466" t="s">
        <v>22</v>
      </c>
      <c r="B17466" t="s">
        <v>76</v>
      </c>
      <c r="C17466" t="s">
        <v>99</v>
      </c>
      <c r="D17466" t="s">
        <v>100</v>
      </c>
      <c r="E17466">
        <v>2023</v>
      </c>
      <c r="F17466">
        <v>2023</v>
      </c>
      <c r="G17466" t="s">
        <v>15</v>
      </c>
      <c r="H17466" t="s">
        <v>14</v>
      </c>
      <c r="I17466" t="s">
        <v>135</v>
      </c>
      <c r="J17466">
        <v>0.24881013599999999</v>
      </c>
    </row>
    <row r="17467" spans="1:10" x14ac:dyDescent="0.35">
      <c r="A17467" t="s">
        <v>22</v>
      </c>
      <c r="B17467" t="s">
        <v>76</v>
      </c>
      <c r="C17467" t="s">
        <v>99</v>
      </c>
      <c r="D17467" t="s">
        <v>100</v>
      </c>
      <c r="E17467">
        <v>2023</v>
      </c>
      <c r="F17467">
        <v>2023</v>
      </c>
      <c r="G17467" t="s">
        <v>15</v>
      </c>
      <c r="H17467" t="s">
        <v>14</v>
      </c>
      <c r="I17467" t="s">
        <v>136</v>
      </c>
      <c r="J17467">
        <v>0.132683842</v>
      </c>
    </row>
    <row r="17468" spans="1:10" x14ac:dyDescent="0.35">
      <c r="A17468" t="s">
        <v>33</v>
      </c>
      <c r="B17468" t="s">
        <v>77</v>
      </c>
      <c r="C17468" t="s">
        <v>99</v>
      </c>
      <c r="D17468" t="s">
        <v>100</v>
      </c>
      <c r="E17468">
        <v>2023</v>
      </c>
      <c r="F17468">
        <v>2023</v>
      </c>
      <c r="G17468" t="s">
        <v>15</v>
      </c>
      <c r="H17468" t="s">
        <v>14</v>
      </c>
      <c r="I17468" t="s">
        <v>134</v>
      </c>
      <c r="J17468">
        <v>0.70184626299999997</v>
      </c>
    </row>
    <row r="17469" spans="1:10" x14ac:dyDescent="0.35">
      <c r="A17469" t="s">
        <v>33</v>
      </c>
      <c r="B17469" t="s">
        <v>77</v>
      </c>
      <c r="C17469" t="s">
        <v>99</v>
      </c>
      <c r="D17469" t="s">
        <v>100</v>
      </c>
      <c r="E17469">
        <v>2023</v>
      </c>
      <c r="F17469">
        <v>2023</v>
      </c>
      <c r="G17469" t="s">
        <v>15</v>
      </c>
      <c r="H17469" t="s">
        <v>14</v>
      </c>
      <c r="I17469" t="s">
        <v>135</v>
      </c>
      <c r="J17469">
        <v>0.220013019</v>
      </c>
    </row>
    <row r="17470" spans="1:10" x14ac:dyDescent="0.35">
      <c r="A17470" t="s">
        <v>33</v>
      </c>
      <c r="B17470" t="s">
        <v>77</v>
      </c>
      <c r="C17470" t="s">
        <v>99</v>
      </c>
      <c r="D17470" t="s">
        <v>100</v>
      </c>
      <c r="E17470">
        <v>2023</v>
      </c>
      <c r="F17470">
        <v>2023</v>
      </c>
      <c r="G17470" t="s">
        <v>15</v>
      </c>
      <c r="H17470" t="s">
        <v>14</v>
      </c>
      <c r="I17470" t="s">
        <v>136</v>
      </c>
      <c r="J17470">
        <v>7.8140717999999998E-2</v>
      </c>
    </row>
    <row r="17471" spans="1:10" x14ac:dyDescent="0.35">
      <c r="A17471" t="s">
        <v>22</v>
      </c>
      <c r="B17471" t="s">
        <v>78</v>
      </c>
      <c r="C17471" t="s">
        <v>99</v>
      </c>
      <c r="D17471" t="s">
        <v>100</v>
      </c>
      <c r="E17471">
        <v>2023</v>
      </c>
      <c r="F17471">
        <v>2023</v>
      </c>
      <c r="G17471" t="s">
        <v>15</v>
      </c>
      <c r="H17471" t="s">
        <v>14</v>
      </c>
      <c r="I17471" t="s">
        <v>134</v>
      </c>
      <c r="J17471">
        <v>0.58653961499999996</v>
      </c>
    </row>
    <row r="17472" spans="1:10" x14ac:dyDescent="0.35">
      <c r="A17472" t="s">
        <v>22</v>
      </c>
      <c r="B17472" t="s">
        <v>78</v>
      </c>
      <c r="C17472" t="s">
        <v>99</v>
      </c>
      <c r="D17472" t="s">
        <v>100</v>
      </c>
      <c r="E17472">
        <v>2023</v>
      </c>
      <c r="F17472">
        <v>2023</v>
      </c>
      <c r="G17472" t="s">
        <v>15</v>
      </c>
      <c r="H17472" t="s">
        <v>14</v>
      </c>
      <c r="I17472" t="s">
        <v>135</v>
      </c>
      <c r="J17472">
        <v>0.25058205099999997</v>
      </c>
    </row>
    <row r="17473" spans="1:10" x14ac:dyDescent="0.35">
      <c r="A17473" t="s">
        <v>22</v>
      </c>
      <c r="B17473" t="s">
        <v>78</v>
      </c>
      <c r="C17473" t="s">
        <v>99</v>
      </c>
      <c r="D17473" t="s">
        <v>100</v>
      </c>
      <c r="E17473">
        <v>2023</v>
      </c>
      <c r="F17473">
        <v>2023</v>
      </c>
      <c r="G17473" t="s">
        <v>15</v>
      </c>
      <c r="H17473" t="s">
        <v>14</v>
      </c>
      <c r="I17473" t="s">
        <v>136</v>
      </c>
      <c r="J17473">
        <v>0.16287833299999999</v>
      </c>
    </row>
    <row r="17474" spans="1:10" x14ac:dyDescent="0.35">
      <c r="A17474" t="s">
        <v>28</v>
      </c>
      <c r="B17474" t="s">
        <v>79</v>
      </c>
      <c r="C17474" t="s">
        <v>99</v>
      </c>
      <c r="D17474" t="s">
        <v>100</v>
      </c>
      <c r="E17474">
        <v>2023</v>
      </c>
      <c r="F17474">
        <v>2023</v>
      </c>
      <c r="G17474" t="s">
        <v>15</v>
      </c>
      <c r="H17474" t="s">
        <v>14</v>
      </c>
      <c r="I17474" t="s">
        <v>134</v>
      </c>
      <c r="J17474">
        <v>0.54067058300000004</v>
      </c>
    </row>
    <row r="17475" spans="1:10" x14ac:dyDescent="0.35">
      <c r="A17475" t="s">
        <v>28</v>
      </c>
      <c r="B17475" t="s">
        <v>79</v>
      </c>
      <c r="C17475" t="s">
        <v>99</v>
      </c>
      <c r="D17475" t="s">
        <v>100</v>
      </c>
      <c r="E17475">
        <v>2023</v>
      </c>
      <c r="F17475">
        <v>2023</v>
      </c>
      <c r="G17475" t="s">
        <v>15</v>
      </c>
      <c r="H17475" t="s">
        <v>14</v>
      </c>
      <c r="I17475" t="s">
        <v>135</v>
      </c>
      <c r="J17475">
        <v>0.26195299799999999</v>
      </c>
    </row>
    <row r="17476" spans="1:10" x14ac:dyDescent="0.35">
      <c r="A17476" t="s">
        <v>28</v>
      </c>
      <c r="B17476" t="s">
        <v>79</v>
      </c>
      <c r="C17476" t="s">
        <v>99</v>
      </c>
      <c r="D17476" t="s">
        <v>100</v>
      </c>
      <c r="E17476">
        <v>2023</v>
      </c>
      <c r="F17476">
        <v>2023</v>
      </c>
      <c r="G17476" t="s">
        <v>15</v>
      </c>
      <c r="H17476" t="s">
        <v>14</v>
      </c>
      <c r="I17476" t="s">
        <v>136</v>
      </c>
      <c r="J17476">
        <v>0.197376418</v>
      </c>
    </row>
    <row r="17477" spans="1:10" x14ac:dyDescent="0.35">
      <c r="A17477" t="s">
        <v>26</v>
      </c>
      <c r="B17477" t="s">
        <v>80</v>
      </c>
      <c r="C17477" t="s">
        <v>99</v>
      </c>
      <c r="D17477" t="s">
        <v>100</v>
      </c>
      <c r="E17477">
        <v>2023</v>
      </c>
      <c r="F17477">
        <v>2023</v>
      </c>
      <c r="G17477" t="s">
        <v>15</v>
      </c>
      <c r="H17477" t="s">
        <v>14</v>
      </c>
      <c r="I17477" t="s">
        <v>134</v>
      </c>
      <c r="J17477">
        <v>0.62146565200000004</v>
      </c>
    </row>
    <row r="17478" spans="1:10" x14ac:dyDescent="0.35">
      <c r="A17478" t="s">
        <v>26</v>
      </c>
      <c r="B17478" t="s">
        <v>80</v>
      </c>
      <c r="C17478" t="s">
        <v>99</v>
      </c>
      <c r="D17478" t="s">
        <v>100</v>
      </c>
      <c r="E17478">
        <v>2023</v>
      </c>
      <c r="F17478">
        <v>2023</v>
      </c>
      <c r="G17478" t="s">
        <v>15</v>
      </c>
      <c r="H17478" t="s">
        <v>14</v>
      </c>
      <c r="I17478" t="s">
        <v>135</v>
      </c>
      <c r="J17478">
        <v>0.29892646499999997</v>
      </c>
    </row>
    <row r="17479" spans="1:10" x14ac:dyDescent="0.35">
      <c r="A17479" t="s">
        <v>26</v>
      </c>
      <c r="B17479" t="s">
        <v>80</v>
      </c>
      <c r="C17479" t="s">
        <v>99</v>
      </c>
      <c r="D17479" t="s">
        <v>100</v>
      </c>
      <c r="E17479">
        <v>2023</v>
      </c>
      <c r="F17479">
        <v>2023</v>
      </c>
      <c r="G17479" t="s">
        <v>15</v>
      </c>
      <c r="H17479" t="s">
        <v>14</v>
      </c>
      <c r="I17479" t="s">
        <v>136</v>
      </c>
      <c r="J17479">
        <v>7.9607883000000004E-2</v>
      </c>
    </row>
    <row r="17480" spans="1:10" x14ac:dyDescent="0.35">
      <c r="A17480" t="s">
        <v>20</v>
      </c>
      <c r="B17480" t="s">
        <v>81</v>
      </c>
      <c r="C17480" t="s">
        <v>99</v>
      </c>
      <c r="D17480" t="s">
        <v>100</v>
      </c>
      <c r="E17480">
        <v>2023</v>
      </c>
      <c r="F17480">
        <v>2023</v>
      </c>
      <c r="G17480" t="s">
        <v>15</v>
      </c>
      <c r="H17480" t="s">
        <v>14</v>
      </c>
      <c r="I17480" t="s">
        <v>134</v>
      </c>
      <c r="J17480">
        <v>0.70776157200000001</v>
      </c>
    </row>
    <row r="17481" spans="1:10" x14ac:dyDescent="0.35">
      <c r="A17481" t="s">
        <v>20</v>
      </c>
      <c r="B17481" t="s">
        <v>81</v>
      </c>
      <c r="C17481" t="s">
        <v>99</v>
      </c>
      <c r="D17481" t="s">
        <v>100</v>
      </c>
      <c r="E17481">
        <v>2023</v>
      </c>
      <c r="F17481">
        <v>2023</v>
      </c>
      <c r="G17481" t="s">
        <v>15</v>
      </c>
      <c r="H17481" t="s">
        <v>14</v>
      </c>
      <c r="I17481" t="s">
        <v>135</v>
      </c>
      <c r="J17481">
        <v>0.224031488</v>
      </c>
    </row>
    <row r="17482" spans="1:10" x14ac:dyDescent="0.35">
      <c r="A17482" t="s">
        <v>20</v>
      </c>
      <c r="B17482" t="s">
        <v>81</v>
      </c>
      <c r="C17482" t="s">
        <v>99</v>
      </c>
      <c r="D17482" t="s">
        <v>100</v>
      </c>
      <c r="E17482">
        <v>2023</v>
      </c>
      <c r="F17482">
        <v>2023</v>
      </c>
      <c r="G17482" t="s">
        <v>15</v>
      </c>
      <c r="H17482" t="s">
        <v>14</v>
      </c>
      <c r="I17482" t="s">
        <v>136</v>
      </c>
      <c r="J17482">
        <v>6.8206938999999994E-2</v>
      </c>
    </row>
    <row r="17483" spans="1:10" x14ac:dyDescent="0.35">
      <c r="A17483" t="s">
        <v>33</v>
      </c>
      <c r="B17483" t="s">
        <v>82</v>
      </c>
      <c r="C17483" t="s">
        <v>99</v>
      </c>
      <c r="D17483" t="s">
        <v>100</v>
      </c>
      <c r="E17483">
        <v>2023</v>
      </c>
      <c r="F17483">
        <v>2023</v>
      </c>
      <c r="G17483" t="s">
        <v>15</v>
      </c>
      <c r="H17483" t="s">
        <v>14</v>
      </c>
      <c r="I17483" t="s">
        <v>134</v>
      </c>
      <c r="J17483">
        <v>0.456863719</v>
      </c>
    </row>
    <row r="17484" spans="1:10" x14ac:dyDescent="0.35">
      <c r="A17484" t="s">
        <v>33</v>
      </c>
      <c r="B17484" t="s">
        <v>82</v>
      </c>
      <c r="C17484" t="s">
        <v>99</v>
      </c>
      <c r="D17484" t="s">
        <v>100</v>
      </c>
      <c r="E17484">
        <v>2023</v>
      </c>
      <c r="F17484">
        <v>2023</v>
      </c>
      <c r="G17484" t="s">
        <v>15</v>
      </c>
      <c r="H17484" t="s">
        <v>14</v>
      </c>
      <c r="I17484" t="s">
        <v>135</v>
      </c>
      <c r="J17484">
        <v>0.34936799699999999</v>
      </c>
    </row>
    <row r="17485" spans="1:10" x14ac:dyDescent="0.35">
      <c r="A17485" t="s">
        <v>33</v>
      </c>
      <c r="B17485" t="s">
        <v>82</v>
      </c>
      <c r="C17485" t="s">
        <v>99</v>
      </c>
      <c r="D17485" t="s">
        <v>100</v>
      </c>
      <c r="E17485">
        <v>2023</v>
      </c>
      <c r="F17485">
        <v>2023</v>
      </c>
      <c r="G17485" t="s">
        <v>15</v>
      </c>
      <c r="H17485" t="s">
        <v>14</v>
      </c>
      <c r="I17485" t="s">
        <v>136</v>
      </c>
      <c r="J17485">
        <v>0.19376828400000001</v>
      </c>
    </row>
    <row r="17486" spans="1:10" x14ac:dyDescent="0.35">
      <c r="A17486" t="s">
        <v>26</v>
      </c>
      <c r="B17486" t="s">
        <v>83</v>
      </c>
      <c r="C17486" t="s">
        <v>99</v>
      </c>
      <c r="D17486" t="s">
        <v>100</v>
      </c>
      <c r="E17486">
        <v>2023</v>
      </c>
      <c r="F17486">
        <v>2023</v>
      </c>
      <c r="G17486" t="s">
        <v>15</v>
      </c>
      <c r="H17486" t="s">
        <v>14</v>
      </c>
      <c r="I17486" t="s">
        <v>134</v>
      </c>
      <c r="J17486">
        <v>0.66672326000000004</v>
      </c>
    </row>
    <row r="17487" spans="1:10" x14ac:dyDescent="0.35">
      <c r="A17487" t="s">
        <v>26</v>
      </c>
      <c r="B17487" t="s">
        <v>83</v>
      </c>
      <c r="C17487" t="s">
        <v>99</v>
      </c>
      <c r="D17487" t="s">
        <v>100</v>
      </c>
      <c r="E17487">
        <v>2023</v>
      </c>
      <c r="F17487">
        <v>2023</v>
      </c>
      <c r="G17487" t="s">
        <v>15</v>
      </c>
      <c r="H17487" t="s">
        <v>14</v>
      </c>
      <c r="I17487" t="s">
        <v>135</v>
      </c>
      <c r="J17487">
        <v>0.298132428</v>
      </c>
    </row>
    <row r="17488" spans="1:10" x14ac:dyDescent="0.35">
      <c r="A17488" t="s">
        <v>26</v>
      </c>
      <c r="B17488" t="s">
        <v>83</v>
      </c>
      <c r="C17488" t="s">
        <v>99</v>
      </c>
      <c r="D17488" t="s">
        <v>100</v>
      </c>
      <c r="E17488">
        <v>2023</v>
      </c>
      <c r="F17488">
        <v>2023</v>
      </c>
      <c r="G17488" t="s">
        <v>15</v>
      </c>
      <c r="H17488" t="s">
        <v>14</v>
      </c>
      <c r="I17488" t="s">
        <v>136</v>
      </c>
      <c r="J17488">
        <v>3.5144311999999997E-2</v>
      </c>
    </row>
    <row r="17489" spans="1:10" x14ac:dyDescent="0.35">
      <c r="A17489" t="s">
        <v>35</v>
      </c>
      <c r="B17489" t="s">
        <v>84</v>
      </c>
      <c r="C17489" t="s">
        <v>99</v>
      </c>
      <c r="D17489" t="s">
        <v>100</v>
      </c>
      <c r="E17489">
        <v>2023</v>
      </c>
      <c r="F17489">
        <v>2023</v>
      </c>
      <c r="G17489" t="s">
        <v>15</v>
      </c>
      <c r="H17489" t="s">
        <v>14</v>
      </c>
      <c r="I17489" t="s">
        <v>134</v>
      </c>
      <c r="J17489">
        <v>0.657696803</v>
      </c>
    </row>
    <row r="17490" spans="1:10" x14ac:dyDescent="0.35">
      <c r="A17490" t="s">
        <v>35</v>
      </c>
      <c r="B17490" t="s">
        <v>84</v>
      </c>
      <c r="C17490" t="s">
        <v>99</v>
      </c>
      <c r="D17490" t="s">
        <v>100</v>
      </c>
      <c r="E17490">
        <v>2023</v>
      </c>
      <c r="F17490">
        <v>2023</v>
      </c>
      <c r="G17490" t="s">
        <v>15</v>
      </c>
      <c r="H17490" t="s">
        <v>14</v>
      </c>
      <c r="I17490" t="s">
        <v>135</v>
      </c>
      <c r="J17490">
        <v>0.24688722900000001</v>
      </c>
    </row>
    <row r="17491" spans="1:10" x14ac:dyDescent="0.35">
      <c r="A17491" t="s">
        <v>35</v>
      </c>
      <c r="B17491" t="s">
        <v>84</v>
      </c>
      <c r="C17491" t="s">
        <v>99</v>
      </c>
      <c r="D17491" t="s">
        <v>100</v>
      </c>
      <c r="E17491">
        <v>2023</v>
      </c>
      <c r="F17491">
        <v>2023</v>
      </c>
      <c r="G17491" t="s">
        <v>15</v>
      </c>
      <c r="H17491" t="s">
        <v>14</v>
      </c>
      <c r="I17491" t="s">
        <v>136</v>
      </c>
      <c r="J17491">
        <v>9.5415968000000004E-2</v>
      </c>
    </row>
    <row r="17492" spans="1:10" x14ac:dyDescent="0.35">
      <c r="A17492" t="s">
        <v>33</v>
      </c>
      <c r="B17492" t="s">
        <v>85</v>
      </c>
      <c r="C17492" t="s">
        <v>99</v>
      </c>
      <c r="D17492" t="s">
        <v>100</v>
      </c>
      <c r="E17492">
        <v>2023</v>
      </c>
      <c r="F17492">
        <v>2023</v>
      </c>
      <c r="G17492" t="s">
        <v>15</v>
      </c>
      <c r="H17492" t="s">
        <v>14</v>
      </c>
      <c r="I17492" t="s">
        <v>134</v>
      </c>
      <c r="J17492">
        <v>0.51562867199999995</v>
      </c>
    </row>
    <row r="17493" spans="1:10" x14ac:dyDescent="0.35">
      <c r="A17493" t="s">
        <v>33</v>
      </c>
      <c r="B17493" t="s">
        <v>85</v>
      </c>
      <c r="C17493" t="s">
        <v>99</v>
      </c>
      <c r="D17493" t="s">
        <v>100</v>
      </c>
      <c r="E17493">
        <v>2023</v>
      </c>
      <c r="F17493">
        <v>2023</v>
      </c>
      <c r="G17493" t="s">
        <v>15</v>
      </c>
      <c r="H17493" t="s">
        <v>14</v>
      </c>
      <c r="I17493" t="s">
        <v>135</v>
      </c>
      <c r="J17493">
        <v>0.30244157199999999</v>
      </c>
    </row>
    <row r="17494" spans="1:10" x14ac:dyDescent="0.35">
      <c r="A17494" t="s">
        <v>33</v>
      </c>
      <c r="B17494" t="s">
        <v>85</v>
      </c>
      <c r="C17494" t="s">
        <v>99</v>
      </c>
      <c r="D17494" t="s">
        <v>100</v>
      </c>
      <c r="E17494">
        <v>2023</v>
      </c>
      <c r="F17494">
        <v>2023</v>
      </c>
      <c r="G17494" t="s">
        <v>15</v>
      </c>
      <c r="H17494" t="s">
        <v>14</v>
      </c>
      <c r="I17494" t="s">
        <v>136</v>
      </c>
      <c r="J17494">
        <v>0.181929756</v>
      </c>
    </row>
    <row r="17495" spans="1:10" x14ac:dyDescent="0.35">
      <c r="A17495" t="s">
        <v>33</v>
      </c>
      <c r="B17495" t="s">
        <v>86</v>
      </c>
      <c r="C17495" t="s">
        <v>99</v>
      </c>
      <c r="D17495" t="s">
        <v>100</v>
      </c>
      <c r="E17495">
        <v>2023</v>
      </c>
      <c r="F17495">
        <v>2023</v>
      </c>
      <c r="G17495" t="s">
        <v>15</v>
      </c>
      <c r="H17495" t="s">
        <v>14</v>
      </c>
      <c r="I17495" t="s">
        <v>134</v>
      </c>
      <c r="J17495">
        <v>0.445970696</v>
      </c>
    </row>
    <row r="17496" spans="1:10" x14ac:dyDescent="0.35">
      <c r="A17496" t="s">
        <v>33</v>
      </c>
      <c r="B17496" t="s">
        <v>86</v>
      </c>
      <c r="C17496" t="s">
        <v>99</v>
      </c>
      <c r="D17496" t="s">
        <v>100</v>
      </c>
      <c r="E17496">
        <v>2023</v>
      </c>
      <c r="F17496">
        <v>2023</v>
      </c>
      <c r="G17496" t="s">
        <v>15</v>
      </c>
      <c r="H17496" t="s">
        <v>14</v>
      </c>
      <c r="I17496" t="s">
        <v>135</v>
      </c>
      <c r="J17496">
        <v>0.32556253299999999</v>
      </c>
    </row>
    <row r="17497" spans="1:10" x14ac:dyDescent="0.35">
      <c r="A17497" t="s">
        <v>33</v>
      </c>
      <c r="B17497" t="s">
        <v>86</v>
      </c>
      <c r="C17497" t="s">
        <v>99</v>
      </c>
      <c r="D17497" t="s">
        <v>100</v>
      </c>
      <c r="E17497">
        <v>2023</v>
      </c>
      <c r="F17497">
        <v>2023</v>
      </c>
      <c r="G17497" t="s">
        <v>15</v>
      </c>
      <c r="H17497" t="s">
        <v>14</v>
      </c>
      <c r="I17497" t="s">
        <v>136</v>
      </c>
      <c r="J17497">
        <v>0.22846677100000001</v>
      </c>
    </row>
    <row r="17498" spans="1:10" x14ac:dyDescent="0.35">
      <c r="A17498" t="s">
        <v>35</v>
      </c>
      <c r="B17498" t="s">
        <v>87</v>
      </c>
      <c r="C17498" t="s">
        <v>99</v>
      </c>
      <c r="D17498" t="s">
        <v>100</v>
      </c>
      <c r="E17498">
        <v>2023</v>
      </c>
      <c r="F17498">
        <v>2023</v>
      </c>
      <c r="G17498" t="s">
        <v>15</v>
      </c>
      <c r="H17498" t="s">
        <v>14</v>
      </c>
      <c r="I17498" t="s">
        <v>134</v>
      </c>
      <c r="J17498">
        <v>0.49707583900000002</v>
      </c>
    </row>
    <row r="17499" spans="1:10" x14ac:dyDescent="0.35">
      <c r="A17499" t="s">
        <v>35</v>
      </c>
      <c r="B17499" t="s">
        <v>87</v>
      </c>
      <c r="C17499" t="s">
        <v>99</v>
      </c>
      <c r="D17499" t="s">
        <v>100</v>
      </c>
      <c r="E17499">
        <v>2023</v>
      </c>
      <c r="F17499">
        <v>2023</v>
      </c>
      <c r="G17499" t="s">
        <v>15</v>
      </c>
      <c r="H17499" t="s">
        <v>14</v>
      </c>
      <c r="I17499" t="s">
        <v>135</v>
      </c>
      <c r="J17499">
        <v>0.33190023099999999</v>
      </c>
    </row>
    <row r="17500" spans="1:10" x14ac:dyDescent="0.35">
      <c r="A17500" t="s">
        <v>35</v>
      </c>
      <c r="B17500" t="s">
        <v>87</v>
      </c>
      <c r="C17500" t="s">
        <v>99</v>
      </c>
      <c r="D17500" t="s">
        <v>100</v>
      </c>
      <c r="E17500">
        <v>2023</v>
      </c>
      <c r="F17500">
        <v>2023</v>
      </c>
      <c r="G17500" t="s">
        <v>15</v>
      </c>
      <c r="H17500" t="s">
        <v>14</v>
      </c>
      <c r="I17500" t="s">
        <v>136</v>
      </c>
      <c r="J17500">
        <v>0.17102393099999999</v>
      </c>
    </row>
    <row r="17501" spans="1:10" x14ac:dyDescent="0.35">
      <c r="A17501" t="s">
        <v>35</v>
      </c>
      <c r="B17501" t="s">
        <v>88</v>
      </c>
      <c r="C17501" t="s">
        <v>99</v>
      </c>
      <c r="D17501" t="s">
        <v>100</v>
      </c>
      <c r="E17501">
        <v>2023</v>
      </c>
      <c r="F17501">
        <v>2023</v>
      </c>
      <c r="G17501" t="s">
        <v>15</v>
      </c>
      <c r="H17501" t="s">
        <v>14</v>
      </c>
      <c r="I17501" t="s">
        <v>134</v>
      </c>
      <c r="J17501">
        <v>0.591903022</v>
      </c>
    </row>
    <row r="17502" spans="1:10" x14ac:dyDescent="0.35">
      <c r="A17502" t="s">
        <v>35</v>
      </c>
      <c r="B17502" t="s">
        <v>88</v>
      </c>
      <c r="C17502" t="s">
        <v>99</v>
      </c>
      <c r="D17502" t="s">
        <v>100</v>
      </c>
      <c r="E17502">
        <v>2023</v>
      </c>
      <c r="F17502">
        <v>2023</v>
      </c>
      <c r="G17502" t="s">
        <v>15</v>
      </c>
      <c r="H17502" t="s">
        <v>14</v>
      </c>
      <c r="I17502" t="s">
        <v>135</v>
      </c>
      <c r="J17502">
        <v>0.26065773399999997</v>
      </c>
    </row>
    <row r="17503" spans="1:10" x14ac:dyDescent="0.35">
      <c r="A17503" t="s">
        <v>35</v>
      </c>
      <c r="B17503" t="s">
        <v>88</v>
      </c>
      <c r="C17503" t="s">
        <v>99</v>
      </c>
      <c r="D17503" t="s">
        <v>100</v>
      </c>
      <c r="E17503">
        <v>2023</v>
      </c>
      <c r="F17503">
        <v>2023</v>
      </c>
      <c r="G17503" t="s">
        <v>15</v>
      </c>
      <c r="H17503" t="s">
        <v>14</v>
      </c>
      <c r="I17503" t="s">
        <v>136</v>
      </c>
      <c r="J17503">
        <v>0.147439244</v>
      </c>
    </row>
    <row r="17504" spans="1:10" x14ac:dyDescent="0.35">
      <c r="A17504" t="s">
        <v>62</v>
      </c>
      <c r="B17504" t="s">
        <v>89</v>
      </c>
      <c r="C17504" t="s">
        <v>99</v>
      </c>
      <c r="D17504" t="s">
        <v>100</v>
      </c>
      <c r="E17504">
        <v>2023</v>
      </c>
      <c r="F17504">
        <v>2023</v>
      </c>
      <c r="G17504" t="s">
        <v>15</v>
      </c>
      <c r="H17504" t="s">
        <v>14</v>
      </c>
      <c r="I17504" t="s">
        <v>134</v>
      </c>
      <c r="J17504">
        <v>0.61846766500000006</v>
      </c>
    </row>
    <row r="17505" spans="1:10" x14ac:dyDescent="0.35">
      <c r="A17505" t="s">
        <v>62</v>
      </c>
      <c r="B17505" t="s">
        <v>89</v>
      </c>
      <c r="C17505" t="s">
        <v>99</v>
      </c>
      <c r="D17505" t="s">
        <v>100</v>
      </c>
      <c r="E17505">
        <v>2023</v>
      </c>
      <c r="F17505">
        <v>2023</v>
      </c>
      <c r="G17505" t="s">
        <v>15</v>
      </c>
      <c r="H17505" t="s">
        <v>14</v>
      </c>
      <c r="I17505" t="s">
        <v>135</v>
      </c>
      <c r="J17505">
        <v>0.28329842500000002</v>
      </c>
    </row>
    <row r="17506" spans="1:10" x14ac:dyDescent="0.35">
      <c r="A17506" t="s">
        <v>62</v>
      </c>
      <c r="B17506" t="s">
        <v>89</v>
      </c>
      <c r="C17506" t="s">
        <v>99</v>
      </c>
      <c r="D17506" t="s">
        <v>100</v>
      </c>
      <c r="E17506">
        <v>2023</v>
      </c>
      <c r="F17506">
        <v>2023</v>
      </c>
      <c r="G17506" t="s">
        <v>15</v>
      </c>
      <c r="H17506" t="s">
        <v>14</v>
      </c>
      <c r="I17506" t="s">
        <v>136</v>
      </c>
      <c r="J17506">
        <v>9.8233909999999994E-2</v>
      </c>
    </row>
    <row r="17507" spans="1:10" x14ac:dyDescent="0.35">
      <c r="A17507" t="s">
        <v>26</v>
      </c>
      <c r="B17507" t="s">
        <v>90</v>
      </c>
      <c r="C17507" t="s">
        <v>99</v>
      </c>
      <c r="D17507" t="s">
        <v>100</v>
      </c>
      <c r="E17507">
        <v>2023</v>
      </c>
      <c r="F17507">
        <v>2023</v>
      </c>
      <c r="G17507" t="s">
        <v>15</v>
      </c>
      <c r="H17507" t="s">
        <v>14</v>
      </c>
      <c r="I17507" t="s">
        <v>134</v>
      </c>
      <c r="J17507">
        <v>0.68685965199999999</v>
      </c>
    </row>
    <row r="17508" spans="1:10" x14ac:dyDescent="0.35">
      <c r="A17508" t="s">
        <v>26</v>
      </c>
      <c r="B17508" t="s">
        <v>90</v>
      </c>
      <c r="C17508" t="s">
        <v>99</v>
      </c>
      <c r="D17508" t="s">
        <v>100</v>
      </c>
      <c r="E17508">
        <v>2023</v>
      </c>
      <c r="F17508">
        <v>2023</v>
      </c>
      <c r="G17508" t="s">
        <v>15</v>
      </c>
      <c r="H17508" t="s">
        <v>14</v>
      </c>
      <c r="I17508" t="s">
        <v>135</v>
      </c>
      <c r="J17508">
        <v>0.28102130400000003</v>
      </c>
    </row>
    <row r="17509" spans="1:10" x14ac:dyDescent="0.35">
      <c r="A17509" t="s">
        <v>26</v>
      </c>
      <c r="B17509" t="s">
        <v>90</v>
      </c>
      <c r="C17509" t="s">
        <v>99</v>
      </c>
      <c r="D17509" t="s">
        <v>100</v>
      </c>
      <c r="E17509">
        <v>2023</v>
      </c>
      <c r="F17509">
        <v>2023</v>
      </c>
      <c r="G17509" t="s">
        <v>15</v>
      </c>
      <c r="H17509" t="s">
        <v>14</v>
      </c>
      <c r="I17509" t="s">
        <v>136</v>
      </c>
      <c r="J17509">
        <v>3.2119043999999999E-2</v>
      </c>
    </row>
    <row r="17510" spans="1:10" x14ac:dyDescent="0.35">
      <c r="A17510" t="s">
        <v>26</v>
      </c>
      <c r="B17510" t="s">
        <v>91</v>
      </c>
      <c r="C17510" t="s">
        <v>99</v>
      </c>
      <c r="D17510" t="s">
        <v>100</v>
      </c>
      <c r="E17510">
        <v>2023</v>
      </c>
      <c r="F17510">
        <v>2023</v>
      </c>
      <c r="G17510" t="s">
        <v>15</v>
      </c>
      <c r="H17510" t="s">
        <v>14</v>
      </c>
      <c r="I17510" t="s">
        <v>134</v>
      </c>
      <c r="J17510">
        <v>0.490058828</v>
      </c>
    </row>
    <row r="17511" spans="1:10" x14ac:dyDescent="0.35">
      <c r="A17511" t="s">
        <v>26</v>
      </c>
      <c r="B17511" t="s">
        <v>91</v>
      </c>
      <c r="C17511" t="s">
        <v>99</v>
      </c>
      <c r="D17511" t="s">
        <v>100</v>
      </c>
      <c r="E17511">
        <v>2023</v>
      </c>
      <c r="F17511">
        <v>2023</v>
      </c>
      <c r="G17511" t="s">
        <v>15</v>
      </c>
      <c r="H17511" t="s">
        <v>14</v>
      </c>
      <c r="I17511" t="s">
        <v>135</v>
      </c>
      <c r="J17511">
        <v>0.35850274300000001</v>
      </c>
    </row>
    <row r="17512" spans="1:10" x14ac:dyDescent="0.35">
      <c r="A17512" t="s">
        <v>26</v>
      </c>
      <c r="B17512" t="s">
        <v>91</v>
      </c>
      <c r="C17512" t="s">
        <v>99</v>
      </c>
      <c r="D17512" t="s">
        <v>100</v>
      </c>
      <c r="E17512">
        <v>2023</v>
      </c>
      <c r="F17512">
        <v>2023</v>
      </c>
      <c r="G17512" t="s">
        <v>15</v>
      </c>
      <c r="H17512" t="s">
        <v>14</v>
      </c>
      <c r="I17512" t="s">
        <v>136</v>
      </c>
      <c r="J17512">
        <v>0.15143842900000001</v>
      </c>
    </row>
    <row r="17513" spans="1:10" x14ac:dyDescent="0.35">
      <c r="A17513" t="s">
        <v>33</v>
      </c>
      <c r="B17513" t="s">
        <v>92</v>
      </c>
      <c r="C17513" t="s">
        <v>99</v>
      </c>
      <c r="D17513" t="s">
        <v>100</v>
      </c>
      <c r="E17513">
        <v>2023</v>
      </c>
      <c r="F17513">
        <v>2023</v>
      </c>
      <c r="G17513" t="s">
        <v>15</v>
      </c>
      <c r="H17513" t="s">
        <v>14</v>
      </c>
      <c r="I17513" t="s">
        <v>134</v>
      </c>
      <c r="J17513">
        <v>0.48912536699999998</v>
      </c>
    </row>
    <row r="17514" spans="1:10" x14ac:dyDescent="0.35">
      <c r="A17514" t="s">
        <v>33</v>
      </c>
      <c r="B17514" t="s">
        <v>92</v>
      </c>
      <c r="C17514" t="s">
        <v>99</v>
      </c>
      <c r="D17514" t="s">
        <v>100</v>
      </c>
      <c r="E17514">
        <v>2023</v>
      </c>
      <c r="F17514">
        <v>2023</v>
      </c>
      <c r="G17514" t="s">
        <v>15</v>
      </c>
      <c r="H17514" t="s">
        <v>14</v>
      </c>
      <c r="I17514" t="s">
        <v>135</v>
      </c>
      <c r="J17514">
        <v>0.26702503999999999</v>
      </c>
    </row>
    <row r="17515" spans="1:10" x14ac:dyDescent="0.35">
      <c r="A17515" t="s">
        <v>33</v>
      </c>
      <c r="B17515" t="s">
        <v>92</v>
      </c>
      <c r="C17515" t="s">
        <v>99</v>
      </c>
      <c r="D17515" t="s">
        <v>100</v>
      </c>
      <c r="E17515">
        <v>2023</v>
      </c>
      <c r="F17515">
        <v>2023</v>
      </c>
      <c r="G17515" t="s">
        <v>15</v>
      </c>
      <c r="H17515" t="s">
        <v>14</v>
      </c>
      <c r="I17515" t="s">
        <v>136</v>
      </c>
      <c r="J17515">
        <v>0.243849593</v>
      </c>
    </row>
    <row r="17516" spans="1:10" x14ac:dyDescent="0.35">
      <c r="A17516" t="s">
        <v>35</v>
      </c>
      <c r="B17516" t="s">
        <v>93</v>
      </c>
      <c r="C17516" t="s">
        <v>99</v>
      </c>
      <c r="D17516" t="s">
        <v>100</v>
      </c>
      <c r="E17516">
        <v>2023</v>
      </c>
      <c r="F17516">
        <v>2023</v>
      </c>
      <c r="G17516" t="s">
        <v>15</v>
      </c>
      <c r="H17516" t="s">
        <v>14</v>
      </c>
      <c r="I17516" t="s">
        <v>134</v>
      </c>
      <c r="J17516">
        <v>0.319577575</v>
      </c>
    </row>
    <row r="17517" spans="1:10" x14ac:dyDescent="0.35">
      <c r="A17517" t="s">
        <v>35</v>
      </c>
      <c r="B17517" t="s">
        <v>93</v>
      </c>
      <c r="C17517" t="s">
        <v>99</v>
      </c>
      <c r="D17517" t="s">
        <v>100</v>
      </c>
      <c r="E17517">
        <v>2023</v>
      </c>
      <c r="F17517">
        <v>2023</v>
      </c>
      <c r="G17517" t="s">
        <v>15</v>
      </c>
      <c r="H17517" t="s">
        <v>14</v>
      </c>
      <c r="I17517" t="s">
        <v>135</v>
      </c>
      <c r="J17517">
        <v>0.41813419499999999</v>
      </c>
    </row>
    <row r="17518" spans="1:10" x14ac:dyDescent="0.35">
      <c r="A17518" t="s">
        <v>35</v>
      </c>
      <c r="B17518" t="s">
        <v>93</v>
      </c>
      <c r="C17518" t="s">
        <v>99</v>
      </c>
      <c r="D17518" t="s">
        <v>100</v>
      </c>
      <c r="E17518">
        <v>2023</v>
      </c>
      <c r="F17518">
        <v>2023</v>
      </c>
      <c r="G17518" t="s">
        <v>15</v>
      </c>
      <c r="H17518" t="s">
        <v>14</v>
      </c>
      <c r="I17518" t="s">
        <v>136</v>
      </c>
      <c r="J17518">
        <v>0.26228823000000001</v>
      </c>
    </row>
    <row r="17519" spans="1:10" x14ac:dyDescent="0.35">
      <c r="A17519" t="s">
        <v>20</v>
      </c>
      <c r="B17519" t="s">
        <v>94</v>
      </c>
      <c r="C17519" t="s">
        <v>99</v>
      </c>
      <c r="D17519" t="s">
        <v>100</v>
      </c>
      <c r="E17519">
        <v>2023</v>
      </c>
      <c r="F17519">
        <v>2023</v>
      </c>
      <c r="G17519" t="s">
        <v>15</v>
      </c>
      <c r="H17519" t="s">
        <v>14</v>
      </c>
      <c r="I17519" t="s">
        <v>134</v>
      </c>
      <c r="J17519">
        <v>0.69802050500000001</v>
      </c>
    </row>
    <row r="17520" spans="1:10" x14ac:dyDescent="0.35">
      <c r="A17520" t="s">
        <v>20</v>
      </c>
      <c r="B17520" t="s">
        <v>94</v>
      </c>
      <c r="C17520" t="s">
        <v>99</v>
      </c>
      <c r="D17520" t="s">
        <v>100</v>
      </c>
      <c r="E17520">
        <v>2023</v>
      </c>
      <c r="F17520">
        <v>2023</v>
      </c>
      <c r="G17520" t="s">
        <v>15</v>
      </c>
      <c r="H17520" t="s">
        <v>14</v>
      </c>
      <c r="I17520" t="s">
        <v>135</v>
      </c>
      <c r="J17520">
        <v>0.20354434699999999</v>
      </c>
    </row>
    <row r="17521" spans="1:10" x14ac:dyDescent="0.35">
      <c r="A17521" t="s">
        <v>20</v>
      </c>
      <c r="B17521" t="s">
        <v>94</v>
      </c>
      <c r="C17521" t="s">
        <v>99</v>
      </c>
      <c r="D17521" t="s">
        <v>100</v>
      </c>
      <c r="E17521">
        <v>2023</v>
      </c>
      <c r="F17521">
        <v>2023</v>
      </c>
      <c r="G17521" t="s">
        <v>15</v>
      </c>
      <c r="H17521" t="s">
        <v>14</v>
      </c>
      <c r="I17521" t="s">
        <v>136</v>
      </c>
      <c r="J17521">
        <v>9.8435148E-2</v>
      </c>
    </row>
  </sheetData>
  <autoFilter ref="A1:J17302" xr:uid="{00000000-0009-0000-0000-000000000000}">
    <sortState xmlns:xlrd2="http://schemas.microsoft.com/office/spreadsheetml/2017/richdata2" ref="A1681:J1753">
      <sortCondition ref="B1681:B17300"/>
    </sortState>
  </autoFilter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2aae4b3d-89b0-4287-b514-253578f20458" xsi:nil="true"/>
    <gd3e280c44c043e38ab992083fd5c2fd xmlns="2aae4b3d-89b0-4287-b514-253578f20458">
      <Terms xmlns="http://schemas.microsoft.com/office/infopath/2007/PartnerControls"/>
    </gd3e280c44c043e38ab992083fd5c2fd>
    <me0ca972d02b47c28edd321aedd6af02 xmlns="2aae4b3d-89b0-4287-b514-253578f20458">
      <Terms xmlns="http://schemas.microsoft.com/office/infopath/2007/PartnerControls"/>
    </me0ca972d02b47c28edd321aedd6af02>
    <ha2d3fbb5bda47118db6a0a97a3a64c7 xmlns="2aae4b3d-89b0-4287-b514-253578f20458">
      <Terms xmlns="http://schemas.microsoft.com/office/infopath/2007/PartnerControls"/>
    </ha2d3fbb5bda47118db6a0a97a3a64c7>
    <_dlc_DocId xmlns="ba1e2775-c5f7-4c38-89d0-c2a519a4d58b">SPICE-1831586844-21652</_dlc_DocId>
    <_dlc_DocIdUrl xmlns="ba1e2775-c5f7-4c38-89d0-c2a519a4d58b">
      <Url>https://scottish4.sharepoint.com/sites/office-spice/_layouts/15/DocIdRedir.aspx?ID=SPICE-1831586844-21652</Url>
      <Description>SPICE-1831586844-21652</Description>
    </_dlc_DocIdUrl>
  </documentManagement>
</p:properties>
</file>

<file path=customXml/item2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SPS document" ma:contentTypeID="0x0101005E5DD8656D982041A2F2278B8806232B0100FD0D20D6D51E1A4AA3C94B78EB698519" ma:contentTypeVersion="25" ma:contentTypeDescription="" ma:contentTypeScope="" ma:versionID="9dd5331824c3451d8e7387e88a7303db">
  <xsd:schema xmlns:xsd="http://www.w3.org/2001/XMLSchema" xmlns:xs="http://www.w3.org/2001/XMLSchema" xmlns:p="http://schemas.microsoft.com/office/2006/metadata/properties" xmlns:ns2="2aae4b3d-89b0-4287-b514-253578f20458" xmlns:ns3="ba1e2775-c5f7-4c38-89d0-c2a519a4d58b" targetNamespace="http://schemas.microsoft.com/office/2006/metadata/properties" ma:root="true" ma:fieldsID="d81f8be2b6257a8ef2317a26838a003b" ns2:_="" ns3:_="">
    <xsd:import namespace="2aae4b3d-89b0-4287-b514-253578f20458"/>
    <xsd:import namespace="ba1e2775-c5f7-4c38-89d0-c2a519a4d58b"/>
    <xsd:element name="properties">
      <xsd:complexType>
        <xsd:sequence>
          <xsd:element name="documentManagement">
            <xsd:complexType>
              <xsd:all>
                <xsd:element ref="ns2:me0ca972d02b47c28edd321aedd6af02" minOccurs="0"/>
                <xsd:element ref="ns2:TaxCatchAll" minOccurs="0"/>
                <xsd:element ref="ns2:TaxCatchAllLabel" minOccurs="0"/>
                <xsd:element ref="ns2:ha2d3fbb5bda47118db6a0a97a3a64c7" minOccurs="0"/>
                <xsd:element ref="ns2:gd3e280c44c043e38ab992083fd5c2fd" minOccurs="0"/>
                <xsd:element ref="ns3:_dlc_DocId" minOccurs="0"/>
                <xsd:element ref="ns3:_dlc_DocIdUrl" minOccurs="0"/>
                <xsd:element ref="ns3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aae4b3d-89b0-4287-b514-253578f20458" elementFormDefault="qualified">
    <xsd:import namespace="http://schemas.microsoft.com/office/2006/documentManagement/types"/>
    <xsd:import namespace="http://schemas.microsoft.com/office/infopath/2007/PartnerControls"/>
    <xsd:element name="me0ca972d02b47c28edd321aedd6af02" ma:index="8" nillable="true" ma:taxonomy="true" ma:internalName="me0ca972d02b47c28edd321aedd6af02" ma:taxonomyFieldName="Record_x0020_classification" ma:displayName="Record classification" ma:indexed="true" ma:default="" ma:fieldId="{6e0ca972-d02b-47c2-8edd-321aedd6af02}" ma:sspId="dae72980-c616-4350-b1f0-944e8da80af3" ma:termSetId="7ce5ed2c-7970-4dad-a989-f36bd51a5ca2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CatchAll" ma:index="9" nillable="true" ma:displayName="Taxonomy Catch All Column" ma:hidden="true" ma:list="{24c4abfa-39f0-42b9-9850-fff322a5406d}" ma:internalName="TaxCatchAll" ma:showField="CatchAllData" ma:web="ba1e2775-c5f7-4c38-89d0-c2a519a4d58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0" nillable="true" ma:displayName="Taxonomy Catch All Column1" ma:hidden="true" ma:list="{24c4abfa-39f0-42b9-9850-fff322a5406d}" ma:internalName="TaxCatchAllLabel" ma:readOnly="true" ma:showField="CatchAllDataLabel" ma:web="ba1e2775-c5f7-4c38-89d0-c2a519a4d58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ha2d3fbb5bda47118db6a0a97a3a64c7" ma:index="12" nillable="true" ma:taxonomy="true" ma:internalName="ha2d3fbb5bda47118db6a0a97a3a64c7" ma:taxonomyFieldName="Security_x0020_marking" ma:displayName="Security marking" ma:default="" ma:fieldId="{1a2d3fbb-5bda-4711-8db6-a0a97a3a64c7}" ma:sspId="dae72980-c616-4350-b1f0-944e8da80af3" ma:termSetId="2101e3b3-ab6a-42f9-8e9e-f64b3905e49a" ma:anchorId="13ac7dcf-f3a2-4d0b-9e80-dd4d34be5e4c" ma:open="false" ma:isKeyword="false">
      <xsd:complexType>
        <xsd:sequence>
          <xsd:element ref="pc:Terms" minOccurs="0" maxOccurs="1"/>
        </xsd:sequence>
      </xsd:complexType>
    </xsd:element>
    <xsd:element name="gd3e280c44c043e38ab992083fd5c2fd" ma:index="14" nillable="true" ma:taxonomy="true" ma:internalName="gd3e280c44c043e38ab992083fd5c2fd" ma:taxonomyFieldName="Security_x0020_caveat" ma:displayName="Security caveat" ma:default="" ma:fieldId="{0d3e280c-44c0-43e3-8ab9-92083fd5c2fd}" ma:taxonomyMulti="true" ma:sspId="dae72980-c616-4350-b1f0-944e8da80af3" ma:termSetId="2101e3b3-ab6a-42f9-8e9e-f64b3905e49a" ma:anchorId="6fc02b3e-bb1c-4c4e-a2fe-3cc73cb9b89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a1e2775-c5f7-4c38-89d0-c2a519a4d58b" elementFormDefault="qualified">
    <xsd:import namespace="http://schemas.microsoft.com/office/2006/documentManagement/types"/>
    <xsd:import namespace="http://schemas.microsoft.com/office/infopath/2007/PartnerControls"/>
    <xsd:element name="_dlc_DocId" ma:index="16" nillable="true" ma:displayName="Document ID Value" ma:description="The value of the document ID assigned to this item." ma:indexed="true" ma:internalName="_dlc_DocId" ma:readOnly="true">
      <xsd:simpleType>
        <xsd:restriction base="dms:Text"/>
      </xsd:simpleType>
    </xsd:element>
    <xsd:element name="_dlc_DocIdUrl" ma:index="17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8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SharedContentType xmlns="Microsoft.SharePoint.Taxonomy.ContentTypeSync" SourceId="dae72980-c616-4350-b1f0-944e8da80af3" ContentTypeId="0x0101005E5DD8656D982041A2F2278B8806232B01" PreviousValue="false"/>
</file>

<file path=customXml/item5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A799AC72-918B-4757-A8CC-91504CC8F492}">
  <ds:schemaRefs>
    <ds:schemaRef ds:uri="http://schemas.microsoft.com/office/2006/metadata/properties"/>
    <ds:schemaRef ds:uri="http://schemas.microsoft.com/office/infopath/2007/PartnerControls"/>
    <ds:schemaRef ds:uri="2aae4b3d-89b0-4287-b514-253578f20458"/>
    <ds:schemaRef ds:uri="ba1e2775-c5f7-4c38-89d0-c2a519a4d58b"/>
  </ds:schemaRefs>
</ds:datastoreItem>
</file>

<file path=customXml/itemProps2.xml><?xml version="1.0" encoding="utf-8"?>
<ds:datastoreItem xmlns:ds="http://schemas.openxmlformats.org/officeDocument/2006/customXml" ds:itemID="{22439D5A-5B85-4925-9279-D78333517A81}">
  <ds:schemaRefs>
    <ds:schemaRef ds:uri="http://schemas.microsoft.com/sharepoint/events"/>
  </ds:schemaRefs>
</ds:datastoreItem>
</file>

<file path=customXml/itemProps3.xml><?xml version="1.0" encoding="utf-8"?>
<ds:datastoreItem xmlns:ds="http://schemas.openxmlformats.org/officeDocument/2006/customXml" ds:itemID="{E071AA32-4758-4D24-8538-BE275F0D4FF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aae4b3d-89b0-4287-b514-253578f20458"/>
    <ds:schemaRef ds:uri="ba1e2775-c5f7-4c38-89d0-c2a519a4d58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6CEF0D97-2B7F-4EA1-B20C-F29AF5EABF02}">
  <ds:schemaRefs>
    <ds:schemaRef ds:uri="Microsoft.SharePoint.Taxonomy.ContentTypeSync"/>
  </ds:schemaRefs>
</ds:datastoreItem>
</file>

<file path=customXml/itemProps5.xml><?xml version="1.0" encoding="utf-8"?>
<ds:datastoreItem xmlns:ds="http://schemas.openxmlformats.org/officeDocument/2006/customXml" ds:itemID="{06333072-486C-4BCA-9A5B-3A1FE8D41C8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>The Scottish Parliament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iton A (Andrew)</dc:creator>
  <cp:keywords/>
  <dc:description/>
  <cp:lastModifiedBy>Aiton A (Andrew)</cp:lastModifiedBy>
  <cp:revision/>
  <dcterms:created xsi:type="dcterms:W3CDTF">2021-03-12T10:48:15Z</dcterms:created>
  <dcterms:modified xsi:type="dcterms:W3CDTF">2024-11-13T14:45:33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E5DD8656D982041A2F2278B8806232B0100FD0D20D6D51E1A4AA3C94B78EB698519</vt:lpwstr>
  </property>
  <property fmtid="{D5CDD505-2E9C-101B-9397-08002B2CF9AE}" pid="3" name="Order">
    <vt:r8>16900</vt:r8>
  </property>
  <property fmtid="{D5CDD505-2E9C-101B-9397-08002B2CF9AE}" pid="4" name="Record classification">
    <vt:lpwstr/>
  </property>
  <property fmtid="{D5CDD505-2E9C-101B-9397-08002B2CF9AE}" pid="5" name="Security caveat">
    <vt:lpwstr/>
  </property>
  <property fmtid="{D5CDD505-2E9C-101B-9397-08002B2CF9AE}" pid="6" name="Security marking">
    <vt:lpwstr/>
  </property>
  <property fmtid="{D5CDD505-2E9C-101B-9397-08002B2CF9AE}" pid="7" name="_dlc_DocIdItemGuid">
    <vt:lpwstr>67d9715f-218b-fac8-da66-6954f045b9fa</vt:lpwstr>
  </property>
</Properties>
</file>